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71" r:id="rId14"/>
  </p:sldMasterIdLst>
  <p:notesMasterIdLst>
    <p:notesMasterId r:id="rId66"/>
  </p:notesMasterIdLst>
  <p:handoutMasterIdLst>
    <p:handoutMasterId r:id="rId67"/>
  </p:handoutMasterIdLst>
  <p:sldIdLst>
    <p:sldId id="301" r:id="rId15"/>
    <p:sldId id="2147138775" r:id="rId16"/>
    <p:sldId id="2147473519" r:id="rId17"/>
    <p:sldId id="2147473221" r:id="rId18"/>
    <p:sldId id="309" r:id="rId19"/>
    <p:sldId id="310" r:id="rId20"/>
    <p:sldId id="312" r:id="rId21"/>
    <p:sldId id="2147473231" r:id="rId22"/>
    <p:sldId id="2147473512" r:id="rId23"/>
    <p:sldId id="260" r:id="rId24"/>
    <p:sldId id="2147473505" r:id="rId25"/>
    <p:sldId id="294" r:id="rId26"/>
    <p:sldId id="295" r:id="rId27"/>
    <p:sldId id="296" r:id="rId28"/>
    <p:sldId id="297" r:id="rId29"/>
    <p:sldId id="298" r:id="rId30"/>
    <p:sldId id="2147473510" r:id="rId31"/>
    <p:sldId id="2147473448" r:id="rId32"/>
    <p:sldId id="2147473503" r:id="rId33"/>
    <p:sldId id="362" r:id="rId34"/>
    <p:sldId id="2147473486" r:id="rId35"/>
    <p:sldId id="2147473455" r:id="rId36"/>
    <p:sldId id="2147473465" r:id="rId37"/>
    <p:sldId id="2147473466" r:id="rId38"/>
    <p:sldId id="2147473459" r:id="rId39"/>
    <p:sldId id="2147473468" r:id="rId40"/>
    <p:sldId id="2147473487" r:id="rId41"/>
    <p:sldId id="2147473463" r:id="rId42"/>
    <p:sldId id="2147473481" r:id="rId43"/>
    <p:sldId id="2147473517" r:id="rId44"/>
    <p:sldId id="2147473476" r:id="rId45"/>
    <p:sldId id="2147473478" r:id="rId46"/>
    <p:sldId id="2147473514" r:id="rId47"/>
    <p:sldId id="2147473495" r:id="rId48"/>
    <p:sldId id="2147473471" r:id="rId49"/>
    <p:sldId id="2147473475" r:id="rId50"/>
    <p:sldId id="2147473482" r:id="rId51"/>
    <p:sldId id="2147473480" r:id="rId52"/>
    <p:sldId id="2147473483" r:id="rId53"/>
    <p:sldId id="2147473484" r:id="rId54"/>
    <p:sldId id="2147473485" r:id="rId55"/>
    <p:sldId id="289" r:id="rId56"/>
    <p:sldId id="2147473521" r:id="rId57"/>
    <p:sldId id="2147473497" r:id="rId58"/>
    <p:sldId id="2147473498" r:id="rId59"/>
    <p:sldId id="2147473499" r:id="rId60"/>
    <p:sldId id="359" r:id="rId61"/>
    <p:sldId id="360" r:id="rId62"/>
    <p:sldId id="361" r:id="rId63"/>
    <p:sldId id="2147473509" r:id="rId64"/>
    <p:sldId id="256" r:id="rId65"/>
  </p:sldIdLst>
  <p:sldSz cx="12195175" cy="6859588"/>
  <p:notesSz cx="6742113" cy="9872663"/>
  <p:custDataLst>
    <p:tags r:id="rId68"/>
  </p:custDataLst>
  <p:defaultTex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p:defaultTextStyle>
  <p:extLst>
    <p:ext uri="{521415D9-36F7-43E2-AB2F-B90AF26B5E84}">
      <p14:sectionLst xmlns:p14="http://schemas.microsoft.com/office/powerpoint/2010/main">
        <p14:section name="Danish" id="{8D852F6B-B183-43B5-A26E-8A16307954DF}">
          <p14:sldIdLst>
            <p14:sldId id="301"/>
            <p14:sldId id="2147138775"/>
            <p14:sldId id="2147473519"/>
            <p14:sldId id="2147473221"/>
            <p14:sldId id="309"/>
            <p14:sldId id="310"/>
            <p14:sldId id="312"/>
            <p14:sldId id="2147473231"/>
            <p14:sldId id="2147473512"/>
            <p14:sldId id="260"/>
            <p14:sldId id="2147473505"/>
            <p14:sldId id="294"/>
            <p14:sldId id="295"/>
            <p14:sldId id="296"/>
            <p14:sldId id="297"/>
            <p14:sldId id="298"/>
            <p14:sldId id="2147473510"/>
            <p14:sldId id="2147473448"/>
            <p14:sldId id="2147473503"/>
            <p14:sldId id="362"/>
            <p14:sldId id="2147473486"/>
            <p14:sldId id="2147473455"/>
            <p14:sldId id="2147473465"/>
            <p14:sldId id="2147473466"/>
            <p14:sldId id="2147473459"/>
            <p14:sldId id="2147473468"/>
            <p14:sldId id="2147473487"/>
            <p14:sldId id="2147473463"/>
            <p14:sldId id="2147473481"/>
            <p14:sldId id="2147473517"/>
            <p14:sldId id="2147473476"/>
            <p14:sldId id="2147473478"/>
            <p14:sldId id="2147473514"/>
            <p14:sldId id="2147473495"/>
            <p14:sldId id="2147473471"/>
            <p14:sldId id="2147473475"/>
            <p14:sldId id="2147473482"/>
            <p14:sldId id="2147473480"/>
            <p14:sldId id="2147473483"/>
            <p14:sldId id="2147473484"/>
            <p14:sldId id="2147473485"/>
            <p14:sldId id="289"/>
            <p14:sldId id="2147473521"/>
            <p14:sldId id="2147473497"/>
            <p14:sldId id="2147473498"/>
            <p14:sldId id="2147473499"/>
            <p14:sldId id="359"/>
            <p14:sldId id="360"/>
            <p14:sldId id="361"/>
            <p14:sldId id="2147473509"/>
            <p14:sldId id="256"/>
          </p14:sldIdLst>
        </p14:section>
      </p14:sectionLst>
    </p:ex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E9B311B-F506-97C7-ED42-B515CBD4B233}" name="Lotte Brock" initials="LB" userId="S::Lotte.Brock@paconsulting.com::2c70c098-0d68-4cb8-8e0e-80a0b06d49a0" providerId="AD"/>
  <p188:author id="{BC684431-63EC-7B0D-F704-24CD3375EAE9}" name="Theis Ziegler" initials="TZ" userId="S::theis.ziegler@paconsulting.com::1d0357a8-3efe-41fa-839c-7601d995f2eb" providerId="AD"/>
  <p188:author id="{EEDAC539-FDD6-EEFB-ABF4-91664E58A067}" name="Rasmus Korch" initials="RK" userId="S::rasmus.korch@paconsulting.com::26296809-80a6-4c4e-846e-181fba4a0ab5" providerId="AD"/>
  <p188:author id="{36F9B43D-6E81-49DC-1E77-11EA5031404B}" name="Rasmus Korch" initials="" userId="S::Rasmus.Korch@paconsulting.com::26296809-80a6-4c4e-846e-181fba4a0ab5" providerId="AD"/>
  <p188:author id="{CEC5E84F-CA7A-0CAC-BEE6-F2136BBC7C43}" name="Flemming Jul-Rasmussen" initials="FJ" userId="S::Flemming.Jul-Rasmussen@paconsulting.com::3025cd7a-84e2-4fc3-90be-b055883fcd6a" providerId="AD"/>
  <p188:author id="{784FBA6B-10D0-5AE3-D38F-9261475D1E6E}" name="Nicklas Andersen" initials="NA" userId="S::Nicklas.Andersen@paconsulting.com::f7cdc261-7a33-426a-beb6-3af373b72a11" providerId="AD"/>
  <p188:author id="{08C972D7-FAD2-AF9C-B022-C45294F9ECC3}" name="Sofie Holm" initials="SH" userId="S::SofieElisabeth.Holm@paconsulting.com::aa2d2945-7c87-46b8-b9e1-c1194bfc5532" providerId="AD"/>
  <p188:author id="{ED8412EF-C033-8F34-7474-31D5F5EA63FF}" name="Natacha Søes" initials="NS" userId="S::Natacha.Soes@paconsulting.com::4ff377c7-65cc-4baf-be49-6fd75ce5f8a7"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F0038"/>
    <a:srgbClr val="107403"/>
    <a:srgbClr val="006E94"/>
    <a:srgbClr val="257A00"/>
    <a:srgbClr val="003D86"/>
    <a:srgbClr val="165C83"/>
    <a:srgbClr val="2B5E6E"/>
    <a:srgbClr val="E8ECF2"/>
    <a:srgbClr val="36465A"/>
    <a:srgbClr val="E7EDEE"/>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026" autoAdjust="0"/>
  </p:normalViewPr>
  <p:slideViewPr>
    <p:cSldViewPr snapToGrid="0">
      <p:cViewPr varScale="1">
        <p:scale>
          <a:sx n="101" d="100"/>
          <a:sy n="101" d="100"/>
        </p:scale>
        <p:origin x="126" y="414"/>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12.xml"/><Relationship Id="rId21" Type="http://schemas.openxmlformats.org/officeDocument/2006/relationships/slide" Target="slides/slide7.xml"/><Relationship Id="rId42" Type="http://schemas.openxmlformats.org/officeDocument/2006/relationships/slide" Target="slides/slide28.xml"/><Relationship Id="rId47" Type="http://schemas.openxmlformats.org/officeDocument/2006/relationships/slide" Target="slides/slide33.xml"/><Relationship Id="rId63" Type="http://schemas.openxmlformats.org/officeDocument/2006/relationships/slide" Target="slides/slide49.xml"/><Relationship Id="rId68"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2.xml"/><Relationship Id="rId29" Type="http://schemas.openxmlformats.org/officeDocument/2006/relationships/slide" Target="slides/slide15.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slide" Target="slides/slide23.xml"/><Relationship Id="rId40" Type="http://schemas.openxmlformats.org/officeDocument/2006/relationships/slide" Target="slides/slide26.xml"/><Relationship Id="rId45" Type="http://schemas.openxmlformats.org/officeDocument/2006/relationships/slide" Target="slides/slide31.xml"/><Relationship Id="rId53" Type="http://schemas.openxmlformats.org/officeDocument/2006/relationships/slide" Target="slides/slide39.xml"/><Relationship Id="rId58" Type="http://schemas.openxmlformats.org/officeDocument/2006/relationships/slide" Target="slides/slide44.xml"/><Relationship Id="rId66" Type="http://schemas.openxmlformats.org/officeDocument/2006/relationships/notesMaster" Target="notesMasters/notesMaster1.xml"/><Relationship Id="rId74" Type="http://schemas.microsoft.com/office/2018/10/relationships/authors" Target="authors.xml"/><Relationship Id="rId5" Type="http://schemas.openxmlformats.org/officeDocument/2006/relationships/customXml" Target="../customXml/item5.xml"/><Relationship Id="rId61" Type="http://schemas.openxmlformats.org/officeDocument/2006/relationships/slide" Target="slides/slide47.xml"/><Relationship Id="rId19" Type="http://schemas.openxmlformats.org/officeDocument/2006/relationships/slide" Target="slides/slide5.xml"/><Relationship Id="rId14" Type="http://schemas.openxmlformats.org/officeDocument/2006/relationships/slideMaster" Target="slideMasters/slideMaster1.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slide" Target="slides/slide21.xml"/><Relationship Id="rId43" Type="http://schemas.openxmlformats.org/officeDocument/2006/relationships/slide" Target="slides/slide29.xml"/><Relationship Id="rId48" Type="http://schemas.openxmlformats.org/officeDocument/2006/relationships/slide" Target="slides/slide34.xml"/><Relationship Id="rId56" Type="http://schemas.openxmlformats.org/officeDocument/2006/relationships/slide" Target="slides/slide42.xml"/><Relationship Id="rId64" Type="http://schemas.openxmlformats.org/officeDocument/2006/relationships/slide" Target="slides/slide50.xml"/><Relationship Id="rId69"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slide" Target="slides/slide37.xml"/><Relationship Id="rId72"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slide" Target="slides/slide24.xml"/><Relationship Id="rId46" Type="http://schemas.openxmlformats.org/officeDocument/2006/relationships/slide" Target="slides/slide32.xml"/><Relationship Id="rId59" Type="http://schemas.openxmlformats.org/officeDocument/2006/relationships/slide" Target="slides/slide45.xml"/><Relationship Id="rId67" Type="http://schemas.openxmlformats.org/officeDocument/2006/relationships/handoutMaster" Target="handoutMasters/handoutMaster1.xml"/><Relationship Id="rId20" Type="http://schemas.openxmlformats.org/officeDocument/2006/relationships/slide" Target="slides/slide6.xml"/><Relationship Id="rId41" Type="http://schemas.openxmlformats.org/officeDocument/2006/relationships/slide" Target="slides/slide27.xml"/><Relationship Id="rId54" Type="http://schemas.openxmlformats.org/officeDocument/2006/relationships/slide" Target="slides/slide40.xml"/><Relationship Id="rId62" Type="http://schemas.openxmlformats.org/officeDocument/2006/relationships/slide" Target="slides/slide48.xml"/><Relationship Id="rId7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slide" Target="slides/slide22.xml"/><Relationship Id="rId49" Type="http://schemas.openxmlformats.org/officeDocument/2006/relationships/slide" Target="slides/slide35.xml"/><Relationship Id="rId57" Type="http://schemas.openxmlformats.org/officeDocument/2006/relationships/slide" Target="slides/slide43.xml"/><Relationship Id="rId10" Type="http://schemas.openxmlformats.org/officeDocument/2006/relationships/customXml" Target="../customXml/item10.xml"/><Relationship Id="rId31" Type="http://schemas.openxmlformats.org/officeDocument/2006/relationships/slide" Target="slides/slide17.xml"/><Relationship Id="rId44" Type="http://schemas.openxmlformats.org/officeDocument/2006/relationships/slide" Target="slides/slide30.xml"/><Relationship Id="rId52" Type="http://schemas.openxmlformats.org/officeDocument/2006/relationships/slide" Target="slides/slide38.xml"/><Relationship Id="rId60" Type="http://schemas.openxmlformats.org/officeDocument/2006/relationships/slide" Target="slides/slide46.xml"/><Relationship Id="rId65" Type="http://schemas.openxmlformats.org/officeDocument/2006/relationships/slide" Target="slides/slide51.xml"/><Relationship Id="rId73"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slide" Target="slides/slide4.xml"/><Relationship Id="rId39" Type="http://schemas.openxmlformats.org/officeDocument/2006/relationships/slide" Target="slides/slide25.xml"/><Relationship Id="rId34" Type="http://schemas.openxmlformats.org/officeDocument/2006/relationships/slide" Target="slides/slide20.xml"/><Relationship Id="rId50" Type="http://schemas.openxmlformats.org/officeDocument/2006/relationships/slide" Target="slides/slide36.xml"/><Relationship Id="rId55" Type="http://schemas.openxmlformats.org/officeDocument/2006/relationships/slide" Target="slides/slide41.xml"/><Relationship Id="rId7" Type="http://schemas.openxmlformats.org/officeDocument/2006/relationships/customXml" Target="../customXml/item7.xml"/><Relationship Id="rId71" Type="http://schemas.openxmlformats.org/officeDocument/2006/relationships/theme" Target="theme/theme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Theis Ziegler" userId="1d0357a8-3efe-41fa-839c-7601d995f2eb" providerId="ADAL" clId="{DF415A0B-A0B9-4C60-9114-93ED0130F608}"/>
    <pc:docChg chg="undo redo custSel modSld modMainMaster">
      <pc:chgData name="Theis Ziegler" userId="1d0357a8-3efe-41fa-839c-7601d995f2eb" providerId="ADAL" clId="{DF415A0B-A0B9-4C60-9114-93ED0130F608}" dt="2026-03-27T08:54:37.026" v="4462"/>
      <pc:docMkLst>
        <pc:docMk/>
      </pc:docMkLst>
      <pc:sldChg chg="addSp delSp modSp mod">
        <pc:chgData name="Theis Ziegler" userId="1d0357a8-3efe-41fa-839c-7601d995f2eb" providerId="ADAL" clId="{DF415A0B-A0B9-4C60-9114-93ED0130F608}" dt="2026-03-26T08:24:11.871" v="4427" actId="1076"/>
        <pc:sldMkLst>
          <pc:docMk/>
          <pc:sldMk cId="4069972108" sldId="256"/>
        </pc:sldMkLst>
        <pc:spChg chg="add mod">
          <ac:chgData name="Theis Ziegler" userId="1d0357a8-3efe-41fa-839c-7601d995f2eb" providerId="ADAL" clId="{DF415A0B-A0B9-4C60-9114-93ED0130F608}" dt="2026-03-26T08:24:11.871" v="4427" actId="1076"/>
          <ac:spMkLst>
            <pc:docMk/>
            <pc:sldMk cId="4069972108" sldId="256"/>
            <ac:spMk id="2" creationId="{F7B9DA59-5348-BD7A-10D9-05089D932119}"/>
          </ac:spMkLst>
        </pc:spChg>
        <pc:spChg chg="mod ord">
          <ac:chgData name="Theis Ziegler" userId="1d0357a8-3efe-41fa-839c-7601d995f2eb" providerId="ADAL" clId="{DF415A0B-A0B9-4C60-9114-93ED0130F608}" dt="2026-03-09T13:56:46.777" v="4239" actId="13244"/>
          <ac:spMkLst>
            <pc:docMk/>
            <pc:sldMk cId="4069972108" sldId="256"/>
            <ac:spMk id="3" creationId="{26D1B29C-7176-45E9-F8D4-E3B731086D66}"/>
          </ac:spMkLst>
        </pc:spChg>
        <pc:graphicFrameChg chg="add mod">
          <ac:chgData name="Theis Ziegler" userId="1d0357a8-3efe-41fa-839c-7601d995f2eb" providerId="ADAL" clId="{DF415A0B-A0B9-4C60-9114-93ED0130F608}" dt="2026-03-26T08:23:41.577" v="4420"/>
          <ac:graphicFrameMkLst>
            <pc:docMk/>
            <pc:sldMk cId="4069972108" sldId="256"/>
            <ac:graphicFrameMk id="4" creationId="{28C130D8-333F-CC79-0DE4-1E5FDCE78712}"/>
          </ac:graphicFrameMkLst>
        </pc:graphicFrameChg>
        <pc:picChg chg="mod">
          <ac:chgData name="Theis Ziegler" userId="1d0357a8-3efe-41fa-839c-7601d995f2eb" providerId="ADAL" clId="{DF415A0B-A0B9-4C60-9114-93ED0130F608}" dt="2026-03-13T13:54:23.804" v="4270" actId="962"/>
          <ac:picMkLst>
            <pc:docMk/>
            <pc:sldMk cId="4069972108" sldId="256"/>
            <ac:picMk id="5" creationId="{25CB3F94-D4C4-4D6C-8595-3B2773AE130A}"/>
          </ac:picMkLst>
        </pc:picChg>
      </pc:sldChg>
      <pc:sldChg chg="modSp mod">
        <pc:chgData name="Theis Ziegler" userId="1d0357a8-3efe-41fa-839c-7601d995f2eb" providerId="ADAL" clId="{DF415A0B-A0B9-4C60-9114-93ED0130F608}" dt="2026-03-04T08:56:34.266" v="3123" actId="962"/>
        <pc:sldMkLst>
          <pc:docMk/>
          <pc:sldMk cId="3326234393" sldId="260"/>
        </pc:sldMkLst>
        <pc:spChg chg="mod">
          <ac:chgData name="Theis Ziegler" userId="1d0357a8-3efe-41fa-839c-7601d995f2eb" providerId="ADAL" clId="{DF415A0B-A0B9-4C60-9114-93ED0130F608}" dt="2026-03-04T08:56:34.266" v="3123" actId="962"/>
          <ac:spMkLst>
            <pc:docMk/>
            <pc:sldMk cId="3326234393" sldId="260"/>
            <ac:spMk id="6" creationId="{9C734526-D3F8-6308-FFF0-B344E187B8C5}"/>
          </ac:spMkLst>
        </pc:spChg>
        <pc:picChg chg="mod">
          <ac:chgData name="Theis Ziegler" userId="1d0357a8-3efe-41fa-839c-7601d995f2eb" providerId="ADAL" clId="{DF415A0B-A0B9-4C60-9114-93ED0130F608}" dt="2026-03-04T08:56:25.347" v="3122" actId="962"/>
          <ac:picMkLst>
            <pc:docMk/>
            <pc:sldMk cId="3326234393" sldId="260"/>
            <ac:picMk id="15" creationId="{A0F67DB2-D7B6-FE68-0B4E-3224D689170F}"/>
          </ac:picMkLst>
        </pc:picChg>
      </pc:sldChg>
      <pc:sldChg chg="modSp mod">
        <pc:chgData name="Theis Ziegler" userId="1d0357a8-3efe-41fa-839c-7601d995f2eb" providerId="ADAL" clId="{DF415A0B-A0B9-4C60-9114-93ED0130F608}" dt="2026-03-04T10:10:51.540" v="3708" actId="13244"/>
        <pc:sldMkLst>
          <pc:docMk/>
          <pc:sldMk cId="3518152938" sldId="289"/>
        </pc:sldMkLst>
        <pc:spChg chg="ord">
          <ac:chgData name="Theis Ziegler" userId="1d0357a8-3efe-41fa-839c-7601d995f2eb" providerId="ADAL" clId="{DF415A0B-A0B9-4C60-9114-93ED0130F608}" dt="2026-03-04T10:09:12.650" v="3697" actId="13244"/>
          <ac:spMkLst>
            <pc:docMk/>
            <pc:sldMk cId="3518152938" sldId="289"/>
            <ac:spMk id="3" creationId="{C8789C3C-DC13-CC72-186D-14B6AC984A40}"/>
          </ac:spMkLst>
        </pc:spChg>
        <pc:spChg chg="ord">
          <ac:chgData name="Theis Ziegler" userId="1d0357a8-3efe-41fa-839c-7601d995f2eb" providerId="ADAL" clId="{DF415A0B-A0B9-4C60-9114-93ED0130F608}" dt="2026-03-04T10:09:16.092" v="3698" actId="13244"/>
          <ac:spMkLst>
            <pc:docMk/>
            <pc:sldMk cId="3518152938" sldId="289"/>
            <ac:spMk id="5" creationId="{08B92B6E-013A-2FBB-A838-40B6D4333CDC}"/>
          </ac:spMkLst>
        </pc:spChg>
        <pc:spChg chg="ord">
          <ac:chgData name="Theis Ziegler" userId="1d0357a8-3efe-41fa-839c-7601d995f2eb" providerId="ADAL" clId="{DF415A0B-A0B9-4C60-9114-93ED0130F608}" dt="2026-03-04T10:10:51.540" v="3708" actId="13244"/>
          <ac:spMkLst>
            <pc:docMk/>
            <pc:sldMk cId="3518152938" sldId="289"/>
            <ac:spMk id="49" creationId="{F66E31EC-0CD3-A3DB-F041-B00015051246}"/>
          </ac:spMkLst>
        </pc:spChg>
        <pc:spChg chg="mod">
          <ac:chgData name="Theis Ziegler" userId="1d0357a8-3efe-41fa-839c-7601d995f2eb" providerId="ADAL" clId="{DF415A0B-A0B9-4C60-9114-93ED0130F608}" dt="2026-03-04T10:10:31.475" v="3706" actId="1076"/>
          <ac:spMkLst>
            <pc:docMk/>
            <pc:sldMk cId="3518152938" sldId="289"/>
            <ac:spMk id="92" creationId="{88126377-6FE7-0407-F11D-C29E0C2279F3}"/>
          </ac:spMkLst>
        </pc:spChg>
        <pc:spChg chg="ord">
          <ac:chgData name="Theis Ziegler" userId="1d0357a8-3efe-41fa-839c-7601d995f2eb" providerId="ADAL" clId="{DF415A0B-A0B9-4C60-9114-93ED0130F608}" dt="2026-03-04T10:10:51.540" v="3708" actId="13244"/>
          <ac:spMkLst>
            <pc:docMk/>
            <pc:sldMk cId="3518152938" sldId="289"/>
            <ac:spMk id="114" creationId="{E2BEB253-1B05-8711-1161-14CD0FBFE997}"/>
          </ac:spMkLst>
        </pc:spChg>
        <pc:spChg chg="ord">
          <ac:chgData name="Theis Ziegler" userId="1d0357a8-3efe-41fa-839c-7601d995f2eb" providerId="ADAL" clId="{DF415A0B-A0B9-4C60-9114-93ED0130F608}" dt="2026-03-04T10:10:51.540" v="3708" actId="13244"/>
          <ac:spMkLst>
            <pc:docMk/>
            <pc:sldMk cId="3518152938" sldId="289"/>
            <ac:spMk id="115" creationId="{987D9146-245D-B852-353F-56DE855479C2}"/>
          </ac:spMkLst>
        </pc:spChg>
        <pc:picChg chg="mod">
          <ac:chgData name="Theis Ziegler" userId="1d0357a8-3efe-41fa-839c-7601d995f2eb" providerId="ADAL" clId="{DF415A0B-A0B9-4C60-9114-93ED0130F608}" dt="2026-03-04T10:09:32.885" v="3701" actId="962"/>
          <ac:picMkLst>
            <pc:docMk/>
            <pc:sldMk cId="3518152938" sldId="289"/>
            <ac:picMk id="119" creationId="{4081DD17-967C-23AF-379E-AE17753C5D08}"/>
          </ac:picMkLst>
        </pc:picChg>
        <pc:picChg chg="mod">
          <ac:chgData name="Theis Ziegler" userId="1d0357a8-3efe-41fa-839c-7601d995f2eb" providerId="ADAL" clId="{DF415A0B-A0B9-4C60-9114-93ED0130F608}" dt="2026-03-04T10:09:36.391" v="3702" actId="962"/>
          <ac:picMkLst>
            <pc:docMk/>
            <pc:sldMk cId="3518152938" sldId="289"/>
            <ac:picMk id="125" creationId="{7B09C774-174F-14F2-CAC0-68AF365DBBE5}"/>
          </ac:picMkLst>
        </pc:picChg>
      </pc:sldChg>
      <pc:sldChg chg="modSp mod">
        <pc:chgData name="Theis Ziegler" userId="1d0357a8-3efe-41fa-839c-7601d995f2eb" providerId="ADAL" clId="{DF415A0B-A0B9-4C60-9114-93ED0130F608}" dt="2026-03-04T08:58:09.823" v="3136" actId="13244"/>
        <pc:sldMkLst>
          <pc:docMk/>
          <pc:sldMk cId="1100478042" sldId="294"/>
        </pc:sldMkLst>
        <pc:spChg chg="ord">
          <ac:chgData name="Theis Ziegler" userId="1d0357a8-3efe-41fa-839c-7601d995f2eb" providerId="ADAL" clId="{DF415A0B-A0B9-4C60-9114-93ED0130F608}" dt="2026-03-04T08:57:52.716" v="3131" actId="13244"/>
          <ac:spMkLst>
            <pc:docMk/>
            <pc:sldMk cId="1100478042" sldId="294"/>
            <ac:spMk id="14" creationId="{03C6C821-C3F0-2D3D-267C-7884A2964163}"/>
          </ac:spMkLst>
        </pc:spChg>
        <pc:spChg chg="ord">
          <ac:chgData name="Theis Ziegler" userId="1d0357a8-3efe-41fa-839c-7601d995f2eb" providerId="ADAL" clId="{DF415A0B-A0B9-4C60-9114-93ED0130F608}" dt="2026-03-04T08:57:35.643" v="3130" actId="13244"/>
          <ac:spMkLst>
            <pc:docMk/>
            <pc:sldMk cId="1100478042" sldId="294"/>
            <ac:spMk id="16" creationId="{EB9838F3-07EC-96FF-5270-AEB6C2F9B451}"/>
          </ac:spMkLst>
        </pc:spChg>
        <pc:spChg chg="ord">
          <ac:chgData name="Theis Ziegler" userId="1d0357a8-3efe-41fa-839c-7601d995f2eb" providerId="ADAL" clId="{DF415A0B-A0B9-4C60-9114-93ED0130F608}" dt="2026-03-04T08:58:03.503" v="3134" actId="13244"/>
          <ac:spMkLst>
            <pc:docMk/>
            <pc:sldMk cId="1100478042" sldId="294"/>
            <ac:spMk id="18" creationId="{AD11BAD9-65DB-4068-2E91-5EC1F16337F4}"/>
          </ac:spMkLst>
        </pc:spChg>
        <pc:spChg chg="ord">
          <ac:chgData name="Theis Ziegler" userId="1d0357a8-3efe-41fa-839c-7601d995f2eb" providerId="ADAL" clId="{DF415A0B-A0B9-4C60-9114-93ED0130F608}" dt="2026-03-04T08:58:05.750" v="3135" actId="13244"/>
          <ac:spMkLst>
            <pc:docMk/>
            <pc:sldMk cId="1100478042" sldId="294"/>
            <ac:spMk id="20" creationId="{57CA67D3-B957-03E3-C26C-E1FAC8CF5551}"/>
          </ac:spMkLst>
        </pc:spChg>
        <pc:spChg chg="ord">
          <ac:chgData name="Theis Ziegler" userId="1d0357a8-3efe-41fa-839c-7601d995f2eb" providerId="ADAL" clId="{DF415A0B-A0B9-4C60-9114-93ED0130F608}" dt="2026-03-04T08:58:09.823" v="3136" actId="13244"/>
          <ac:spMkLst>
            <pc:docMk/>
            <pc:sldMk cId="1100478042" sldId="294"/>
            <ac:spMk id="22" creationId="{E97093BB-94B9-D68D-1A1A-82B323076B5C}"/>
          </ac:spMkLst>
        </pc:spChg>
        <pc:spChg chg="ord">
          <ac:chgData name="Theis Ziegler" userId="1d0357a8-3efe-41fa-839c-7601d995f2eb" providerId="ADAL" clId="{DF415A0B-A0B9-4C60-9114-93ED0130F608}" dt="2026-03-04T08:57:56.528" v="3132" actId="13244"/>
          <ac:spMkLst>
            <pc:docMk/>
            <pc:sldMk cId="1100478042" sldId="294"/>
            <ac:spMk id="23" creationId="{4B31F33A-E8AD-B2B6-CDBC-E4DD98129F62}"/>
          </ac:spMkLst>
        </pc:spChg>
        <pc:spChg chg="ord">
          <ac:chgData name="Theis Ziegler" userId="1d0357a8-3efe-41fa-839c-7601d995f2eb" providerId="ADAL" clId="{DF415A0B-A0B9-4C60-9114-93ED0130F608}" dt="2026-03-04T08:58:01.289" v="3133" actId="13244"/>
          <ac:spMkLst>
            <pc:docMk/>
            <pc:sldMk cId="1100478042" sldId="294"/>
            <ac:spMk id="41" creationId="{EBF964D8-FC05-D0F7-2B7E-4C0150AA2A6E}"/>
          </ac:spMkLst>
        </pc:spChg>
      </pc:sldChg>
      <pc:sldChg chg="modSp mod">
        <pc:chgData name="Theis Ziegler" userId="1d0357a8-3efe-41fa-839c-7601d995f2eb" providerId="ADAL" clId="{DF415A0B-A0B9-4C60-9114-93ED0130F608}" dt="2026-03-04T09:08:34.676" v="3164" actId="13244"/>
        <pc:sldMkLst>
          <pc:docMk/>
          <pc:sldMk cId="1237032841" sldId="295"/>
        </pc:sldMkLst>
        <pc:spChg chg="ord">
          <ac:chgData name="Theis Ziegler" userId="1d0357a8-3efe-41fa-839c-7601d995f2eb" providerId="ADAL" clId="{DF415A0B-A0B9-4C60-9114-93ED0130F608}" dt="2026-03-04T08:58:58.496" v="3143" actId="167"/>
          <ac:spMkLst>
            <pc:docMk/>
            <pc:sldMk cId="1237032841" sldId="295"/>
            <ac:spMk id="6" creationId="{39105563-57C4-EF81-B405-0A216CE153C4}"/>
          </ac:spMkLst>
        </pc:spChg>
        <pc:spChg chg="mod ord">
          <ac:chgData name="Theis Ziegler" userId="1d0357a8-3efe-41fa-839c-7601d995f2eb" providerId="ADAL" clId="{DF415A0B-A0B9-4C60-9114-93ED0130F608}" dt="2026-03-04T09:08:34.676" v="3164" actId="13244"/>
          <ac:spMkLst>
            <pc:docMk/>
            <pc:sldMk cId="1237032841" sldId="295"/>
            <ac:spMk id="7" creationId="{75EA384C-5450-2E2D-7063-AA56EBA0D867}"/>
          </ac:spMkLst>
        </pc:spChg>
        <pc:spChg chg="mod ord">
          <ac:chgData name="Theis Ziegler" userId="1d0357a8-3efe-41fa-839c-7601d995f2eb" providerId="ADAL" clId="{DF415A0B-A0B9-4C60-9114-93ED0130F608}" dt="2026-03-04T08:59:54.071" v="3154" actId="13244"/>
          <ac:spMkLst>
            <pc:docMk/>
            <pc:sldMk cId="1237032841" sldId="295"/>
            <ac:spMk id="36" creationId="{2C54158E-8042-B78E-1615-95BF0F94A2AC}"/>
          </ac:spMkLst>
        </pc:spChg>
        <pc:spChg chg="mod">
          <ac:chgData name="Theis Ziegler" userId="1d0357a8-3efe-41fa-839c-7601d995f2eb" providerId="ADAL" clId="{DF415A0B-A0B9-4C60-9114-93ED0130F608}" dt="2026-03-04T08:59:49.044" v="3152" actId="962"/>
          <ac:spMkLst>
            <pc:docMk/>
            <pc:sldMk cId="1237032841" sldId="295"/>
            <ac:spMk id="37" creationId="{967CD215-EFEC-ADB6-4CDD-881AB905D7D1}"/>
          </ac:spMkLst>
        </pc:spChg>
      </pc:sldChg>
      <pc:sldChg chg="modSp mod">
        <pc:chgData name="Theis Ziegler" userId="1d0357a8-3efe-41fa-839c-7601d995f2eb" providerId="ADAL" clId="{DF415A0B-A0B9-4C60-9114-93ED0130F608}" dt="2026-03-04T09:00:10.672" v="3159" actId="962"/>
        <pc:sldMkLst>
          <pc:docMk/>
          <pc:sldMk cId="2021540148" sldId="296"/>
        </pc:sldMkLst>
        <pc:spChg chg="ord">
          <ac:chgData name="Theis Ziegler" userId="1d0357a8-3efe-41fa-839c-7601d995f2eb" providerId="ADAL" clId="{DF415A0B-A0B9-4C60-9114-93ED0130F608}" dt="2026-03-04T08:59:29.151" v="3146" actId="13244"/>
          <ac:spMkLst>
            <pc:docMk/>
            <pc:sldMk cId="2021540148" sldId="296"/>
            <ac:spMk id="3" creationId="{7A0DF3F3-A0F6-AA8C-163C-8555946D9E7A}"/>
          </ac:spMkLst>
        </pc:spChg>
        <pc:spChg chg="ord">
          <ac:chgData name="Theis Ziegler" userId="1d0357a8-3efe-41fa-839c-7601d995f2eb" providerId="ADAL" clId="{DF415A0B-A0B9-4C60-9114-93ED0130F608}" dt="2026-03-04T08:59:24.251" v="3145" actId="13244"/>
          <ac:spMkLst>
            <pc:docMk/>
            <pc:sldMk cId="2021540148" sldId="296"/>
            <ac:spMk id="8" creationId="{357D72F4-5209-880C-6248-86D3C0A27D25}"/>
          </ac:spMkLst>
        </pc:spChg>
        <pc:spChg chg="mod">
          <ac:chgData name="Theis Ziegler" userId="1d0357a8-3efe-41fa-839c-7601d995f2eb" providerId="ADAL" clId="{DF415A0B-A0B9-4C60-9114-93ED0130F608}" dt="2026-03-04T09:00:09.353" v="3157" actId="962"/>
          <ac:spMkLst>
            <pc:docMk/>
            <pc:sldMk cId="2021540148" sldId="296"/>
            <ac:spMk id="30" creationId="{6D590723-079B-0620-CF39-28DB7FC73577}"/>
          </ac:spMkLst>
        </pc:spChg>
        <pc:spChg chg="mod">
          <ac:chgData name="Theis Ziegler" userId="1d0357a8-3efe-41fa-839c-7601d995f2eb" providerId="ADAL" clId="{DF415A0B-A0B9-4C60-9114-93ED0130F608}" dt="2026-03-04T09:00:10.170" v="3158" actId="962"/>
          <ac:spMkLst>
            <pc:docMk/>
            <pc:sldMk cId="2021540148" sldId="296"/>
            <ac:spMk id="35" creationId="{E84AB730-2BE1-3B6C-7657-2E55438C3E0A}"/>
          </ac:spMkLst>
        </pc:spChg>
        <pc:spChg chg="mod">
          <ac:chgData name="Theis Ziegler" userId="1d0357a8-3efe-41fa-839c-7601d995f2eb" providerId="ADAL" clId="{DF415A0B-A0B9-4C60-9114-93ED0130F608}" dt="2026-03-04T09:00:10.672" v="3159" actId="962"/>
          <ac:spMkLst>
            <pc:docMk/>
            <pc:sldMk cId="2021540148" sldId="296"/>
            <ac:spMk id="36" creationId="{2241BFFD-49A2-EDFA-C8D4-39882FB348BC}"/>
          </ac:spMkLst>
        </pc:spChg>
      </pc:sldChg>
      <pc:sldChg chg="modSp mod">
        <pc:chgData name="Theis Ziegler" userId="1d0357a8-3efe-41fa-839c-7601d995f2eb" providerId="ADAL" clId="{DF415A0B-A0B9-4C60-9114-93ED0130F608}" dt="2026-03-04T09:09:02.181" v="3168" actId="962"/>
        <pc:sldMkLst>
          <pc:docMk/>
          <pc:sldMk cId="3672588679" sldId="297"/>
        </pc:sldMkLst>
        <pc:spChg chg="mod">
          <ac:chgData name="Theis Ziegler" userId="1d0357a8-3efe-41fa-839c-7601d995f2eb" providerId="ADAL" clId="{DF415A0B-A0B9-4C60-9114-93ED0130F608}" dt="2026-03-04T09:09:00.973" v="3166" actId="962"/>
          <ac:spMkLst>
            <pc:docMk/>
            <pc:sldMk cId="3672588679" sldId="297"/>
            <ac:spMk id="3" creationId="{F9094619-641F-775F-E4A7-C1DB0F7963E8}"/>
          </ac:spMkLst>
        </pc:spChg>
        <pc:spChg chg="mod">
          <ac:chgData name="Theis Ziegler" userId="1d0357a8-3efe-41fa-839c-7601d995f2eb" providerId="ADAL" clId="{DF415A0B-A0B9-4C60-9114-93ED0130F608}" dt="2026-03-04T09:09:01.711" v="3167" actId="962"/>
          <ac:spMkLst>
            <pc:docMk/>
            <pc:sldMk cId="3672588679" sldId="297"/>
            <ac:spMk id="11" creationId="{AB330A7C-BDED-A5A9-27EC-50ACE67B1D4E}"/>
          </ac:spMkLst>
        </pc:spChg>
        <pc:spChg chg="mod">
          <ac:chgData name="Theis Ziegler" userId="1d0357a8-3efe-41fa-839c-7601d995f2eb" providerId="ADAL" clId="{DF415A0B-A0B9-4C60-9114-93ED0130F608}" dt="2026-03-04T09:09:02.181" v="3168" actId="962"/>
          <ac:spMkLst>
            <pc:docMk/>
            <pc:sldMk cId="3672588679" sldId="297"/>
            <ac:spMk id="12" creationId="{700182EF-39EF-1558-9F99-209190C2F3F8}"/>
          </ac:spMkLst>
        </pc:spChg>
        <pc:spChg chg="ord">
          <ac:chgData name="Theis Ziegler" userId="1d0357a8-3efe-41fa-839c-7601d995f2eb" providerId="ADAL" clId="{DF415A0B-A0B9-4C60-9114-93ED0130F608}" dt="2026-03-04T09:08:53.768" v="3165" actId="13244"/>
          <ac:spMkLst>
            <pc:docMk/>
            <pc:sldMk cId="3672588679" sldId="297"/>
            <ac:spMk id="16" creationId="{EC997431-B901-F691-23CA-146B90680010}"/>
          </ac:spMkLst>
        </pc:spChg>
      </pc:sldChg>
      <pc:sldChg chg="modSp mod">
        <pc:chgData name="Theis Ziegler" userId="1d0357a8-3efe-41fa-839c-7601d995f2eb" providerId="ADAL" clId="{DF415A0B-A0B9-4C60-9114-93ED0130F608}" dt="2026-03-04T09:09:12.772" v="3172" actId="962"/>
        <pc:sldMkLst>
          <pc:docMk/>
          <pc:sldMk cId="850998833" sldId="298"/>
        </pc:sldMkLst>
        <pc:spChg chg="mod">
          <ac:chgData name="Theis Ziegler" userId="1d0357a8-3efe-41fa-839c-7601d995f2eb" providerId="ADAL" clId="{DF415A0B-A0B9-4C60-9114-93ED0130F608}" dt="2026-03-04T09:09:11.641" v="3170" actId="962"/>
          <ac:spMkLst>
            <pc:docMk/>
            <pc:sldMk cId="850998833" sldId="298"/>
            <ac:spMk id="3" creationId="{D18A79F3-C510-6A5A-AE35-11D934F86B84}"/>
          </ac:spMkLst>
        </pc:spChg>
        <pc:spChg chg="mod">
          <ac:chgData name="Theis Ziegler" userId="1d0357a8-3efe-41fa-839c-7601d995f2eb" providerId="ADAL" clId="{DF415A0B-A0B9-4C60-9114-93ED0130F608}" dt="2026-03-04T09:09:12.393" v="3171" actId="962"/>
          <ac:spMkLst>
            <pc:docMk/>
            <pc:sldMk cId="850998833" sldId="298"/>
            <ac:spMk id="12" creationId="{D2E29FFD-E426-5E4A-BA5E-076B30ACF3A2}"/>
          </ac:spMkLst>
        </pc:spChg>
        <pc:spChg chg="ord">
          <ac:chgData name="Theis Ziegler" userId="1d0357a8-3efe-41fa-839c-7601d995f2eb" providerId="ADAL" clId="{DF415A0B-A0B9-4C60-9114-93ED0130F608}" dt="2026-03-04T09:09:06.546" v="3169" actId="13244"/>
          <ac:spMkLst>
            <pc:docMk/>
            <pc:sldMk cId="850998833" sldId="298"/>
            <ac:spMk id="13" creationId="{EDF58FC7-9FC4-2B78-1ACC-9C90D1BBFF2B}"/>
          </ac:spMkLst>
        </pc:spChg>
        <pc:spChg chg="mod">
          <ac:chgData name="Theis Ziegler" userId="1d0357a8-3efe-41fa-839c-7601d995f2eb" providerId="ADAL" clId="{DF415A0B-A0B9-4C60-9114-93ED0130F608}" dt="2026-03-04T09:09:12.772" v="3172" actId="962"/>
          <ac:spMkLst>
            <pc:docMk/>
            <pc:sldMk cId="850998833" sldId="298"/>
            <ac:spMk id="14" creationId="{B8043B8C-6263-7C9B-FD37-3A81865EEB85}"/>
          </ac:spMkLst>
        </pc:spChg>
      </pc:sldChg>
      <pc:sldChg chg="modSp mod">
        <pc:chgData name="Theis Ziegler" userId="1d0357a8-3efe-41fa-839c-7601d995f2eb" providerId="ADAL" clId="{DF415A0B-A0B9-4C60-9114-93ED0130F608}" dt="2026-03-04T08:32:07.111" v="3040" actId="13244"/>
        <pc:sldMkLst>
          <pc:docMk/>
          <pc:sldMk cId="4066994656" sldId="310"/>
        </pc:sldMkLst>
        <pc:spChg chg="mod">
          <ac:chgData name="Theis Ziegler" userId="1d0357a8-3efe-41fa-839c-7601d995f2eb" providerId="ADAL" clId="{DF415A0B-A0B9-4C60-9114-93ED0130F608}" dt="2026-03-04T08:31:42.454" v="3034" actId="962"/>
          <ac:spMkLst>
            <pc:docMk/>
            <pc:sldMk cId="4066994656" sldId="310"/>
            <ac:spMk id="8" creationId="{84F269E6-0AC6-34A8-98AC-9D1411AA3A60}"/>
          </ac:spMkLst>
        </pc:spChg>
        <pc:spChg chg="mod">
          <ac:chgData name="Theis Ziegler" userId="1d0357a8-3efe-41fa-839c-7601d995f2eb" providerId="ADAL" clId="{DF415A0B-A0B9-4C60-9114-93ED0130F608}" dt="2026-03-04T08:31:21.510" v="3032" actId="962"/>
          <ac:spMkLst>
            <pc:docMk/>
            <pc:sldMk cId="4066994656" sldId="310"/>
            <ac:spMk id="10" creationId="{1C645AF6-25A8-7BE3-05DB-26131179DA86}"/>
          </ac:spMkLst>
        </pc:spChg>
        <pc:spChg chg="ord">
          <ac:chgData name="Theis Ziegler" userId="1d0357a8-3efe-41fa-839c-7601d995f2eb" providerId="ADAL" clId="{DF415A0B-A0B9-4C60-9114-93ED0130F608}" dt="2026-03-04T08:32:06.373" v="3039" actId="167"/>
          <ac:spMkLst>
            <pc:docMk/>
            <pc:sldMk cId="4066994656" sldId="310"/>
            <ac:spMk id="32" creationId="{8D716E7C-5E81-6756-12F9-EAB6C3C0F10A}"/>
          </ac:spMkLst>
        </pc:spChg>
        <pc:spChg chg="mod ord">
          <ac:chgData name="Theis Ziegler" userId="1d0357a8-3efe-41fa-839c-7601d995f2eb" providerId="ADAL" clId="{DF415A0B-A0B9-4C60-9114-93ED0130F608}" dt="2026-03-04T08:32:07.111" v="3040" actId="13244"/>
          <ac:spMkLst>
            <pc:docMk/>
            <pc:sldMk cId="4066994656" sldId="310"/>
            <ac:spMk id="33" creationId="{E18F494B-9627-2EA4-17A8-7CFAD6B4436B}"/>
          </ac:spMkLst>
        </pc:spChg>
      </pc:sldChg>
      <pc:sldChg chg="delSp modSp mod">
        <pc:chgData name="Theis Ziegler" userId="1d0357a8-3efe-41fa-839c-7601d995f2eb" providerId="ADAL" clId="{DF415A0B-A0B9-4C60-9114-93ED0130F608}" dt="2026-03-04T08:36:55.995" v="3072" actId="13244"/>
        <pc:sldMkLst>
          <pc:docMk/>
          <pc:sldMk cId="3504280924" sldId="312"/>
        </pc:sldMkLst>
        <pc:spChg chg="mod ord topLvl">
          <ac:chgData name="Theis Ziegler" userId="1d0357a8-3efe-41fa-839c-7601d995f2eb" providerId="ADAL" clId="{DF415A0B-A0B9-4C60-9114-93ED0130F608}" dt="2026-03-04T08:36:12.109" v="3068" actId="13244"/>
          <ac:spMkLst>
            <pc:docMk/>
            <pc:sldMk cId="3504280924" sldId="312"/>
            <ac:spMk id="2" creationId="{7BEC1DFC-E785-85A8-40AD-4A93DC379614}"/>
          </ac:spMkLst>
        </pc:spChg>
        <pc:spChg chg="ord">
          <ac:chgData name="Theis Ziegler" userId="1d0357a8-3efe-41fa-839c-7601d995f2eb" providerId="ADAL" clId="{DF415A0B-A0B9-4C60-9114-93ED0130F608}" dt="2026-03-04T08:32:45.531" v="3042" actId="13244"/>
          <ac:spMkLst>
            <pc:docMk/>
            <pc:sldMk cId="3504280924" sldId="312"/>
            <ac:spMk id="3" creationId="{F26662DB-1F45-9788-203D-02D46D38AF2F}"/>
          </ac:spMkLst>
        </pc:spChg>
        <pc:spChg chg="ord">
          <ac:chgData name="Theis Ziegler" userId="1d0357a8-3efe-41fa-839c-7601d995f2eb" providerId="ADAL" clId="{DF415A0B-A0B9-4C60-9114-93ED0130F608}" dt="2026-03-04T08:34:49.750" v="3055" actId="13244"/>
          <ac:spMkLst>
            <pc:docMk/>
            <pc:sldMk cId="3504280924" sldId="312"/>
            <ac:spMk id="7" creationId="{5A7D331B-D576-6E3F-1DF0-2BB9240F012A}"/>
          </ac:spMkLst>
        </pc:spChg>
        <pc:spChg chg="ord">
          <ac:chgData name="Theis Ziegler" userId="1d0357a8-3efe-41fa-839c-7601d995f2eb" providerId="ADAL" clId="{DF415A0B-A0B9-4C60-9114-93ED0130F608}" dt="2026-03-04T08:32:54.258" v="3043" actId="13244"/>
          <ac:spMkLst>
            <pc:docMk/>
            <pc:sldMk cId="3504280924" sldId="312"/>
            <ac:spMk id="8" creationId="{C4DB3123-8747-FFE9-DC9E-018FCCA422CD}"/>
          </ac:spMkLst>
        </pc:spChg>
        <pc:spChg chg="ord">
          <ac:chgData name="Theis Ziegler" userId="1d0357a8-3efe-41fa-839c-7601d995f2eb" providerId="ADAL" clId="{DF415A0B-A0B9-4C60-9114-93ED0130F608}" dt="2026-03-04T08:32:58.836" v="3044" actId="13244"/>
          <ac:spMkLst>
            <pc:docMk/>
            <pc:sldMk cId="3504280924" sldId="312"/>
            <ac:spMk id="9" creationId="{39FCF5A2-AA92-FCA7-9D24-78EB79DE412F}"/>
          </ac:spMkLst>
        </pc:spChg>
        <pc:spChg chg="mod">
          <ac:chgData name="Theis Ziegler" userId="1d0357a8-3efe-41fa-839c-7601d995f2eb" providerId="ADAL" clId="{DF415A0B-A0B9-4C60-9114-93ED0130F608}" dt="2026-03-04T08:33:22.083" v="3046" actId="1036"/>
          <ac:spMkLst>
            <pc:docMk/>
            <pc:sldMk cId="3504280924" sldId="312"/>
            <ac:spMk id="12" creationId="{42C36855-4628-D3C8-4F65-CD0E7E990423}"/>
          </ac:spMkLst>
        </pc:spChg>
        <pc:spChg chg="mod ord topLvl">
          <ac:chgData name="Theis Ziegler" userId="1d0357a8-3efe-41fa-839c-7601d995f2eb" providerId="ADAL" clId="{DF415A0B-A0B9-4C60-9114-93ED0130F608}" dt="2026-03-04T08:36:12.109" v="3068" actId="13244"/>
          <ac:spMkLst>
            <pc:docMk/>
            <pc:sldMk cId="3504280924" sldId="312"/>
            <ac:spMk id="14" creationId="{0BC708B8-DB86-2117-F86D-23025D06BC23}"/>
          </ac:spMkLst>
        </pc:spChg>
        <pc:spChg chg="mod">
          <ac:chgData name="Theis Ziegler" userId="1d0357a8-3efe-41fa-839c-7601d995f2eb" providerId="ADAL" clId="{DF415A0B-A0B9-4C60-9114-93ED0130F608}" dt="2026-03-04T08:34:13.480" v="3051" actId="13244"/>
          <ac:spMkLst>
            <pc:docMk/>
            <pc:sldMk cId="3504280924" sldId="312"/>
            <ac:spMk id="15" creationId="{44B840DE-94FD-281A-E2F9-2CCB3177A70D}"/>
          </ac:spMkLst>
        </pc:spChg>
        <pc:spChg chg="ord">
          <ac:chgData name="Theis Ziegler" userId="1d0357a8-3efe-41fa-839c-7601d995f2eb" providerId="ADAL" clId="{DF415A0B-A0B9-4C60-9114-93ED0130F608}" dt="2026-03-04T08:34:58.998" v="3056" actId="13244"/>
          <ac:spMkLst>
            <pc:docMk/>
            <pc:sldMk cId="3504280924" sldId="312"/>
            <ac:spMk id="17" creationId="{F4BFE2D0-A05E-6589-A5CE-71703090896B}"/>
          </ac:spMkLst>
        </pc:spChg>
        <pc:spChg chg="mod">
          <ac:chgData name="Theis Ziegler" userId="1d0357a8-3efe-41fa-839c-7601d995f2eb" providerId="ADAL" clId="{DF415A0B-A0B9-4C60-9114-93ED0130F608}" dt="2026-03-04T08:33:30.253" v="3047" actId="13244"/>
          <ac:spMkLst>
            <pc:docMk/>
            <pc:sldMk cId="3504280924" sldId="312"/>
            <ac:spMk id="18" creationId="{4EB5AE8B-F5A6-698F-1802-A901EEF7AE98}"/>
          </ac:spMkLst>
        </pc:spChg>
        <pc:spChg chg="ord">
          <ac:chgData name="Theis Ziegler" userId="1d0357a8-3efe-41fa-839c-7601d995f2eb" providerId="ADAL" clId="{DF415A0B-A0B9-4C60-9114-93ED0130F608}" dt="2026-03-04T08:34:34.109" v="3054" actId="13244"/>
          <ac:spMkLst>
            <pc:docMk/>
            <pc:sldMk cId="3504280924" sldId="312"/>
            <ac:spMk id="19" creationId="{21B11FCE-9998-9280-7A69-5A1264344145}"/>
          </ac:spMkLst>
        </pc:spChg>
        <pc:spChg chg="ord">
          <ac:chgData name="Theis Ziegler" userId="1d0357a8-3efe-41fa-839c-7601d995f2eb" providerId="ADAL" clId="{DF415A0B-A0B9-4C60-9114-93ED0130F608}" dt="2026-03-04T08:35:03.177" v="3057" actId="13244"/>
          <ac:spMkLst>
            <pc:docMk/>
            <pc:sldMk cId="3504280924" sldId="312"/>
            <ac:spMk id="21" creationId="{DB40DBB1-ACB5-339D-6D67-EF02EAEA73CA}"/>
          </ac:spMkLst>
        </pc:spChg>
        <pc:spChg chg="mod">
          <ac:chgData name="Theis Ziegler" userId="1d0357a8-3efe-41fa-839c-7601d995f2eb" providerId="ADAL" clId="{DF415A0B-A0B9-4C60-9114-93ED0130F608}" dt="2026-03-04T08:33:57.845" v="3049" actId="13244"/>
          <ac:spMkLst>
            <pc:docMk/>
            <pc:sldMk cId="3504280924" sldId="312"/>
            <ac:spMk id="26" creationId="{26493D90-0C11-0AE3-A460-A90E8EC79973}"/>
          </ac:spMkLst>
        </pc:spChg>
        <pc:spChg chg="mod">
          <ac:chgData name="Theis Ziegler" userId="1d0357a8-3efe-41fa-839c-7601d995f2eb" providerId="ADAL" clId="{DF415A0B-A0B9-4C60-9114-93ED0130F608}" dt="2026-03-04T08:34:03.564" v="3050" actId="13244"/>
          <ac:spMkLst>
            <pc:docMk/>
            <pc:sldMk cId="3504280924" sldId="312"/>
            <ac:spMk id="27" creationId="{5C93DBCD-6F04-3362-9FB7-1C009ECF1A72}"/>
          </ac:spMkLst>
        </pc:spChg>
        <pc:spChg chg="mod">
          <ac:chgData name="Theis Ziegler" userId="1d0357a8-3efe-41fa-839c-7601d995f2eb" providerId="ADAL" clId="{DF415A0B-A0B9-4C60-9114-93ED0130F608}" dt="2026-03-04T08:33:52.724" v="3048" actId="13244"/>
          <ac:spMkLst>
            <pc:docMk/>
            <pc:sldMk cId="3504280924" sldId="312"/>
            <ac:spMk id="28" creationId="{A574ADC7-4FE6-9AD7-8104-F884F90A6A7F}"/>
          </ac:spMkLst>
        </pc:spChg>
        <pc:spChg chg="mod">
          <ac:chgData name="Theis Ziegler" userId="1d0357a8-3efe-41fa-839c-7601d995f2eb" providerId="ADAL" clId="{DF415A0B-A0B9-4C60-9114-93ED0130F608}" dt="2026-03-04T08:34:23.093" v="3053" actId="13244"/>
          <ac:spMkLst>
            <pc:docMk/>
            <pc:sldMk cId="3504280924" sldId="312"/>
            <ac:spMk id="29" creationId="{F499C777-55C7-8B31-7A9B-CDD3D8DC6552}"/>
          </ac:spMkLst>
        </pc:spChg>
        <pc:spChg chg="ord">
          <ac:chgData name="Theis Ziegler" userId="1d0357a8-3efe-41fa-839c-7601d995f2eb" providerId="ADAL" clId="{DF415A0B-A0B9-4C60-9114-93ED0130F608}" dt="2026-03-04T08:35:49.521" v="3062" actId="13244"/>
          <ac:spMkLst>
            <pc:docMk/>
            <pc:sldMk cId="3504280924" sldId="312"/>
            <ac:spMk id="30" creationId="{540CC911-9BF4-8384-3400-D383DE6569E0}"/>
          </ac:spMkLst>
        </pc:spChg>
        <pc:spChg chg="ord">
          <ac:chgData name="Theis Ziegler" userId="1d0357a8-3efe-41fa-839c-7601d995f2eb" providerId="ADAL" clId="{DF415A0B-A0B9-4C60-9114-93ED0130F608}" dt="2026-03-04T08:36:55.995" v="3072" actId="13244"/>
          <ac:spMkLst>
            <pc:docMk/>
            <pc:sldMk cId="3504280924" sldId="312"/>
            <ac:spMk id="37" creationId="{5BA102BF-157E-1E01-7589-892C9DF9F3E9}"/>
          </ac:spMkLst>
        </pc:spChg>
        <pc:spChg chg="mod ord">
          <ac:chgData name="Theis Ziegler" userId="1d0357a8-3efe-41fa-839c-7601d995f2eb" providerId="ADAL" clId="{DF415A0B-A0B9-4C60-9114-93ED0130F608}" dt="2026-03-04T08:36:40.843" v="3071" actId="167"/>
          <ac:spMkLst>
            <pc:docMk/>
            <pc:sldMk cId="3504280924" sldId="312"/>
            <ac:spMk id="58" creationId="{AB8BC6EE-2A91-FDE4-95B0-66E5C7A44B37}"/>
          </ac:spMkLst>
        </pc:spChg>
        <pc:spChg chg="ord">
          <ac:chgData name="Theis Ziegler" userId="1d0357a8-3efe-41fa-839c-7601d995f2eb" providerId="ADAL" clId="{DF415A0B-A0B9-4C60-9114-93ED0130F608}" dt="2026-03-04T08:36:31.602" v="3069" actId="167"/>
          <ac:spMkLst>
            <pc:docMk/>
            <pc:sldMk cId="3504280924" sldId="312"/>
            <ac:spMk id="59" creationId="{C81AE87D-D307-75A7-53E7-922C6CB9C7FF}"/>
          </ac:spMkLst>
        </pc:spChg>
        <pc:spChg chg="ord">
          <ac:chgData name="Theis Ziegler" userId="1d0357a8-3efe-41fa-839c-7601d995f2eb" providerId="ADAL" clId="{DF415A0B-A0B9-4C60-9114-93ED0130F608}" dt="2026-03-04T08:32:38.033" v="3041" actId="13244"/>
          <ac:spMkLst>
            <pc:docMk/>
            <pc:sldMk cId="3504280924" sldId="312"/>
            <ac:spMk id="66" creationId="{4543D9C9-553D-AF82-255A-F7C69B0D54E5}"/>
          </ac:spMkLst>
        </pc:spChg>
      </pc:sldChg>
      <pc:sldChg chg="modSp mod">
        <pc:chgData name="Theis Ziegler" userId="1d0357a8-3efe-41fa-839c-7601d995f2eb" providerId="ADAL" clId="{DF415A0B-A0B9-4C60-9114-93ED0130F608}" dt="2026-03-09T14:01:05.630" v="4241" actId="20577"/>
        <pc:sldMkLst>
          <pc:docMk/>
          <pc:sldMk cId="272583" sldId="359"/>
        </pc:sldMkLst>
        <pc:spChg chg="mod">
          <ac:chgData name="Theis Ziegler" userId="1d0357a8-3efe-41fa-839c-7601d995f2eb" providerId="ADAL" clId="{DF415A0B-A0B9-4C60-9114-93ED0130F608}" dt="2026-03-09T14:01:05.630" v="4241" actId="20577"/>
          <ac:spMkLst>
            <pc:docMk/>
            <pc:sldMk cId="272583" sldId="359"/>
            <ac:spMk id="2" creationId="{41D0F056-A246-96EA-1A5B-5A475013649F}"/>
          </ac:spMkLst>
        </pc:spChg>
      </pc:sldChg>
      <pc:sldChg chg="modSp mod">
        <pc:chgData name="Theis Ziegler" userId="1d0357a8-3efe-41fa-839c-7601d995f2eb" providerId="ADAL" clId="{DF415A0B-A0B9-4C60-9114-93ED0130F608}" dt="2026-03-27T08:54:37.026" v="4462"/>
        <pc:sldMkLst>
          <pc:docMk/>
          <pc:sldMk cId="2301648015" sldId="361"/>
        </pc:sldMkLst>
        <pc:spChg chg="mod ord">
          <ac:chgData name="Theis Ziegler" userId="1d0357a8-3efe-41fa-839c-7601d995f2eb" providerId="ADAL" clId="{DF415A0B-A0B9-4C60-9114-93ED0130F608}" dt="2026-03-27T08:54:37.026" v="4462"/>
          <ac:spMkLst>
            <pc:docMk/>
            <pc:sldMk cId="2301648015" sldId="361"/>
            <ac:spMk id="2" creationId="{BD6C2492-96C6-BFD3-30C1-EAE955C4DED7}"/>
          </ac:spMkLst>
        </pc:spChg>
        <pc:spChg chg="mod ord">
          <ac:chgData name="Theis Ziegler" userId="1d0357a8-3efe-41fa-839c-7601d995f2eb" providerId="ADAL" clId="{DF415A0B-A0B9-4C60-9114-93ED0130F608}" dt="2026-03-26T08:25:34.650" v="4429" actId="962"/>
          <ac:spMkLst>
            <pc:docMk/>
            <pc:sldMk cId="2301648015" sldId="361"/>
            <ac:spMk id="3" creationId="{890595A4-D517-516C-1FAD-E40A522B01CB}"/>
          </ac:spMkLst>
        </pc:spChg>
      </pc:sldChg>
      <pc:sldChg chg="modSp mod">
        <pc:chgData name="Theis Ziegler" userId="1d0357a8-3efe-41fa-839c-7601d995f2eb" providerId="ADAL" clId="{DF415A0B-A0B9-4C60-9114-93ED0130F608}" dt="2026-03-04T09:17:26.328" v="3232" actId="962"/>
        <pc:sldMkLst>
          <pc:docMk/>
          <pc:sldMk cId="3309184377" sldId="362"/>
        </pc:sldMkLst>
        <pc:spChg chg="ord">
          <ac:chgData name="Theis Ziegler" userId="1d0357a8-3efe-41fa-839c-7601d995f2eb" providerId="ADAL" clId="{DF415A0B-A0B9-4C60-9114-93ED0130F608}" dt="2026-03-04T09:14:55.336" v="3194" actId="13244"/>
          <ac:spMkLst>
            <pc:docMk/>
            <pc:sldMk cId="3309184377" sldId="362"/>
            <ac:spMk id="3" creationId="{DE391946-C757-97F9-555C-FD00A20F9644}"/>
          </ac:spMkLst>
        </pc:spChg>
        <pc:spChg chg="ord">
          <ac:chgData name="Theis Ziegler" userId="1d0357a8-3efe-41fa-839c-7601d995f2eb" providerId="ADAL" clId="{DF415A0B-A0B9-4C60-9114-93ED0130F608}" dt="2026-03-04T09:14:58.688" v="3195" actId="13244"/>
          <ac:spMkLst>
            <pc:docMk/>
            <pc:sldMk cId="3309184377" sldId="362"/>
            <ac:spMk id="6" creationId="{932BEF8B-5BD0-07FB-685D-6438B8753C31}"/>
          </ac:spMkLst>
        </pc:spChg>
        <pc:spChg chg="ord">
          <ac:chgData name="Theis Ziegler" userId="1d0357a8-3efe-41fa-839c-7601d995f2eb" providerId="ADAL" clId="{DF415A0B-A0B9-4C60-9114-93ED0130F608}" dt="2026-03-04T09:15:09.058" v="3196" actId="13244"/>
          <ac:spMkLst>
            <pc:docMk/>
            <pc:sldMk cId="3309184377" sldId="362"/>
            <ac:spMk id="48" creationId="{E7E6C185-4242-9B76-9C0B-3902B3062E7C}"/>
          </ac:spMkLst>
        </pc:spChg>
        <pc:spChg chg="mod">
          <ac:chgData name="Theis Ziegler" userId="1d0357a8-3efe-41fa-839c-7601d995f2eb" providerId="ADAL" clId="{DF415A0B-A0B9-4C60-9114-93ED0130F608}" dt="2026-03-04T09:17:26.328" v="3232" actId="962"/>
          <ac:spMkLst>
            <pc:docMk/>
            <pc:sldMk cId="3309184377" sldId="362"/>
            <ac:spMk id="67" creationId="{FA8E62C4-A29F-7439-F23C-3D1035C040EE}"/>
          </ac:spMkLst>
        </pc:spChg>
        <pc:spChg chg="ord">
          <ac:chgData name="Theis Ziegler" userId="1d0357a8-3efe-41fa-839c-7601d995f2eb" providerId="ADAL" clId="{DF415A0B-A0B9-4C60-9114-93ED0130F608}" dt="2026-03-04T09:15:19.636" v="3198" actId="13244"/>
          <ac:spMkLst>
            <pc:docMk/>
            <pc:sldMk cId="3309184377" sldId="362"/>
            <ac:spMk id="140" creationId="{01FAA2FA-0F3A-2645-6EBF-75C446D14098}"/>
          </ac:spMkLst>
        </pc:spChg>
        <pc:spChg chg="ord">
          <ac:chgData name="Theis Ziegler" userId="1d0357a8-3efe-41fa-839c-7601d995f2eb" providerId="ADAL" clId="{DF415A0B-A0B9-4C60-9114-93ED0130F608}" dt="2026-03-04T09:16:03.662" v="3204" actId="13244"/>
          <ac:spMkLst>
            <pc:docMk/>
            <pc:sldMk cId="3309184377" sldId="362"/>
            <ac:spMk id="152" creationId="{A09D70E4-2835-C1D1-3F7B-B1915908B794}"/>
          </ac:spMkLst>
        </pc:spChg>
        <pc:spChg chg="mod ord">
          <ac:chgData name="Theis Ziegler" userId="1d0357a8-3efe-41fa-839c-7601d995f2eb" providerId="ADAL" clId="{DF415A0B-A0B9-4C60-9114-93ED0130F608}" dt="2026-03-04T09:17:06.354" v="3225" actId="13244"/>
          <ac:spMkLst>
            <pc:docMk/>
            <pc:sldMk cId="3309184377" sldId="362"/>
            <ac:spMk id="161" creationId="{D7C390A9-F796-F884-9BC6-1AF35F1149B8}"/>
          </ac:spMkLst>
        </pc:spChg>
        <pc:spChg chg="mod ord">
          <ac:chgData name="Theis Ziegler" userId="1d0357a8-3efe-41fa-839c-7601d995f2eb" providerId="ADAL" clId="{DF415A0B-A0B9-4C60-9114-93ED0130F608}" dt="2026-03-04T09:16:53.034" v="3221" actId="13244"/>
          <ac:spMkLst>
            <pc:docMk/>
            <pc:sldMk cId="3309184377" sldId="362"/>
            <ac:spMk id="164" creationId="{61C560EF-47CE-2E6E-E78C-5A53FD2440BC}"/>
          </ac:spMkLst>
        </pc:spChg>
        <pc:spChg chg="mod ord">
          <ac:chgData name="Theis Ziegler" userId="1d0357a8-3efe-41fa-839c-7601d995f2eb" providerId="ADAL" clId="{DF415A0B-A0B9-4C60-9114-93ED0130F608}" dt="2026-03-04T09:16:22.884" v="3210" actId="13244"/>
          <ac:spMkLst>
            <pc:docMk/>
            <pc:sldMk cId="3309184377" sldId="362"/>
            <ac:spMk id="167" creationId="{9664F11D-F497-BCD9-A9F4-02A2F332C867}"/>
          </ac:spMkLst>
        </pc:spChg>
        <pc:spChg chg="mod">
          <ac:chgData name="Theis Ziegler" userId="1d0357a8-3efe-41fa-839c-7601d995f2eb" providerId="ADAL" clId="{DF415A0B-A0B9-4C60-9114-93ED0130F608}" dt="2026-03-04T09:16:27.333" v="3212" actId="962"/>
          <ac:spMkLst>
            <pc:docMk/>
            <pc:sldMk cId="3309184377" sldId="362"/>
            <ac:spMk id="173" creationId="{D08D1DF3-0E74-15A7-EF96-72E31BBA626A}"/>
          </ac:spMkLst>
        </pc:spChg>
        <pc:spChg chg="mod ord">
          <ac:chgData name="Theis Ziegler" userId="1d0357a8-3efe-41fa-839c-7601d995f2eb" providerId="ADAL" clId="{DF415A0B-A0B9-4C60-9114-93ED0130F608}" dt="2026-03-04T09:16:18.646" v="3209" actId="13244"/>
          <ac:spMkLst>
            <pc:docMk/>
            <pc:sldMk cId="3309184377" sldId="362"/>
            <ac:spMk id="181" creationId="{1721E724-E7D7-8185-2027-CEA3D45FBFF4}"/>
          </ac:spMkLst>
        </pc:spChg>
        <pc:spChg chg="mod ord">
          <ac:chgData name="Theis Ziegler" userId="1d0357a8-3efe-41fa-839c-7601d995f2eb" providerId="ADAL" clId="{DF415A0B-A0B9-4C60-9114-93ED0130F608}" dt="2026-03-04T09:17:16.937" v="3229" actId="13244"/>
          <ac:spMkLst>
            <pc:docMk/>
            <pc:sldMk cId="3309184377" sldId="362"/>
            <ac:spMk id="187" creationId="{030DBE74-8F1B-69A0-ED98-F28952865D59}"/>
          </ac:spMkLst>
        </pc:spChg>
        <pc:spChg chg="mod">
          <ac:chgData name="Theis Ziegler" userId="1d0357a8-3efe-41fa-839c-7601d995f2eb" providerId="ADAL" clId="{DF415A0B-A0B9-4C60-9114-93ED0130F608}" dt="2026-03-04T09:16:30.541" v="3214" actId="962"/>
          <ac:spMkLst>
            <pc:docMk/>
            <pc:sldMk cId="3309184377" sldId="362"/>
            <ac:spMk id="193" creationId="{B53FDA49-77C2-6879-5DDF-5F35BD4DE650}"/>
          </ac:spMkLst>
        </pc:spChg>
        <pc:spChg chg="mod">
          <ac:chgData name="Theis Ziegler" userId="1d0357a8-3efe-41fa-839c-7601d995f2eb" providerId="ADAL" clId="{DF415A0B-A0B9-4C60-9114-93ED0130F608}" dt="2026-03-04T09:16:33.222" v="3216" actId="962"/>
          <ac:spMkLst>
            <pc:docMk/>
            <pc:sldMk cId="3309184377" sldId="362"/>
            <ac:spMk id="196" creationId="{31FEFC9F-3B34-CCD8-AEE1-9C57F51476F3}"/>
          </ac:spMkLst>
        </pc:spChg>
        <pc:picChg chg="mod">
          <ac:chgData name="Theis Ziegler" userId="1d0357a8-3efe-41fa-839c-7601d995f2eb" providerId="ADAL" clId="{DF415A0B-A0B9-4C60-9114-93ED0130F608}" dt="2026-03-04T09:15:34.607" v="3199" actId="962"/>
          <ac:picMkLst>
            <pc:docMk/>
            <pc:sldMk cId="3309184377" sldId="362"/>
            <ac:picMk id="49" creationId="{431DEB63-A99B-15B5-A914-89200F21739D}"/>
          </ac:picMkLst>
        </pc:picChg>
        <pc:picChg chg="mod">
          <ac:chgData name="Theis Ziegler" userId="1d0357a8-3efe-41fa-839c-7601d995f2eb" providerId="ADAL" clId="{DF415A0B-A0B9-4C60-9114-93ED0130F608}" dt="2026-03-04T09:15:12.996" v="3197" actId="962"/>
          <ac:picMkLst>
            <pc:docMk/>
            <pc:sldMk cId="3309184377" sldId="362"/>
            <ac:picMk id="83" creationId="{776DF70E-02BE-B7F0-5C4F-C9350DB2DC5D}"/>
          </ac:picMkLst>
        </pc:picChg>
        <pc:picChg chg="mod">
          <ac:chgData name="Theis Ziegler" userId="1d0357a8-3efe-41fa-839c-7601d995f2eb" providerId="ADAL" clId="{DF415A0B-A0B9-4C60-9114-93ED0130F608}" dt="2026-03-04T09:15:41.614" v="3200" actId="962"/>
          <ac:picMkLst>
            <pc:docMk/>
            <pc:sldMk cId="3309184377" sldId="362"/>
            <ac:picMk id="141" creationId="{7853C719-4303-2428-C763-3FE314819093}"/>
          </ac:picMkLst>
        </pc:picChg>
        <pc:picChg chg="mod">
          <ac:chgData name="Theis Ziegler" userId="1d0357a8-3efe-41fa-839c-7601d995f2eb" providerId="ADAL" clId="{DF415A0B-A0B9-4C60-9114-93ED0130F608}" dt="2026-03-04T09:15:46.909" v="3202" actId="962"/>
          <ac:picMkLst>
            <pc:docMk/>
            <pc:sldMk cId="3309184377" sldId="362"/>
            <ac:picMk id="144" creationId="{A15DE9EE-49D4-B28E-174E-2760EC7FF777}"/>
          </ac:picMkLst>
        </pc:picChg>
        <pc:picChg chg="mod">
          <ac:chgData name="Theis Ziegler" userId="1d0357a8-3efe-41fa-839c-7601d995f2eb" providerId="ADAL" clId="{DF415A0B-A0B9-4C60-9114-93ED0130F608}" dt="2026-03-04T09:15:49.292" v="3203" actId="962"/>
          <ac:picMkLst>
            <pc:docMk/>
            <pc:sldMk cId="3309184377" sldId="362"/>
            <ac:picMk id="147" creationId="{769D072C-CD00-3791-EA5A-E38B05567C44}"/>
          </ac:picMkLst>
        </pc:picChg>
        <pc:picChg chg="mod">
          <ac:chgData name="Theis Ziegler" userId="1d0357a8-3efe-41fa-839c-7601d995f2eb" providerId="ADAL" clId="{DF415A0B-A0B9-4C60-9114-93ED0130F608}" dt="2026-03-04T09:15:44.392" v="3201" actId="962"/>
          <ac:picMkLst>
            <pc:docMk/>
            <pc:sldMk cId="3309184377" sldId="362"/>
            <ac:picMk id="153" creationId="{00E7CE77-D85B-539B-BE9A-A63A8BFC0AA7}"/>
          </ac:picMkLst>
        </pc:picChg>
        <pc:picChg chg="ord">
          <ac:chgData name="Theis Ziegler" userId="1d0357a8-3efe-41fa-839c-7601d995f2eb" providerId="ADAL" clId="{DF415A0B-A0B9-4C60-9114-93ED0130F608}" dt="2026-03-04T09:17:12.062" v="3226" actId="13244"/>
          <ac:picMkLst>
            <pc:docMk/>
            <pc:sldMk cId="3309184377" sldId="362"/>
            <ac:picMk id="162" creationId="{71CC4482-69AF-E903-3D05-4EC68CBAC644}"/>
          </ac:picMkLst>
        </pc:picChg>
        <pc:picChg chg="ord">
          <ac:chgData name="Theis Ziegler" userId="1d0357a8-3efe-41fa-839c-7601d995f2eb" providerId="ADAL" clId="{DF415A0B-A0B9-4C60-9114-93ED0130F608}" dt="2026-03-04T09:16:58.940" v="3222" actId="13244"/>
          <ac:picMkLst>
            <pc:docMk/>
            <pc:sldMk cId="3309184377" sldId="362"/>
            <ac:picMk id="165" creationId="{A315F5C7-F280-4457-D746-9BB1A571F61B}"/>
          </ac:picMkLst>
        </pc:picChg>
        <pc:picChg chg="ord">
          <ac:chgData name="Theis Ziegler" userId="1d0357a8-3efe-41fa-839c-7601d995f2eb" providerId="ADAL" clId="{DF415A0B-A0B9-4C60-9114-93ED0130F608}" dt="2026-03-04T09:17:24.088" v="3230" actId="13244"/>
          <ac:picMkLst>
            <pc:docMk/>
            <pc:sldMk cId="3309184377" sldId="362"/>
            <ac:picMk id="188" creationId="{4BD2A6C4-A473-CF05-B99A-51817A947D87}"/>
          </ac:picMkLst>
        </pc:picChg>
      </pc:sldChg>
      <pc:sldChg chg="addSp modSp mod">
        <pc:chgData name="Theis Ziegler" userId="1d0357a8-3efe-41fa-839c-7601d995f2eb" providerId="ADAL" clId="{DF415A0B-A0B9-4C60-9114-93ED0130F608}" dt="2026-03-09T13:49:22.418" v="3964" actId="1076"/>
        <pc:sldMkLst>
          <pc:docMk/>
          <pc:sldMk cId="2788618072" sldId="2147138775"/>
        </pc:sldMkLst>
        <pc:spChg chg="add mod">
          <ac:chgData name="Theis Ziegler" userId="1d0357a8-3efe-41fa-839c-7601d995f2eb" providerId="ADAL" clId="{DF415A0B-A0B9-4C60-9114-93ED0130F608}" dt="2026-03-09T13:49:22.418" v="3964" actId="1076"/>
          <ac:spMkLst>
            <pc:docMk/>
            <pc:sldMk cId="2788618072" sldId="2147138775"/>
            <ac:spMk id="3" creationId="{968B5244-4604-5708-0D7B-CF6EBEE5A079}"/>
          </ac:spMkLst>
        </pc:spChg>
        <pc:graphicFrameChg chg="mod modGraphic">
          <ac:chgData name="Theis Ziegler" userId="1d0357a8-3efe-41fa-839c-7601d995f2eb" providerId="ADAL" clId="{DF415A0B-A0B9-4C60-9114-93ED0130F608}" dt="2026-03-09T13:47:53.109" v="3883" actId="20577"/>
          <ac:graphicFrameMkLst>
            <pc:docMk/>
            <pc:sldMk cId="2788618072" sldId="2147138775"/>
            <ac:graphicFrameMk id="5" creationId="{C14C8379-C108-49CA-9BE0-1DA156664FFD}"/>
          </ac:graphicFrameMkLst>
        </pc:graphicFrameChg>
      </pc:sldChg>
      <pc:sldChg chg="addSp delSp modSp mod">
        <pc:chgData name="Theis Ziegler" userId="1d0357a8-3efe-41fa-839c-7601d995f2eb" providerId="ADAL" clId="{DF415A0B-A0B9-4C60-9114-93ED0130F608}" dt="2026-03-04T08:55:04.246" v="3120" actId="962"/>
        <pc:sldMkLst>
          <pc:docMk/>
          <pc:sldMk cId="2971657018" sldId="2147473231"/>
        </pc:sldMkLst>
        <pc:spChg chg="ord">
          <ac:chgData name="Theis Ziegler" userId="1d0357a8-3efe-41fa-839c-7601d995f2eb" providerId="ADAL" clId="{DF415A0B-A0B9-4C60-9114-93ED0130F608}" dt="2026-03-04T08:40:21.904" v="3075" actId="13244"/>
          <ac:spMkLst>
            <pc:docMk/>
            <pc:sldMk cId="2971657018" sldId="2147473231"/>
            <ac:spMk id="13" creationId="{64B951E9-A0FD-D6A9-5BC7-86B6CBBA86DF}"/>
          </ac:spMkLst>
        </pc:spChg>
        <pc:spChg chg="ord">
          <ac:chgData name="Theis Ziegler" userId="1d0357a8-3efe-41fa-839c-7601d995f2eb" providerId="ADAL" clId="{DF415A0B-A0B9-4C60-9114-93ED0130F608}" dt="2026-03-04T08:39:56.214" v="3073" actId="13244"/>
          <ac:spMkLst>
            <pc:docMk/>
            <pc:sldMk cId="2971657018" sldId="2147473231"/>
            <ac:spMk id="16" creationId="{93755B23-100D-CBB8-B28A-56AB09877A09}"/>
          </ac:spMkLst>
        </pc:spChg>
        <pc:spChg chg="mod">
          <ac:chgData name="Theis Ziegler" userId="1d0357a8-3efe-41fa-839c-7601d995f2eb" providerId="ADAL" clId="{DF415A0B-A0B9-4C60-9114-93ED0130F608}" dt="2026-03-04T08:40:30.474" v="3076" actId="13244"/>
          <ac:spMkLst>
            <pc:docMk/>
            <pc:sldMk cId="2971657018" sldId="2147473231"/>
            <ac:spMk id="22" creationId="{51610D04-F8B6-1843-985F-233264D81573}"/>
          </ac:spMkLst>
        </pc:spChg>
        <pc:spChg chg="mod">
          <ac:chgData name="Theis Ziegler" userId="1d0357a8-3efe-41fa-839c-7601d995f2eb" providerId="ADAL" clId="{DF415A0B-A0B9-4C60-9114-93ED0130F608}" dt="2026-03-04T08:40:37.535" v="3077" actId="13244"/>
          <ac:spMkLst>
            <pc:docMk/>
            <pc:sldMk cId="2971657018" sldId="2147473231"/>
            <ac:spMk id="24" creationId="{9E3EF6EF-C0D2-4917-060E-9033A397B3F5}"/>
          </ac:spMkLst>
        </pc:spChg>
        <pc:spChg chg="mod topLvl">
          <ac:chgData name="Theis Ziegler" userId="1d0357a8-3efe-41fa-839c-7601d995f2eb" providerId="ADAL" clId="{DF415A0B-A0B9-4C60-9114-93ED0130F608}" dt="2026-03-04T08:51:52.099" v="3102" actId="165"/>
          <ac:spMkLst>
            <pc:docMk/>
            <pc:sldMk cId="2971657018" sldId="2147473231"/>
            <ac:spMk id="28" creationId="{2E89B9D5-91E2-AFD0-B6F5-8A33F2C05E9B}"/>
          </ac:spMkLst>
        </pc:spChg>
        <pc:spChg chg="mod">
          <ac:chgData name="Theis Ziegler" userId="1d0357a8-3efe-41fa-839c-7601d995f2eb" providerId="ADAL" clId="{DF415A0B-A0B9-4C60-9114-93ED0130F608}" dt="2026-03-04T08:40:07.720" v="3074" actId="13244"/>
          <ac:spMkLst>
            <pc:docMk/>
            <pc:sldMk cId="2971657018" sldId="2147473231"/>
            <ac:spMk id="34" creationId="{8CFCF92D-98EF-92DD-A1C3-637ACB35686D}"/>
          </ac:spMkLst>
        </pc:spChg>
        <pc:spChg chg="mod">
          <ac:chgData name="Theis Ziegler" userId="1d0357a8-3efe-41fa-839c-7601d995f2eb" providerId="ADAL" clId="{DF415A0B-A0B9-4C60-9114-93ED0130F608}" dt="2026-03-04T08:40:41.623" v="3078" actId="13244"/>
          <ac:spMkLst>
            <pc:docMk/>
            <pc:sldMk cId="2971657018" sldId="2147473231"/>
            <ac:spMk id="35" creationId="{0D839B0C-0E82-B609-5454-AF75DF6A82F1}"/>
          </ac:spMkLst>
        </pc:spChg>
        <pc:spChg chg="ord">
          <ac:chgData name="Theis Ziegler" userId="1d0357a8-3efe-41fa-839c-7601d995f2eb" providerId="ADAL" clId="{DF415A0B-A0B9-4C60-9114-93ED0130F608}" dt="2026-03-04T08:40:52.819" v="3079" actId="13244"/>
          <ac:spMkLst>
            <pc:docMk/>
            <pc:sldMk cId="2971657018" sldId="2147473231"/>
            <ac:spMk id="37" creationId="{B053FC09-A847-CB3E-3B4D-C39E3EEE42E2}"/>
          </ac:spMkLst>
        </pc:spChg>
        <pc:spChg chg="mod topLvl">
          <ac:chgData name="Theis Ziegler" userId="1d0357a8-3efe-41fa-839c-7601d995f2eb" providerId="ADAL" clId="{DF415A0B-A0B9-4C60-9114-93ED0130F608}" dt="2026-03-04T08:53:01.756" v="3106" actId="165"/>
          <ac:spMkLst>
            <pc:docMk/>
            <pc:sldMk cId="2971657018" sldId="2147473231"/>
            <ac:spMk id="42" creationId="{7E658FDF-785F-8EE6-9356-57C78E5ED93E}"/>
          </ac:spMkLst>
        </pc:spChg>
        <pc:spChg chg="mod topLvl">
          <ac:chgData name="Theis Ziegler" userId="1d0357a8-3efe-41fa-839c-7601d995f2eb" providerId="ADAL" clId="{DF415A0B-A0B9-4C60-9114-93ED0130F608}" dt="2026-03-04T08:53:01.756" v="3106" actId="165"/>
          <ac:spMkLst>
            <pc:docMk/>
            <pc:sldMk cId="2971657018" sldId="2147473231"/>
            <ac:spMk id="43" creationId="{80131304-0F8C-E769-C949-9F9F2F0D29EF}"/>
          </ac:spMkLst>
        </pc:spChg>
        <pc:spChg chg="ord">
          <ac:chgData name="Theis Ziegler" userId="1d0357a8-3efe-41fa-839c-7601d995f2eb" providerId="ADAL" clId="{DF415A0B-A0B9-4C60-9114-93ED0130F608}" dt="2026-03-04T08:53:17.550" v="3108" actId="167"/>
          <ac:spMkLst>
            <pc:docMk/>
            <pc:sldMk cId="2971657018" sldId="2147473231"/>
            <ac:spMk id="44" creationId="{BAB3990D-B552-FEF4-B58B-F95C792EA6D4}"/>
          </ac:spMkLst>
        </pc:spChg>
        <pc:spChg chg="ord">
          <ac:chgData name="Theis Ziegler" userId="1d0357a8-3efe-41fa-839c-7601d995f2eb" providerId="ADAL" clId="{DF415A0B-A0B9-4C60-9114-93ED0130F608}" dt="2026-03-04T08:53:09.873" v="3107" actId="13244"/>
          <ac:spMkLst>
            <pc:docMk/>
            <pc:sldMk cId="2971657018" sldId="2147473231"/>
            <ac:spMk id="46" creationId="{CCFB2698-7072-F17B-7A39-C901EB0623E3}"/>
          </ac:spMkLst>
        </pc:spChg>
        <pc:spChg chg="ord">
          <ac:chgData name="Theis Ziegler" userId="1d0357a8-3efe-41fa-839c-7601d995f2eb" providerId="ADAL" clId="{DF415A0B-A0B9-4C60-9114-93ED0130F608}" dt="2026-03-04T08:46:17.238" v="3085" actId="13244"/>
          <ac:spMkLst>
            <pc:docMk/>
            <pc:sldMk cId="2971657018" sldId="2147473231"/>
            <ac:spMk id="71" creationId="{3ECECC93-AE91-C1AE-65BA-B55726A4DA7A}"/>
          </ac:spMkLst>
        </pc:spChg>
        <pc:spChg chg="mod ord">
          <ac:chgData name="Theis Ziegler" userId="1d0357a8-3efe-41fa-839c-7601d995f2eb" providerId="ADAL" clId="{DF415A0B-A0B9-4C60-9114-93ED0130F608}" dt="2026-03-04T08:49:26.232" v="3091" actId="962"/>
          <ac:spMkLst>
            <pc:docMk/>
            <pc:sldMk cId="2971657018" sldId="2147473231"/>
            <ac:spMk id="77" creationId="{1F3ADD25-9CDC-DD3B-52DB-2CD70B71E43B}"/>
          </ac:spMkLst>
        </pc:spChg>
        <pc:spChg chg="mod">
          <ac:chgData name="Theis Ziegler" userId="1d0357a8-3efe-41fa-839c-7601d995f2eb" providerId="ADAL" clId="{DF415A0B-A0B9-4C60-9114-93ED0130F608}" dt="2026-03-04T08:55:02.054" v="3119" actId="962"/>
          <ac:spMkLst>
            <pc:docMk/>
            <pc:sldMk cId="2971657018" sldId="2147473231"/>
            <ac:spMk id="78" creationId="{C44CF020-CECE-0AF5-E202-093B3E76C18C}"/>
          </ac:spMkLst>
        </pc:spChg>
        <pc:spChg chg="mod">
          <ac:chgData name="Theis Ziegler" userId="1d0357a8-3efe-41fa-839c-7601d995f2eb" providerId="ADAL" clId="{DF415A0B-A0B9-4C60-9114-93ED0130F608}" dt="2026-03-04T08:50:27.508" v="3095" actId="14100"/>
          <ac:spMkLst>
            <pc:docMk/>
            <pc:sldMk cId="2971657018" sldId="2147473231"/>
            <ac:spMk id="223" creationId="{F3B42EC8-35B4-17F6-84E8-836F7BA6E416}"/>
          </ac:spMkLst>
        </pc:spChg>
        <pc:spChg chg="ord">
          <ac:chgData name="Theis Ziegler" userId="1d0357a8-3efe-41fa-839c-7601d995f2eb" providerId="ADAL" clId="{DF415A0B-A0B9-4C60-9114-93ED0130F608}" dt="2026-03-04T08:52:26.756" v="3104" actId="13244"/>
          <ac:spMkLst>
            <pc:docMk/>
            <pc:sldMk cId="2971657018" sldId="2147473231"/>
            <ac:spMk id="224" creationId="{E54041CC-FBE9-D8DF-5D68-8B6E3F789DAC}"/>
          </ac:spMkLst>
        </pc:spChg>
        <pc:spChg chg="mod">
          <ac:chgData name="Theis Ziegler" userId="1d0357a8-3efe-41fa-839c-7601d995f2eb" providerId="ADAL" clId="{DF415A0B-A0B9-4C60-9114-93ED0130F608}" dt="2026-03-04T08:55:04.246" v="3120" actId="962"/>
          <ac:spMkLst>
            <pc:docMk/>
            <pc:sldMk cId="2971657018" sldId="2147473231"/>
            <ac:spMk id="225" creationId="{897A3A9A-C6B2-C0C6-83EB-D4E174777FEC}"/>
          </ac:spMkLst>
        </pc:spChg>
        <pc:spChg chg="ord">
          <ac:chgData name="Theis Ziegler" userId="1d0357a8-3efe-41fa-839c-7601d995f2eb" providerId="ADAL" clId="{DF415A0B-A0B9-4C60-9114-93ED0130F608}" dt="2026-03-04T08:44:15.064" v="3082" actId="13244"/>
          <ac:spMkLst>
            <pc:docMk/>
            <pc:sldMk cId="2971657018" sldId="2147473231"/>
            <ac:spMk id="239" creationId="{B9583A92-F0C4-CF0F-0699-FA9421BECF18}"/>
          </ac:spMkLst>
        </pc:spChg>
        <pc:spChg chg="mod ord">
          <ac:chgData name="Theis Ziegler" userId="1d0357a8-3efe-41fa-839c-7601d995f2eb" providerId="ADAL" clId="{DF415A0B-A0B9-4C60-9114-93ED0130F608}" dt="2026-03-04T08:51:33.404" v="3100" actId="962"/>
          <ac:spMkLst>
            <pc:docMk/>
            <pc:sldMk cId="2971657018" sldId="2147473231"/>
            <ac:spMk id="247" creationId="{CAFBD436-13F7-6EC0-B91C-062B45854FE2}"/>
          </ac:spMkLst>
        </pc:spChg>
        <pc:spChg chg="mod">
          <ac:chgData name="Theis Ziegler" userId="1d0357a8-3efe-41fa-839c-7601d995f2eb" providerId="ADAL" clId="{DF415A0B-A0B9-4C60-9114-93ED0130F608}" dt="2026-03-04T08:54:57.822" v="3118" actId="962"/>
          <ac:spMkLst>
            <pc:docMk/>
            <pc:sldMk cId="2971657018" sldId="2147473231"/>
            <ac:spMk id="250" creationId="{E88DEC20-7EA6-5C2E-A4AB-4A1A91C325AE}"/>
          </ac:spMkLst>
        </pc:spChg>
        <pc:grpChg chg="ord">
          <ac:chgData name="Theis Ziegler" userId="1d0357a8-3efe-41fa-839c-7601d995f2eb" providerId="ADAL" clId="{DF415A0B-A0B9-4C60-9114-93ED0130F608}" dt="2026-03-04T08:52:26.756" v="3104" actId="13244"/>
          <ac:grpSpMkLst>
            <pc:docMk/>
            <pc:sldMk cId="2971657018" sldId="2147473231"/>
            <ac:grpSpMk id="4" creationId="{325F9DF0-A344-F48F-FAF2-AE773A502F5C}"/>
          </ac:grpSpMkLst>
        </pc:grpChg>
        <pc:grpChg chg="mod">
          <ac:chgData name="Theis Ziegler" userId="1d0357a8-3efe-41fa-839c-7601d995f2eb" providerId="ADAL" clId="{DF415A0B-A0B9-4C60-9114-93ED0130F608}" dt="2026-03-04T08:54:52.102" v="3113" actId="962"/>
          <ac:grpSpMkLst>
            <pc:docMk/>
            <pc:sldMk cId="2971657018" sldId="2147473231"/>
            <ac:grpSpMk id="14" creationId="{3CC2E39E-7786-B6AD-515D-C63EB7FB4E52}"/>
          </ac:grpSpMkLst>
        </pc:grpChg>
        <pc:grpChg chg="add del mod ord">
          <ac:chgData name="Theis Ziegler" userId="1d0357a8-3efe-41fa-839c-7601d995f2eb" providerId="ADAL" clId="{DF415A0B-A0B9-4C60-9114-93ED0130F608}" dt="2026-03-04T08:52:11.715" v="3103" actId="13244"/>
          <ac:grpSpMkLst>
            <pc:docMk/>
            <pc:sldMk cId="2971657018" sldId="2147473231"/>
            <ac:grpSpMk id="26" creationId="{6554E99D-7537-0DA7-67E3-5EFC6A7CDF23}"/>
          </ac:grpSpMkLst>
        </pc:grpChg>
        <pc:grpChg chg="mod ord">
          <ac:chgData name="Theis Ziegler" userId="1d0357a8-3efe-41fa-839c-7601d995f2eb" providerId="ADAL" clId="{DF415A0B-A0B9-4C60-9114-93ED0130F608}" dt="2026-03-04T08:49:22.240" v="3090" actId="13244"/>
          <ac:grpSpMkLst>
            <pc:docMk/>
            <pc:sldMk cId="2971657018" sldId="2147473231"/>
            <ac:grpSpMk id="29" creationId="{BA007764-D336-7BF2-BD7B-69BEEEA77EAE}"/>
          </ac:grpSpMkLst>
        </pc:grpChg>
        <pc:grpChg chg="mod ord">
          <ac:chgData name="Theis Ziegler" userId="1d0357a8-3efe-41fa-839c-7601d995f2eb" providerId="ADAL" clId="{DF415A0B-A0B9-4C60-9114-93ED0130F608}" dt="2026-03-04T08:49:19.553" v="3089" actId="962"/>
          <ac:grpSpMkLst>
            <pc:docMk/>
            <pc:sldMk cId="2971657018" sldId="2147473231"/>
            <ac:grpSpMk id="51" creationId="{7536F2A1-FF72-D20B-718B-C2E39DAC42FA}"/>
          </ac:grpSpMkLst>
        </pc:grpChg>
        <pc:grpChg chg="ord">
          <ac:chgData name="Theis Ziegler" userId="1d0357a8-3efe-41fa-839c-7601d995f2eb" providerId="ADAL" clId="{DF415A0B-A0B9-4C60-9114-93ED0130F608}" dt="2026-03-04T08:50:15.874" v="3093" actId="13244"/>
          <ac:grpSpMkLst>
            <pc:docMk/>
            <pc:sldMk cId="2971657018" sldId="2147473231"/>
            <ac:grpSpMk id="79" creationId="{9A86E0CD-8120-CB64-9E87-6F11C49F381D}"/>
          </ac:grpSpMkLst>
        </pc:grpChg>
        <pc:grpChg chg="ord">
          <ac:chgData name="Theis Ziegler" userId="1d0357a8-3efe-41fa-839c-7601d995f2eb" providerId="ADAL" clId="{DF415A0B-A0B9-4C60-9114-93ED0130F608}" dt="2026-03-04T08:46:17.238" v="3085" actId="13244"/>
          <ac:grpSpMkLst>
            <pc:docMk/>
            <pc:sldMk cId="2971657018" sldId="2147473231"/>
            <ac:grpSpMk id="82" creationId="{EF7450DB-CE54-2FF3-2D35-A7C59DE37FA0}"/>
          </ac:grpSpMkLst>
        </pc:grpChg>
        <pc:grpChg chg="ord">
          <ac:chgData name="Theis Ziegler" userId="1d0357a8-3efe-41fa-839c-7601d995f2eb" providerId="ADAL" clId="{DF415A0B-A0B9-4C60-9114-93ED0130F608}" dt="2026-03-04T08:42:40.866" v="3080" actId="13244"/>
          <ac:grpSpMkLst>
            <pc:docMk/>
            <pc:sldMk cId="2971657018" sldId="2147473231"/>
            <ac:grpSpMk id="89" creationId="{0AE59D09-DB0D-12DE-F2C8-3A556B9E2E8F}"/>
          </ac:grpSpMkLst>
        </pc:grpChg>
        <pc:grpChg chg="ord">
          <ac:chgData name="Theis Ziegler" userId="1d0357a8-3efe-41fa-839c-7601d995f2eb" providerId="ADAL" clId="{DF415A0B-A0B9-4C60-9114-93ED0130F608}" dt="2026-03-04T08:51:17.580" v="3096" actId="13244"/>
          <ac:grpSpMkLst>
            <pc:docMk/>
            <pc:sldMk cId="2971657018" sldId="2147473231"/>
            <ac:grpSpMk id="107" creationId="{AAAFC311-D0F0-ADBF-F347-D9D6817FD8B3}"/>
          </ac:grpSpMkLst>
        </pc:grpChg>
        <pc:grpChg chg="ord">
          <ac:chgData name="Theis Ziegler" userId="1d0357a8-3efe-41fa-839c-7601d995f2eb" providerId="ADAL" clId="{DF415A0B-A0B9-4C60-9114-93ED0130F608}" dt="2026-03-04T08:52:11.715" v="3103" actId="13244"/>
          <ac:grpSpMkLst>
            <pc:docMk/>
            <pc:sldMk cId="2971657018" sldId="2147473231"/>
            <ac:grpSpMk id="113" creationId="{474FFA61-5122-034C-A702-5A0370C8D0F4}"/>
          </ac:grpSpMkLst>
        </pc:grpChg>
        <pc:grpChg chg="ord">
          <ac:chgData name="Theis Ziegler" userId="1d0357a8-3efe-41fa-839c-7601d995f2eb" providerId="ADAL" clId="{DF415A0B-A0B9-4C60-9114-93ED0130F608}" dt="2026-03-04T08:52:11.715" v="3103" actId="13244"/>
          <ac:grpSpMkLst>
            <pc:docMk/>
            <pc:sldMk cId="2971657018" sldId="2147473231"/>
            <ac:grpSpMk id="116" creationId="{834DB6A5-3292-C9AA-F52F-94B8E484D0DA}"/>
          </ac:grpSpMkLst>
        </pc:grpChg>
        <pc:grpChg chg="ord">
          <ac:chgData name="Theis Ziegler" userId="1d0357a8-3efe-41fa-839c-7601d995f2eb" providerId="ADAL" clId="{DF415A0B-A0B9-4C60-9114-93ED0130F608}" dt="2026-03-04T08:51:17.580" v="3096" actId="13244"/>
          <ac:grpSpMkLst>
            <pc:docMk/>
            <pc:sldMk cId="2971657018" sldId="2147473231"/>
            <ac:grpSpMk id="119" creationId="{F0E8D4E6-5282-B2A9-0BAA-A679C5DB16D4}"/>
          </ac:grpSpMkLst>
        </pc:grpChg>
        <pc:grpChg chg="ord">
          <ac:chgData name="Theis Ziegler" userId="1d0357a8-3efe-41fa-839c-7601d995f2eb" providerId="ADAL" clId="{DF415A0B-A0B9-4C60-9114-93ED0130F608}" dt="2026-03-04T08:50:15.874" v="3093" actId="13244"/>
          <ac:grpSpMkLst>
            <pc:docMk/>
            <pc:sldMk cId="2971657018" sldId="2147473231"/>
            <ac:grpSpMk id="122" creationId="{38C29B48-FCF8-2D1B-CC82-9D2CA49CE0D8}"/>
          </ac:grpSpMkLst>
        </pc:grpChg>
        <pc:grpChg chg="ord">
          <ac:chgData name="Theis Ziegler" userId="1d0357a8-3efe-41fa-839c-7601d995f2eb" providerId="ADAL" clId="{DF415A0B-A0B9-4C60-9114-93ED0130F608}" dt="2026-03-04T08:50:15.874" v="3093" actId="13244"/>
          <ac:grpSpMkLst>
            <pc:docMk/>
            <pc:sldMk cId="2971657018" sldId="2147473231"/>
            <ac:grpSpMk id="125" creationId="{54B58BDE-05CA-D5DB-98E9-69091A860572}"/>
          </ac:grpSpMkLst>
        </pc:grpChg>
        <pc:grpChg chg="ord">
          <ac:chgData name="Theis Ziegler" userId="1d0357a8-3efe-41fa-839c-7601d995f2eb" providerId="ADAL" clId="{DF415A0B-A0B9-4C60-9114-93ED0130F608}" dt="2026-03-04T08:50:15.874" v="3093" actId="13244"/>
          <ac:grpSpMkLst>
            <pc:docMk/>
            <pc:sldMk cId="2971657018" sldId="2147473231"/>
            <ac:grpSpMk id="128" creationId="{303BA2A7-58C3-8D84-4731-DE0570837C56}"/>
          </ac:grpSpMkLst>
        </pc:grpChg>
        <pc:grpChg chg="ord">
          <ac:chgData name="Theis Ziegler" userId="1d0357a8-3efe-41fa-839c-7601d995f2eb" providerId="ADAL" clId="{DF415A0B-A0B9-4C60-9114-93ED0130F608}" dt="2026-03-04T08:44:40.526" v="3083" actId="13244"/>
          <ac:grpSpMkLst>
            <pc:docMk/>
            <pc:sldMk cId="2971657018" sldId="2147473231"/>
            <ac:grpSpMk id="131" creationId="{44BA8DE1-82A2-7D84-D41C-38AB6C5FD06C}"/>
          </ac:grpSpMkLst>
        </pc:grpChg>
        <pc:grpChg chg="mod">
          <ac:chgData name="Theis Ziegler" userId="1d0357a8-3efe-41fa-839c-7601d995f2eb" providerId="ADAL" clId="{DF415A0B-A0B9-4C60-9114-93ED0130F608}" dt="2026-03-04T08:54:51.207" v="3111" actId="962"/>
          <ac:grpSpMkLst>
            <pc:docMk/>
            <pc:sldMk cId="2971657018" sldId="2147473231"/>
            <ac:grpSpMk id="134" creationId="{5714B072-9AC7-265B-C223-EB572B7D6C5D}"/>
          </ac:grpSpMkLst>
        </pc:grpChg>
        <pc:grpChg chg="mod">
          <ac:chgData name="Theis Ziegler" userId="1d0357a8-3efe-41fa-839c-7601d995f2eb" providerId="ADAL" clId="{DF415A0B-A0B9-4C60-9114-93ED0130F608}" dt="2026-03-04T08:54:52.772" v="3114" actId="962"/>
          <ac:grpSpMkLst>
            <pc:docMk/>
            <pc:sldMk cId="2971657018" sldId="2147473231"/>
            <ac:grpSpMk id="140" creationId="{099803AA-8790-D278-A82E-0AF7705EE5BA}"/>
          </ac:grpSpMkLst>
        </pc:grpChg>
        <pc:grpChg chg="mod">
          <ac:chgData name="Theis Ziegler" userId="1d0357a8-3efe-41fa-839c-7601d995f2eb" providerId="ADAL" clId="{DF415A0B-A0B9-4C60-9114-93ED0130F608}" dt="2026-03-04T08:54:51.501" v="3112" actId="962"/>
          <ac:grpSpMkLst>
            <pc:docMk/>
            <pc:sldMk cId="2971657018" sldId="2147473231"/>
            <ac:grpSpMk id="143" creationId="{1BE6F7CE-A49B-485E-843A-C140B0D327A0}"/>
          </ac:grpSpMkLst>
        </pc:grpChg>
        <pc:grpChg chg="ord">
          <ac:chgData name="Theis Ziegler" userId="1d0357a8-3efe-41fa-839c-7601d995f2eb" providerId="ADAL" clId="{DF415A0B-A0B9-4C60-9114-93ED0130F608}" dt="2026-03-04T08:54:17.753" v="3109" actId="13244"/>
          <ac:grpSpMkLst>
            <pc:docMk/>
            <pc:sldMk cId="2971657018" sldId="2147473231"/>
            <ac:grpSpMk id="155" creationId="{306A55AD-E61C-97EC-F8F7-BA0F2D8E8CE0}"/>
          </ac:grpSpMkLst>
        </pc:grpChg>
        <pc:grpChg chg="ord">
          <ac:chgData name="Theis Ziegler" userId="1d0357a8-3efe-41fa-839c-7601d995f2eb" providerId="ADAL" clId="{DF415A0B-A0B9-4C60-9114-93ED0130F608}" dt="2026-03-04T08:54:17.753" v="3109" actId="13244"/>
          <ac:grpSpMkLst>
            <pc:docMk/>
            <pc:sldMk cId="2971657018" sldId="2147473231"/>
            <ac:grpSpMk id="158" creationId="{A7638522-9B02-2B14-0596-C0EA744A6AEF}"/>
          </ac:grpSpMkLst>
        </pc:grpChg>
        <pc:grpChg chg="ord">
          <ac:chgData name="Theis Ziegler" userId="1d0357a8-3efe-41fa-839c-7601d995f2eb" providerId="ADAL" clId="{DF415A0B-A0B9-4C60-9114-93ED0130F608}" dt="2026-03-04T08:54:17.753" v="3109" actId="13244"/>
          <ac:grpSpMkLst>
            <pc:docMk/>
            <pc:sldMk cId="2971657018" sldId="2147473231"/>
            <ac:grpSpMk id="161" creationId="{8651D46D-8294-E0A9-E898-E103AB7BCFAC}"/>
          </ac:grpSpMkLst>
        </pc:grpChg>
        <pc:grpChg chg="ord">
          <ac:chgData name="Theis Ziegler" userId="1d0357a8-3efe-41fa-839c-7601d995f2eb" providerId="ADAL" clId="{DF415A0B-A0B9-4C60-9114-93ED0130F608}" dt="2026-03-04T08:54:17.753" v="3109" actId="13244"/>
          <ac:grpSpMkLst>
            <pc:docMk/>
            <pc:sldMk cId="2971657018" sldId="2147473231"/>
            <ac:grpSpMk id="164" creationId="{07B6D5C0-3FFA-A059-EE18-ABB4E5F940BF}"/>
          </ac:grpSpMkLst>
        </pc:grpChg>
        <pc:grpChg chg="ord">
          <ac:chgData name="Theis Ziegler" userId="1d0357a8-3efe-41fa-839c-7601d995f2eb" providerId="ADAL" clId="{DF415A0B-A0B9-4C60-9114-93ED0130F608}" dt="2026-03-04T08:54:40.890" v="3110" actId="13244"/>
          <ac:grpSpMkLst>
            <pc:docMk/>
            <pc:sldMk cId="2971657018" sldId="2147473231"/>
            <ac:grpSpMk id="167" creationId="{1F2C9A83-A291-61F0-BBBC-F1962A3B40CF}"/>
          </ac:grpSpMkLst>
        </pc:grpChg>
        <pc:grpChg chg="ord">
          <ac:chgData name="Theis Ziegler" userId="1d0357a8-3efe-41fa-839c-7601d995f2eb" providerId="ADAL" clId="{DF415A0B-A0B9-4C60-9114-93ED0130F608}" dt="2026-03-04T08:54:40.890" v="3110" actId="13244"/>
          <ac:grpSpMkLst>
            <pc:docMk/>
            <pc:sldMk cId="2971657018" sldId="2147473231"/>
            <ac:grpSpMk id="170" creationId="{16DBDDB6-6B36-5E35-0C01-5C56DC5857CE}"/>
          </ac:grpSpMkLst>
        </pc:grpChg>
        <pc:grpChg chg="ord">
          <ac:chgData name="Theis Ziegler" userId="1d0357a8-3efe-41fa-839c-7601d995f2eb" providerId="ADAL" clId="{DF415A0B-A0B9-4C60-9114-93ED0130F608}" dt="2026-03-04T08:54:40.890" v="3110" actId="13244"/>
          <ac:grpSpMkLst>
            <pc:docMk/>
            <pc:sldMk cId="2971657018" sldId="2147473231"/>
            <ac:grpSpMk id="173" creationId="{E3C58795-78DB-CA2E-C9C3-C35BB1010A26}"/>
          </ac:grpSpMkLst>
        </pc:grpChg>
        <pc:grpChg chg="mod">
          <ac:chgData name="Theis Ziegler" userId="1d0357a8-3efe-41fa-839c-7601d995f2eb" providerId="ADAL" clId="{DF415A0B-A0B9-4C60-9114-93ED0130F608}" dt="2026-03-04T08:54:53.807" v="3115" actId="962"/>
          <ac:grpSpMkLst>
            <pc:docMk/>
            <pc:sldMk cId="2971657018" sldId="2147473231"/>
            <ac:grpSpMk id="215" creationId="{12E31F31-9A9C-97E0-2ACA-FCC6D2150162}"/>
          </ac:grpSpMkLst>
        </pc:grpChg>
        <pc:grpChg chg="ord">
          <ac:chgData name="Theis Ziegler" userId="1d0357a8-3efe-41fa-839c-7601d995f2eb" providerId="ADAL" clId="{DF415A0B-A0B9-4C60-9114-93ED0130F608}" dt="2026-03-04T08:44:52.762" v="3084" actId="13244"/>
          <ac:grpSpMkLst>
            <pc:docMk/>
            <pc:sldMk cId="2971657018" sldId="2147473231"/>
            <ac:grpSpMk id="218" creationId="{8824F5BA-B418-CB9D-0FE1-63C70E895803}"/>
          </ac:grpSpMkLst>
        </pc:grpChg>
        <pc:grpChg chg="ord">
          <ac:chgData name="Theis Ziegler" userId="1d0357a8-3efe-41fa-839c-7601d995f2eb" providerId="ADAL" clId="{DF415A0B-A0B9-4C60-9114-93ED0130F608}" dt="2026-03-04T08:44:40.526" v="3083" actId="13244"/>
          <ac:grpSpMkLst>
            <pc:docMk/>
            <pc:sldMk cId="2971657018" sldId="2147473231"/>
            <ac:grpSpMk id="232" creationId="{14B8BBCC-44C7-E17C-102A-6665A4AE2180}"/>
          </ac:grpSpMkLst>
        </pc:grpChg>
        <pc:grpChg chg="ord">
          <ac:chgData name="Theis Ziegler" userId="1d0357a8-3efe-41fa-839c-7601d995f2eb" providerId="ADAL" clId="{DF415A0B-A0B9-4C60-9114-93ED0130F608}" dt="2026-03-04T08:43:57.682" v="3081" actId="13244"/>
          <ac:grpSpMkLst>
            <pc:docMk/>
            <pc:sldMk cId="2971657018" sldId="2147473231"/>
            <ac:grpSpMk id="289" creationId="{6593BC5D-B1C0-2040-6700-864583B12B9C}"/>
          </ac:grpSpMkLst>
        </pc:grpChg>
        <pc:picChg chg="mod topLvl">
          <ac:chgData name="Theis Ziegler" userId="1d0357a8-3efe-41fa-839c-7601d995f2eb" providerId="ADAL" clId="{DF415A0B-A0B9-4C60-9114-93ED0130F608}" dt="2026-03-04T08:51:52.099" v="3102" actId="165"/>
          <ac:picMkLst>
            <pc:docMk/>
            <pc:sldMk cId="2971657018" sldId="2147473231"/>
            <ac:picMk id="27" creationId="{2C2F675F-BDE7-1532-B902-00D949896720}"/>
          </ac:picMkLst>
        </pc:picChg>
      </pc:sldChg>
      <pc:sldChg chg="modSp mod">
        <pc:chgData name="Theis Ziegler" userId="1d0357a8-3efe-41fa-839c-7601d995f2eb" providerId="ADAL" clId="{DF415A0B-A0B9-4C60-9114-93ED0130F608}" dt="2026-03-04T09:33:34.932" v="3391" actId="962"/>
        <pc:sldMkLst>
          <pc:docMk/>
          <pc:sldMk cId="4104285568" sldId="2147473455"/>
        </pc:sldMkLst>
        <pc:spChg chg="ord">
          <ac:chgData name="Theis Ziegler" userId="1d0357a8-3efe-41fa-839c-7601d995f2eb" providerId="ADAL" clId="{DF415A0B-A0B9-4C60-9114-93ED0130F608}" dt="2026-03-04T09:33:19.210" v="3389" actId="167"/>
          <ac:spMkLst>
            <pc:docMk/>
            <pc:sldMk cId="4104285568" sldId="2147473455"/>
            <ac:spMk id="2" creationId="{BC8CA947-5066-0473-261E-C8F2C795D5F7}"/>
          </ac:spMkLst>
        </pc:spChg>
        <pc:spChg chg="ord">
          <ac:chgData name="Theis Ziegler" userId="1d0357a8-3efe-41fa-839c-7601d995f2eb" providerId="ADAL" clId="{DF415A0B-A0B9-4C60-9114-93ED0130F608}" dt="2026-03-04T09:33:19.210" v="3389" actId="167"/>
          <ac:spMkLst>
            <pc:docMk/>
            <pc:sldMk cId="4104285568" sldId="2147473455"/>
            <ac:spMk id="4" creationId="{5A61EFC4-D075-8BEB-4160-F4B523C3B9A3}"/>
          </ac:spMkLst>
        </pc:spChg>
        <pc:spChg chg="mod ord">
          <ac:chgData name="Theis Ziegler" userId="1d0357a8-3efe-41fa-839c-7601d995f2eb" providerId="ADAL" clId="{DF415A0B-A0B9-4C60-9114-93ED0130F608}" dt="2026-03-04T09:33:29.498" v="3390" actId="13244"/>
          <ac:spMkLst>
            <pc:docMk/>
            <pc:sldMk cId="4104285568" sldId="2147473455"/>
            <ac:spMk id="8" creationId="{FC6591B8-4DCA-6B2F-020B-9FD808D53F33}"/>
          </ac:spMkLst>
        </pc:spChg>
        <pc:spChg chg="mod ord">
          <ac:chgData name="Theis Ziegler" userId="1d0357a8-3efe-41fa-839c-7601d995f2eb" providerId="ADAL" clId="{DF415A0B-A0B9-4C60-9114-93ED0130F608}" dt="2026-03-04T09:33:34.932" v="3391" actId="962"/>
          <ac:spMkLst>
            <pc:docMk/>
            <pc:sldMk cId="4104285568" sldId="2147473455"/>
            <ac:spMk id="17" creationId="{92ACB781-21C3-E8D7-76C7-8EF5E6560FFF}"/>
          </ac:spMkLst>
        </pc:spChg>
        <pc:spChg chg="mod ord">
          <ac:chgData name="Theis Ziegler" userId="1d0357a8-3efe-41fa-839c-7601d995f2eb" providerId="ADAL" clId="{DF415A0B-A0B9-4C60-9114-93ED0130F608}" dt="2026-03-04T09:33:34.932" v="3391" actId="962"/>
          <ac:spMkLst>
            <pc:docMk/>
            <pc:sldMk cId="4104285568" sldId="2147473455"/>
            <ac:spMk id="18" creationId="{A247BE66-4B2E-E3B6-60DE-44AB27BE7326}"/>
          </ac:spMkLst>
        </pc:spChg>
        <pc:spChg chg="mod ord">
          <ac:chgData name="Theis Ziegler" userId="1d0357a8-3efe-41fa-839c-7601d995f2eb" providerId="ADAL" clId="{DF415A0B-A0B9-4C60-9114-93ED0130F608}" dt="2026-03-04T09:33:34.932" v="3391" actId="962"/>
          <ac:spMkLst>
            <pc:docMk/>
            <pc:sldMk cId="4104285568" sldId="2147473455"/>
            <ac:spMk id="19" creationId="{D70C509A-4360-DBE2-0050-6B96D250C684}"/>
          </ac:spMkLst>
        </pc:spChg>
        <pc:spChg chg="mod">
          <ac:chgData name="Theis Ziegler" userId="1d0357a8-3efe-41fa-839c-7601d995f2eb" providerId="ADAL" clId="{DF415A0B-A0B9-4C60-9114-93ED0130F608}" dt="2026-03-04T09:33:29.498" v="3390" actId="13244"/>
          <ac:spMkLst>
            <pc:docMk/>
            <pc:sldMk cId="4104285568" sldId="2147473455"/>
            <ac:spMk id="20" creationId="{B614FD00-F8F3-C715-6FB8-A50FEDFA4ED4}"/>
          </ac:spMkLst>
        </pc:spChg>
        <pc:spChg chg="ord">
          <ac:chgData name="Theis Ziegler" userId="1d0357a8-3efe-41fa-839c-7601d995f2eb" providerId="ADAL" clId="{DF415A0B-A0B9-4C60-9114-93ED0130F608}" dt="2026-03-04T09:33:19.210" v="3389" actId="167"/>
          <ac:spMkLst>
            <pc:docMk/>
            <pc:sldMk cId="4104285568" sldId="2147473455"/>
            <ac:spMk id="44" creationId="{738F1F09-4C72-8DA0-27C1-A2F6124A6B92}"/>
          </ac:spMkLst>
        </pc:spChg>
        <pc:spChg chg="mod ord">
          <ac:chgData name="Theis Ziegler" userId="1d0357a8-3efe-41fa-839c-7601d995f2eb" providerId="ADAL" clId="{DF415A0B-A0B9-4C60-9114-93ED0130F608}" dt="2026-03-04T09:33:34.932" v="3391" actId="962"/>
          <ac:spMkLst>
            <pc:docMk/>
            <pc:sldMk cId="4104285568" sldId="2147473455"/>
            <ac:spMk id="45" creationId="{78869B37-54B5-9EAC-A7F9-7655A7113C83}"/>
          </ac:spMkLst>
        </pc:spChg>
        <pc:spChg chg="ord">
          <ac:chgData name="Theis Ziegler" userId="1d0357a8-3efe-41fa-839c-7601d995f2eb" providerId="ADAL" clId="{DF415A0B-A0B9-4C60-9114-93ED0130F608}" dt="2026-03-04T09:33:19.210" v="3389" actId="167"/>
          <ac:spMkLst>
            <pc:docMk/>
            <pc:sldMk cId="4104285568" sldId="2147473455"/>
            <ac:spMk id="61" creationId="{A79C472C-C929-722E-E650-E106F67B0824}"/>
          </ac:spMkLst>
        </pc:spChg>
      </pc:sldChg>
      <pc:sldChg chg="modSp mod">
        <pc:chgData name="Theis Ziegler" userId="1d0357a8-3efe-41fa-839c-7601d995f2eb" providerId="ADAL" clId="{DF415A0B-A0B9-4C60-9114-93ED0130F608}" dt="2026-03-04T09:35:32.355" v="3399" actId="13244"/>
        <pc:sldMkLst>
          <pc:docMk/>
          <pc:sldMk cId="3032103451" sldId="2147473459"/>
        </pc:sldMkLst>
        <pc:spChg chg="ord">
          <ac:chgData name="Theis Ziegler" userId="1d0357a8-3efe-41fa-839c-7601d995f2eb" providerId="ADAL" clId="{DF415A0B-A0B9-4C60-9114-93ED0130F608}" dt="2026-03-04T09:35:32.355" v="3399" actId="13244"/>
          <ac:spMkLst>
            <pc:docMk/>
            <pc:sldMk cId="3032103451" sldId="2147473459"/>
            <ac:spMk id="8" creationId="{211336B0-0A49-6A2D-5733-BEB56FDE679A}"/>
          </ac:spMkLst>
        </pc:spChg>
        <pc:spChg chg="mod">
          <ac:chgData name="Theis Ziegler" userId="1d0357a8-3efe-41fa-839c-7601d995f2eb" providerId="ADAL" clId="{DF415A0B-A0B9-4C60-9114-93ED0130F608}" dt="2026-03-04T09:35:31.206" v="3398" actId="13244"/>
          <ac:spMkLst>
            <pc:docMk/>
            <pc:sldMk cId="3032103451" sldId="2147473459"/>
            <ac:spMk id="11" creationId="{0961CDC2-026E-B74D-3AC4-4D2E25E022AA}"/>
          </ac:spMkLst>
        </pc:spChg>
      </pc:sldChg>
      <pc:sldChg chg="delSp modSp mod">
        <pc:chgData name="Theis Ziegler" userId="1d0357a8-3efe-41fa-839c-7601d995f2eb" providerId="ADAL" clId="{DF415A0B-A0B9-4C60-9114-93ED0130F608}" dt="2026-03-04T09:36:55.381" v="3409" actId="962"/>
        <pc:sldMkLst>
          <pc:docMk/>
          <pc:sldMk cId="1389644155" sldId="2147473463"/>
        </pc:sldMkLst>
        <pc:spChg chg="mod topLvl">
          <ac:chgData name="Theis Ziegler" userId="1d0357a8-3efe-41fa-839c-7601d995f2eb" providerId="ADAL" clId="{DF415A0B-A0B9-4C60-9114-93ED0130F608}" dt="2026-03-04T09:36:38.251" v="3406" actId="962"/>
          <ac:spMkLst>
            <pc:docMk/>
            <pc:sldMk cId="1389644155" sldId="2147473463"/>
            <ac:spMk id="80" creationId="{A9029FB7-4902-5D9C-E9BA-E08D96788EA4}"/>
          </ac:spMkLst>
        </pc:spChg>
        <pc:spChg chg="mod topLvl">
          <ac:chgData name="Theis Ziegler" userId="1d0357a8-3efe-41fa-839c-7601d995f2eb" providerId="ADAL" clId="{DF415A0B-A0B9-4C60-9114-93ED0130F608}" dt="2026-03-04T09:36:31.405" v="3405" actId="165"/>
          <ac:spMkLst>
            <pc:docMk/>
            <pc:sldMk cId="1389644155" sldId="2147473463"/>
            <ac:spMk id="81" creationId="{780F8FD2-11E9-480A-92B7-D8FE549DA5C3}"/>
          </ac:spMkLst>
        </pc:spChg>
        <pc:spChg chg="mod topLvl">
          <ac:chgData name="Theis Ziegler" userId="1d0357a8-3efe-41fa-839c-7601d995f2eb" providerId="ADAL" clId="{DF415A0B-A0B9-4C60-9114-93ED0130F608}" dt="2026-03-04T09:36:53.159" v="3408" actId="962"/>
          <ac:spMkLst>
            <pc:docMk/>
            <pc:sldMk cId="1389644155" sldId="2147473463"/>
            <ac:spMk id="110" creationId="{24E485E7-FC80-D298-D499-2018BB515D54}"/>
          </ac:spMkLst>
        </pc:spChg>
        <pc:spChg chg="mod topLvl">
          <ac:chgData name="Theis Ziegler" userId="1d0357a8-3efe-41fa-839c-7601d995f2eb" providerId="ADAL" clId="{DF415A0B-A0B9-4C60-9114-93ED0130F608}" dt="2026-03-04T09:36:44.902" v="3407" actId="165"/>
          <ac:spMkLst>
            <pc:docMk/>
            <pc:sldMk cId="1389644155" sldId="2147473463"/>
            <ac:spMk id="111" creationId="{DF388461-1546-E7A7-C31E-517226B06610}"/>
          </ac:spMkLst>
        </pc:spChg>
        <pc:spChg chg="mod topLvl">
          <ac:chgData name="Theis Ziegler" userId="1d0357a8-3efe-41fa-839c-7601d995f2eb" providerId="ADAL" clId="{DF415A0B-A0B9-4C60-9114-93ED0130F608}" dt="2026-03-04T09:36:55.381" v="3409" actId="962"/>
          <ac:spMkLst>
            <pc:docMk/>
            <pc:sldMk cId="1389644155" sldId="2147473463"/>
            <ac:spMk id="114" creationId="{C8CA6DB5-7FDD-A2C4-56D2-338CD04DF584}"/>
          </ac:spMkLst>
        </pc:spChg>
        <pc:spChg chg="mod topLvl">
          <ac:chgData name="Theis Ziegler" userId="1d0357a8-3efe-41fa-839c-7601d995f2eb" providerId="ADAL" clId="{DF415A0B-A0B9-4C60-9114-93ED0130F608}" dt="2026-03-04T09:36:44.902" v="3407" actId="165"/>
          <ac:spMkLst>
            <pc:docMk/>
            <pc:sldMk cId="1389644155" sldId="2147473463"/>
            <ac:spMk id="115" creationId="{E8EF90EA-E925-0B93-0F99-DB4C0588061C}"/>
          </ac:spMkLst>
        </pc:spChg>
      </pc:sldChg>
      <pc:sldChg chg="modSp mod">
        <pc:chgData name="Theis Ziegler" userId="1d0357a8-3efe-41fa-839c-7601d995f2eb" providerId="ADAL" clId="{DF415A0B-A0B9-4C60-9114-93ED0130F608}" dt="2026-03-04T09:35:02.473" v="3394" actId="962"/>
        <pc:sldMkLst>
          <pc:docMk/>
          <pc:sldMk cId="3263703343" sldId="2147473465"/>
        </pc:sldMkLst>
        <pc:spChg chg="mod">
          <ac:chgData name="Theis Ziegler" userId="1d0357a8-3efe-41fa-839c-7601d995f2eb" providerId="ADAL" clId="{DF415A0B-A0B9-4C60-9114-93ED0130F608}" dt="2026-03-04T09:34:55.011" v="3392" actId="13244"/>
          <ac:spMkLst>
            <pc:docMk/>
            <pc:sldMk cId="3263703343" sldId="2147473465"/>
            <ac:spMk id="3" creationId="{5B46DA38-822C-34EB-DA4A-F94DC9B870D7}"/>
          </ac:spMkLst>
        </pc:spChg>
        <pc:spChg chg="ord">
          <ac:chgData name="Theis Ziegler" userId="1d0357a8-3efe-41fa-839c-7601d995f2eb" providerId="ADAL" clId="{DF415A0B-A0B9-4C60-9114-93ED0130F608}" dt="2026-03-04T09:34:58.054" v="3393" actId="13244"/>
          <ac:spMkLst>
            <pc:docMk/>
            <pc:sldMk cId="3263703343" sldId="2147473465"/>
            <ac:spMk id="8" creationId="{D37BF7EC-75DA-C6A5-A3A9-752FC55C9947}"/>
          </ac:spMkLst>
        </pc:spChg>
        <pc:spChg chg="mod">
          <ac:chgData name="Theis Ziegler" userId="1d0357a8-3efe-41fa-839c-7601d995f2eb" providerId="ADAL" clId="{DF415A0B-A0B9-4C60-9114-93ED0130F608}" dt="2026-03-04T09:35:02.473" v="3394" actId="962"/>
          <ac:spMkLst>
            <pc:docMk/>
            <pc:sldMk cId="3263703343" sldId="2147473465"/>
            <ac:spMk id="17" creationId="{86817E58-8294-02F5-2AA1-4B9E25C193A9}"/>
          </ac:spMkLst>
        </pc:spChg>
        <pc:spChg chg="mod">
          <ac:chgData name="Theis Ziegler" userId="1d0357a8-3efe-41fa-839c-7601d995f2eb" providerId="ADAL" clId="{DF415A0B-A0B9-4C60-9114-93ED0130F608}" dt="2026-03-04T09:35:02.473" v="3394" actId="962"/>
          <ac:spMkLst>
            <pc:docMk/>
            <pc:sldMk cId="3263703343" sldId="2147473465"/>
            <ac:spMk id="18" creationId="{ADDFD7DB-C450-0B36-D5E2-8BA7A9BB7A50}"/>
          </ac:spMkLst>
        </pc:spChg>
        <pc:spChg chg="mod">
          <ac:chgData name="Theis Ziegler" userId="1d0357a8-3efe-41fa-839c-7601d995f2eb" providerId="ADAL" clId="{DF415A0B-A0B9-4C60-9114-93ED0130F608}" dt="2026-03-04T09:35:02.473" v="3394" actId="962"/>
          <ac:spMkLst>
            <pc:docMk/>
            <pc:sldMk cId="3263703343" sldId="2147473465"/>
            <ac:spMk id="45" creationId="{A85FF9F4-B44B-B32E-74AA-8B9B1F9D8499}"/>
          </ac:spMkLst>
        </pc:spChg>
      </pc:sldChg>
      <pc:sldChg chg="modSp mod">
        <pc:chgData name="Theis Ziegler" userId="1d0357a8-3efe-41fa-839c-7601d995f2eb" providerId="ADAL" clId="{DF415A0B-A0B9-4C60-9114-93ED0130F608}" dt="2026-03-04T09:35:19.362" v="3397" actId="13244"/>
        <pc:sldMkLst>
          <pc:docMk/>
          <pc:sldMk cId="3082731742" sldId="2147473466"/>
        </pc:sldMkLst>
        <pc:spChg chg="mod">
          <ac:chgData name="Theis Ziegler" userId="1d0357a8-3efe-41fa-839c-7601d995f2eb" providerId="ADAL" clId="{DF415A0B-A0B9-4C60-9114-93ED0130F608}" dt="2026-03-04T09:35:16.989" v="3396" actId="13244"/>
          <ac:spMkLst>
            <pc:docMk/>
            <pc:sldMk cId="3082731742" sldId="2147473466"/>
            <ac:spMk id="3" creationId="{2C25D543-F713-9188-EB50-555D81EB4C66}"/>
          </ac:spMkLst>
        </pc:spChg>
        <pc:spChg chg="ord">
          <ac:chgData name="Theis Ziegler" userId="1d0357a8-3efe-41fa-839c-7601d995f2eb" providerId="ADAL" clId="{DF415A0B-A0B9-4C60-9114-93ED0130F608}" dt="2026-03-04T09:35:19.362" v="3397" actId="13244"/>
          <ac:spMkLst>
            <pc:docMk/>
            <pc:sldMk cId="3082731742" sldId="2147473466"/>
            <ac:spMk id="8" creationId="{1D3D9E86-8EC1-A929-0858-3A723052C867}"/>
          </ac:spMkLst>
        </pc:spChg>
        <pc:spChg chg="mod">
          <ac:chgData name="Theis Ziegler" userId="1d0357a8-3efe-41fa-839c-7601d995f2eb" providerId="ADAL" clId="{DF415A0B-A0B9-4C60-9114-93ED0130F608}" dt="2026-03-04T09:35:10.463" v="3395" actId="962"/>
          <ac:spMkLst>
            <pc:docMk/>
            <pc:sldMk cId="3082731742" sldId="2147473466"/>
            <ac:spMk id="17" creationId="{9B03D674-267F-3F1E-5223-89AF0110BD67}"/>
          </ac:spMkLst>
        </pc:spChg>
        <pc:spChg chg="mod">
          <ac:chgData name="Theis Ziegler" userId="1d0357a8-3efe-41fa-839c-7601d995f2eb" providerId="ADAL" clId="{DF415A0B-A0B9-4C60-9114-93ED0130F608}" dt="2026-03-04T09:35:10.463" v="3395" actId="962"/>
          <ac:spMkLst>
            <pc:docMk/>
            <pc:sldMk cId="3082731742" sldId="2147473466"/>
            <ac:spMk id="18" creationId="{197D573E-8120-49AB-A4C4-CD3D0D547DDC}"/>
          </ac:spMkLst>
        </pc:spChg>
        <pc:spChg chg="mod">
          <ac:chgData name="Theis Ziegler" userId="1d0357a8-3efe-41fa-839c-7601d995f2eb" providerId="ADAL" clId="{DF415A0B-A0B9-4C60-9114-93ED0130F608}" dt="2026-03-04T09:35:10.463" v="3395" actId="962"/>
          <ac:spMkLst>
            <pc:docMk/>
            <pc:sldMk cId="3082731742" sldId="2147473466"/>
            <ac:spMk id="19" creationId="{1A6F6860-9C69-5D8F-43D0-3679F75839BF}"/>
          </ac:spMkLst>
        </pc:spChg>
        <pc:spChg chg="mod">
          <ac:chgData name="Theis Ziegler" userId="1d0357a8-3efe-41fa-839c-7601d995f2eb" providerId="ADAL" clId="{DF415A0B-A0B9-4C60-9114-93ED0130F608}" dt="2026-03-04T09:35:10.463" v="3395" actId="962"/>
          <ac:spMkLst>
            <pc:docMk/>
            <pc:sldMk cId="3082731742" sldId="2147473466"/>
            <ac:spMk id="45" creationId="{27783E98-30C7-A6B3-DF26-D6D18BA117D1}"/>
          </ac:spMkLst>
        </pc:spChg>
      </pc:sldChg>
      <pc:sldChg chg="addSp modSp mod">
        <pc:chgData name="Theis Ziegler" userId="1d0357a8-3efe-41fa-839c-7601d995f2eb" providerId="ADAL" clId="{DF415A0B-A0B9-4C60-9114-93ED0130F608}" dt="2026-03-09T13:54:24.655" v="4068" actId="790"/>
        <pc:sldMkLst>
          <pc:docMk/>
          <pc:sldMk cId="3676496785" sldId="2147473468"/>
        </pc:sldMkLst>
        <pc:spChg chg="add mod">
          <ac:chgData name="Theis Ziegler" userId="1d0357a8-3efe-41fa-839c-7601d995f2eb" providerId="ADAL" clId="{DF415A0B-A0B9-4C60-9114-93ED0130F608}" dt="2026-03-09T13:54:24.655" v="4068" actId="790"/>
          <ac:spMkLst>
            <pc:docMk/>
            <pc:sldMk cId="3676496785" sldId="2147473468"/>
            <ac:spMk id="2" creationId="{EECCD068-248A-8393-698E-358C16BF6A2C}"/>
          </ac:spMkLst>
        </pc:spChg>
      </pc:sldChg>
      <pc:sldChg chg="delSp modSp mod">
        <pc:chgData name="Theis Ziegler" userId="1d0357a8-3efe-41fa-839c-7601d995f2eb" providerId="ADAL" clId="{DF415A0B-A0B9-4C60-9114-93ED0130F608}" dt="2026-03-04T09:58:49.618" v="3574" actId="13244"/>
        <pc:sldMkLst>
          <pc:docMk/>
          <pc:sldMk cId="3676125295" sldId="2147473471"/>
        </pc:sldMkLst>
        <pc:spChg chg="ord">
          <ac:chgData name="Theis Ziegler" userId="1d0357a8-3efe-41fa-839c-7601d995f2eb" providerId="ADAL" clId="{DF415A0B-A0B9-4C60-9114-93ED0130F608}" dt="2026-03-04T09:58:49.618" v="3574" actId="13244"/>
          <ac:spMkLst>
            <pc:docMk/>
            <pc:sldMk cId="3676125295" sldId="2147473471"/>
            <ac:spMk id="5" creationId="{1461217A-DBF4-7D01-BA5B-752C1E032836}"/>
          </ac:spMkLst>
        </pc:spChg>
        <pc:spChg chg="ord">
          <ac:chgData name="Theis Ziegler" userId="1d0357a8-3efe-41fa-839c-7601d995f2eb" providerId="ADAL" clId="{DF415A0B-A0B9-4C60-9114-93ED0130F608}" dt="2026-03-04T09:57:36.401" v="3555" actId="13244"/>
          <ac:spMkLst>
            <pc:docMk/>
            <pc:sldMk cId="3676125295" sldId="2147473471"/>
            <ac:spMk id="8" creationId="{7C4A5DA8-648B-176C-4D1C-404076A5AD37}"/>
          </ac:spMkLst>
        </pc:spChg>
        <pc:spChg chg="mod topLvl">
          <ac:chgData name="Theis Ziegler" userId="1d0357a8-3efe-41fa-839c-7601d995f2eb" providerId="ADAL" clId="{DF415A0B-A0B9-4C60-9114-93ED0130F608}" dt="2026-03-04T09:58:24.824" v="3567" actId="962"/>
          <ac:spMkLst>
            <pc:docMk/>
            <pc:sldMk cId="3676125295" sldId="2147473471"/>
            <ac:spMk id="27" creationId="{B3859680-E3BE-1A47-2481-A2AF7F20BAFE}"/>
          </ac:spMkLst>
        </pc:spChg>
        <pc:spChg chg="mod topLvl">
          <ac:chgData name="Theis Ziegler" userId="1d0357a8-3efe-41fa-839c-7601d995f2eb" providerId="ADAL" clId="{DF415A0B-A0B9-4C60-9114-93ED0130F608}" dt="2026-03-04T09:58:30.264" v="3568" actId="962"/>
          <ac:spMkLst>
            <pc:docMk/>
            <pc:sldMk cId="3676125295" sldId="2147473471"/>
            <ac:spMk id="28" creationId="{F41A9437-79B4-29C3-84B1-85ABD17957E7}"/>
          </ac:spMkLst>
        </pc:spChg>
        <pc:spChg chg="mod topLvl">
          <ac:chgData name="Theis Ziegler" userId="1d0357a8-3efe-41fa-839c-7601d995f2eb" providerId="ADAL" clId="{DF415A0B-A0B9-4C60-9114-93ED0130F608}" dt="2026-03-04T09:58:24.824" v="3567" actId="962"/>
          <ac:spMkLst>
            <pc:docMk/>
            <pc:sldMk cId="3676125295" sldId="2147473471"/>
            <ac:spMk id="30" creationId="{7D8355B4-C94D-EDEE-CD0F-5EEDBFFC3EEE}"/>
          </ac:spMkLst>
        </pc:spChg>
        <pc:spChg chg="mod topLvl">
          <ac:chgData name="Theis Ziegler" userId="1d0357a8-3efe-41fa-839c-7601d995f2eb" providerId="ADAL" clId="{DF415A0B-A0B9-4C60-9114-93ED0130F608}" dt="2026-03-04T09:58:30.264" v="3568" actId="962"/>
          <ac:spMkLst>
            <pc:docMk/>
            <pc:sldMk cId="3676125295" sldId="2147473471"/>
            <ac:spMk id="31" creationId="{849EA9C2-F21A-CA3A-DC95-02AC38C6B8A3}"/>
          </ac:spMkLst>
        </pc:spChg>
        <pc:spChg chg="mod topLvl">
          <ac:chgData name="Theis Ziegler" userId="1d0357a8-3efe-41fa-839c-7601d995f2eb" providerId="ADAL" clId="{DF415A0B-A0B9-4C60-9114-93ED0130F608}" dt="2026-03-04T09:58:24.824" v="3567" actId="962"/>
          <ac:spMkLst>
            <pc:docMk/>
            <pc:sldMk cId="3676125295" sldId="2147473471"/>
            <ac:spMk id="32" creationId="{7E9711B8-0C77-8909-2563-84D67BB6FBE5}"/>
          </ac:spMkLst>
        </pc:spChg>
        <pc:spChg chg="mod">
          <ac:chgData name="Theis Ziegler" userId="1d0357a8-3efe-41fa-839c-7601d995f2eb" providerId="ADAL" clId="{DF415A0B-A0B9-4C60-9114-93ED0130F608}" dt="2026-03-04T09:58:17.722" v="3566" actId="165"/>
          <ac:spMkLst>
            <pc:docMk/>
            <pc:sldMk cId="3676125295" sldId="2147473471"/>
            <ac:spMk id="39" creationId="{FD9DE915-D47F-3389-9FE5-C7B1756DC7AD}"/>
          </ac:spMkLst>
        </pc:spChg>
        <pc:spChg chg="mod">
          <ac:chgData name="Theis Ziegler" userId="1d0357a8-3efe-41fa-839c-7601d995f2eb" providerId="ADAL" clId="{DF415A0B-A0B9-4C60-9114-93ED0130F608}" dt="2026-03-04T09:57:41.810" v="3556" actId="962"/>
          <ac:spMkLst>
            <pc:docMk/>
            <pc:sldMk cId="3676125295" sldId="2147473471"/>
            <ac:spMk id="45" creationId="{809F281F-6A43-29E9-38C7-C5EF11EB691A}"/>
          </ac:spMkLst>
        </pc:spChg>
        <pc:spChg chg="mod">
          <ac:chgData name="Theis Ziegler" userId="1d0357a8-3efe-41fa-839c-7601d995f2eb" providerId="ADAL" clId="{DF415A0B-A0B9-4C60-9114-93ED0130F608}" dt="2026-03-04T09:58:17.722" v="3566" actId="165"/>
          <ac:spMkLst>
            <pc:docMk/>
            <pc:sldMk cId="3676125295" sldId="2147473471"/>
            <ac:spMk id="58" creationId="{1CCC6559-7F3F-114E-D488-AC0B0B8D88EA}"/>
          </ac:spMkLst>
        </pc:spChg>
        <pc:spChg chg="mod">
          <ac:chgData name="Theis Ziegler" userId="1d0357a8-3efe-41fa-839c-7601d995f2eb" providerId="ADAL" clId="{DF415A0B-A0B9-4C60-9114-93ED0130F608}" dt="2026-03-04T09:58:17.722" v="3566" actId="165"/>
          <ac:spMkLst>
            <pc:docMk/>
            <pc:sldMk cId="3676125295" sldId="2147473471"/>
            <ac:spMk id="59" creationId="{E8BACAFD-4783-417F-B1BF-872DFA8AC699}"/>
          </ac:spMkLst>
        </pc:spChg>
        <pc:spChg chg="mod">
          <ac:chgData name="Theis Ziegler" userId="1d0357a8-3efe-41fa-839c-7601d995f2eb" providerId="ADAL" clId="{DF415A0B-A0B9-4C60-9114-93ED0130F608}" dt="2026-03-04T09:58:17.722" v="3566" actId="165"/>
          <ac:spMkLst>
            <pc:docMk/>
            <pc:sldMk cId="3676125295" sldId="2147473471"/>
            <ac:spMk id="60" creationId="{C5D5DAE8-82A1-956F-2848-87AC7E9EDD25}"/>
          </ac:spMkLst>
        </pc:spChg>
        <pc:spChg chg="ord">
          <ac:chgData name="Theis Ziegler" userId="1d0357a8-3efe-41fa-839c-7601d995f2eb" providerId="ADAL" clId="{DF415A0B-A0B9-4C60-9114-93ED0130F608}" dt="2026-03-04T09:58:05.008" v="3561" actId="13244"/>
          <ac:spMkLst>
            <pc:docMk/>
            <pc:sldMk cId="3676125295" sldId="2147473471"/>
            <ac:spMk id="70" creationId="{BF7663F9-57CE-FE92-C30A-CD31DC97B55D}"/>
          </ac:spMkLst>
        </pc:spChg>
        <pc:spChg chg="ord">
          <ac:chgData name="Theis Ziegler" userId="1d0357a8-3efe-41fa-839c-7601d995f2eb" providerId="ADAL" clId="{DF415A0B-A0B9-4C60-9114-93ED0130F608}" dt="2026-03-04T09:58:06.423" v="3562" actId="13244"/>
          <ac:spMkLst>
            <pc:docMk/>
            <pc:sldMk cId="3676125295" sldId="2147473471"/>
            <ac:spMk id="81" creationId="{C5C9CCF0-7C91-B9B7-7067-71ACC485931D}"/>
          </ac:spMkLst>
        </pc:spChg>
        <pc:spChg chg="mod">
          <ac:chgData name="Theis Ziegler" userId="1d0357a8-3efe-41fa-839c-7601d995f2eb" providerId="ADAL" clId="{DF415A0B-A0B9-4C60-9114-93ED0130F608}" dt="2026-03-04T09:57:41.810" v="3556" actId="962"/>
          <ac:spMkLst>
            <pc:docMk/>
            <pc:sldMk cId="3676125295" sldId="2147473471"/>
            <ac:spMk id="84" creationId="{02FAD3B9-059E-BC2F-B3AA-3C5BA9F9B618}"/>
          </ac:spMkLst>
        </pc:spChg>
        <pc:spChg chg="ord">
          <ac:chgData name="Theis Ziegler" userId="1d0357a8-3efe-41fa-839c-7601d995f2eb" providerId="ADAL" clId="{DF415A0B-A0B9-4C60-9114-93ED0130F608}" dt="2026-03-04T09:58:07.930" v="3563" actId="13244"/>
          <ac:spMkLst>
            <pc:docMk/>
            <pc:sldMk cId="3676125295" sldId="2147473471"/>
            <ac:spMk id="93" creationId="{559E8EFE-5885-321D-B604-EF1D4AE59F18}"/>
          </ac:spMkLst>
        </pc:spChg>
        <pc:spChg chg="ord">
          <ac:chgData name="Theis Ziegler" userId="1d0357a8-3efe-41fa-839c-7601d995f2eb" providerId="ADAL" clId="{DF415A0B-A0B9-4C60-9114-93ED0130F608}" dt="2026-03-04T09:57:46.233" v="3557" actId="13244"/>
          <ac:spMkLst>
            <pc:docMk/>
            <pc:sldMk cId="3676125295" sldId="2147473471"/>
            <ac:spMk id="95" creationId="{19B70093-ECCA-7EBF-EA23-6D255DB60684}"/>
          </ac:spMkLst>
        </pc:spChg>
        <pc:spChg chg="mod topLvl">
          <ac:chgData name="Theis Ziegler" userId="1d0357a8-3efe-41fa-839c-7601d995f2eb" providerId="ADAL" clId="{DF415A0B-A0B9-4C60-9114-93ED0130F608}" dt="2026-03-04T09:58:43.938" v="3570" actId="165"/>
          <ac:spMkLst>
            <pc:docMk/>
            <pc:sldMk cId="3676125295" sldId="2147473471"/>
            <ac:spMk id="98" creationId="{9E07109E-4A73-DA25-4983-6865F07458A6}"/>
          </ac:spMkLst>
        </pc:spChg>
        <pc:spChg chg="mod">
          <ac:chgData name="Theis Ziegler" userId="1d0357a8-3efe-41fa-839c-7601d995f2eb" providerId="ADAL" clId="{DF415A0B-A0B9-4C60-9114-93ED0130F608}" dt="2026-03-04T09:58:43.938" v="3570" actId="165"/>
          <ac:spMkLst>
            <pc:docMk/>
            <pc:sldMk cId="3676125295" sldId="2147473471"/>
            <ac:spMk id="100" creationId="{86860F6D-4AE9-E2B7-900B-D2D4176F3F75}"/>
          </ac:spMkLst>
        </pc:spChg>
        <pc:spChg chg="mod">
          <ac:chgData name="Theis Ziegler" userId="1d0357a8-3efe-41fa-839c-7601d995f2eb" providerId="ADAL" clId="{DF415A0B-A0B9-4C60-9114-93ED0130F608}" dt="2026-03-04T09:58:43.938" v="3570" actId="165"/>
          <ac:spMkLst>
            <pc:docMk/>
            <pc:sldMk cId="3676125295" sldId="2147473471"/>
            <ac:spMk id="101" creationId="{76618846-79AC-B92C-9B8C-ADFF2F6FF48F}"/>
          </ac:spMkLst>
        </pc:spChg>
        <pc:spChg chg="mod topLvl">
          <ac:chgData name="Theis Ziegler" userId="1d0357a8-3efe-41fa-839c-7601d995f2eb" providerId="ADAL" clId="{DF415A0B-A0B9-4C60-9114-93ED0130F608}" dt="2026-03-04T09:58:43.938" v="3570" actId="165"/>
          <ac:spMkLst>
            <pc:docMk/>
            <pc:sldMk cId="3676125295" sldId="2147473471"/>
            <ac:spMk id="103" creationId="{912A4806-7A64-C10D-0805-30CF24DC2C7B}"/>
          </ac:spMkLst>
        </pc:spChg>
        <pc:spChg chg="mod">
          <ac:chgData name="Theis Ziegler" userId="1d0357a8-3efe-41fa-839c-7601d995f2eb" providerId="ADAL" clId="{DF415A0B-A0B9-4C60-9114-93ED0130F608}" dt="2026-03-04T09:58:43.938" v="3570" actId="165"/>
          <ac:spMkLst>
            <pc:docMk/>
            <pc:sldMk cId="3676125295" sldId="2147473471"/>
            <ac:spMk id="105" creationId="{DF97FFA2-0F71-D7C8-B8CF-99A66EE5E57E}"/>
          </ac:spMkLst>
        </pc:spChg>
        <pc:spChg chg="mod">
          <ac:chgData name="Theis Ziegler" userId="1d0357a8-3efe-41fa-839c-7601d995f2eb" providerId="ADAL" clId="{DF415A0B-A0B9-4C60-9114-93ED0130F608}" dt="2026-03-04T09:58:43.938" v="3570" actId="165"/>
          <ac:spMkLst>
            <pc:docMk/>
            <pc:sldMk cId="3676125295" sldId="2147473471"/>
            <ac:spMk id="106" creationId="{FB873CB7-EE45-E631-9062-6FEB74F93F76}"/>
          </ac:spMkLst>
        </pc:spChg>
        <pc:spChg chg="mod topLvl">
          <ac:chgData name="Theis Ziegler" userId="1d0357a8-3efe-41fa-839c-7601d995f2eb" providerId="ADAL" clId="{DF415A0B-A0B9-4C60-9114-93ED0130F608}" dt="2026-03-04T09:58:43.938" v="3570" actId="165"/>
          <ac:spMkLst>
            <pc:docMk/>
            <pc:sldMk cId="3676125295" sldId="2147473471"/>
            <ac:spMk id="108" creationId="{43178B99-9F66-0107-6BD9-ABC22E371D08}"/>
          </ac:spMkLst>
        </pc:spChg>
        <pc:spChg chg="mod">
          <ac:chgData name="Theis Ziegler" userId="1d0357a8-3efe-41fa-839c-7601d995f2eb" providerId="ADAL" clId="{DF415A0B-A0B9-4C60-9114-93ED0130F608}" dt="2026-03-04T09:58:43.938" v="3570" actId="165"/>
          <ac:spMkLst>
            <pc:docMk/>
            <pc:sldMk cId="3676125295" sldId="2147473471"/>
            <ac:spMk id="110" creationId="{56C1F081-77E2-8FBC-FC93-82FBA971B0D7}"/>
          </ac:spMkLst>
        </pc:spChg>
        <pc:spChg chg="mod">
          <ac:chgData name="Theis Ziegler" userId="1d0357a8-3efe-41fa-839c-7601d995f2eb" providerId="ADAL" clId="{DF415A0B-A0B9-4C60-9114-93ED0130F608}" dt="2026-03-04T09:58:43.938" v="3570" actId="165"/>
          <ac:spMkLst>
            <pc:docMk/>
            <pc:sldMk cId="3676125295" sldId="2147473471"/>
            <ac:spMk id="111" creationId="{68CFEE0A-27F8-905E-CD02-AEEC6833B3A0}"/>
          </ac:spMkLst>
        </pc:spChg>
        <pc:spChg chg="mod">
          <ac:chgData name="Theis Ziegler" userId="1d0357a8-3efe-41fa-839c-7601d995f2eb" providerId="ADAL" clId="{DF415A0B-A0B9-4C60-9114-93ED0130F608}" dt="2026-03-04T09:57:33.747" v="3554" actId="13244"/>
          <ac:spMkLst>
            <pc:docMk/>
            <pc:sldMk cId="3676125295" sldId="2147473471"/>
            <ac:spMk id="112" creationId="{CA6C42B3-840D-54CA-56A5-CF2E28EA3677}"/>
          </ac:spMkLst>
        </pc:spChg>
        <pc:spChg chg="ord">
          <ac:chgData name="Theis Ziegler" userId="1d0357a8-3efe-41fa-839c-7601d995f2eb" providerId="ADAL" clId="{DF415A0B-A0B9-4C60-9114-93ED0130F608}" dt="2026-03-04T09:58:33.931" v="3569" actId="13244"/>
          <ac:spMkLst>
            <pc:docMk/>
            <pc:sldMk cId="3676125295" sldId="2147473471"/>
            <ac:spMk id="134" creationId="{12175425-D768-E179-EC14-59703B560D81}"/>
          </ac:spMkLst>
        </pc:spChg>
        <pc:grpChg chg="ord">
          <ac:chgData name="Theis Ziegler" userId="1d0357a8-3efe-41fa-839c-7601d995f2eb" providerId="ADAL" clId="{DF415A0B-A0B9-4C60-9114-93ED0130F608}" dt="2026-03-04T09:58:03.546" v="3560" actId="13244"/>
          <ac:grpSpMkLst>
            <pc:docMk/>
            <pc:sldMk cId="3676125295" sldId="2147473471"/>
            <ac:grpSpMk id="4" creationId="{61BCF8F2-2B41-5010-B077-18F8D7B1200D}"/>
          </ac:grpSpMkLst>
        </pc:grpChg>
        <pc:grpChg chg="mod">
          <ac:chgData name="Theis Ziegler" userId="1d0357a8-3efe-41fa-839c-7601d995f2eb" providerId="ADAL" clId="{DF415A0B-A0B9-4C60-9114-93ED0130F608}" dt="2026-03-04T09:58:24.824" v="3567" actId="962"/>
          <ac:grpSpMkLst>
            <pc:docMk/>
            <pc:sldMk cId="3676125295" sldId="2147473471"/>
            <ac:grpSpMk id="29" creationId="{EC8D3441-EA0C-0E58-46D0-B4B31794683B}"/>
          </ac:grpSpMkLst>
        </pc:grpChg>
        <pc:grpChg chg="ord">
          <ac:chgData name="Theis Ziegler" userId="1d0357a8-3efe-41fa-839c-7601d995f2eb" providerId="ADAL" clId="{DF415A0B-A0B9-4C60-9114-93ED0130F608}" dt="2026-03-04T09:57:59.186" v="3559" actId="13244"/>
          <ac:grpSpMkLst>
            <pc:docMk/>
            <pc:sldMk cId="3676125295" sldId="2147473471"/>
            <ac:grpSpMk id="53" creationId="{D879BF7E-4D05-10FD-0072-253FADCBA4E4}"/>
          </ac:grpSpMkLst>
        </pc:grpChg>
        <pc:grpChg chg="ord">
          <ac:chgData name="Theis Ziegler" userId="1d0357a8-3efe-41fa-839c-7601d995f2eb" providerId="ADAL" clId="{DF415A0B-A0B9-4C60-9114-93ED0130F608}" dt="2026-03-04T09:57:59.186" v="3559" actId="13244"/>
          <ac:grpSpMkLst>
            <pc:docMk/>
            <pc:sldMk cId="3676125295" sldId="2147473471"/>
            <ac:grpSpMk id="71" creationId="{E8440DC7-8FD3-82A9-E7E3-2987ACCB9367}"/>
          </ac:grpSpMkLst>
        </pc:grpChg>
        <pc:grpChg chg="ord">
          <ac:chgData name="Theis Ziegler" userId="1d0357a8-3efe-41fa-839c-7601d995f2eb" providerId="ADAL" clId="{DF415A0B-A0B9-4C60-9114-93ED0130F608}" dt="2026-03-04T09:57:59.186" v="3559" actId="13244"/>
          <ac:grpSpMkLst>
            <pc:docMk/>
            <pc:sldMk cId="3676125295" sldId="2147473471"/>
            <ac:grpSpMk id="82" creationId="{7B6A3716-EFC9-AE7F-BF79-C0F18295FDC0}"/>
          </ac:grpSpMkLst>
        </pc:grpChg>
        <pc:grpChg chg="mod topLvl">
          <ac:chgData name="Theis Ziegler" userId="1d0357a8-3efe-41fa-839c-7601d995f2eb" providerId="ADAL" clId="{DF415A0B-A0B9-4C60-9114-93ED0130F608}" dt="2026-03-04T09:58:47.323" v="3573" actId="962"/>
          <ac:grpSpMkLst>
            <pc:docMk/>
            <pc:sldMk cId="3676125295" sldId="2147473471"/>
            <ac:grpSpMk id="99" creationId="{4C8C591F-A043-DED8-0F39-708F9FE32092}"/>
          </ac:grpSpMkLst>
        </pc:grpChg>
        <pc:grpChg chg="mod">
          <ac:chgData name="Theis Ziegler" userId="1d0357a8-3efe-41fa-839c-7601d995f2eb" providerId="ADAL" clId="{DF415A0B-A0B9-4C60-9114-93ED0130F608}" dt="2026-03-04T09:58:46.652" v="3572" actId="962"/>
          <ac:grpSpMkLst>
            <pc:docMk/>
            <pc:sldMk cId="3676125295" sldId="2147473471"/>
            <ac:grpSpMk id="104" creationId="{FBC16455-4938-9C07-058E-38D21D6F0958}"/>
          </ac:grpSpMkLst>
        </pc:grpChg>
        <pc:grpChg chg="mod">
          <ac:chgData name="Theis Ziegler" userId="1d0357a8-3efe-41fa-839c-7601d995f2eb" providerId="ADAL" clId="{DF415A0B-A0B9-4C60-9114-93ED0130F608}" dt="2026-03-04T09:58:46.132" v="3571" actId="962"/>
          <ac:grpSpMkLst>
            <pc:docMk/>
            <pc:sldMk cId="3676125295" sldId="2147473471"/>
            <ac:grpSpMk id="109" creationId="{3E79924C-D700-92EC-03E0-DFDE9A5D6B35}"/>
          </ac:grpSpMkLst>
        </pc:grpChg>
      </pc:sldChg>
      <pc:sldChg chg="delSp modSp mod">
        <pc:chgData name="Theis Ziegler" userId="1d0357a8-3efe-41fa-839c-7601d995f2eb" providerId="ADAL" clId="{DF415A0B-A0B9-4C60-9114-93ED0130F608}" dt="2026-03-04T10:00:38.422" v="3601" actId="13244"/>
        <pc:sldMkLst>
          <pc:docMk/>
          <pc:sldMk cId="1929719694" sldId="2147473475"/>
        </pc:sldMkLst>
        <pc:spChg chg="ord">
          <ac:chgData name="Theis Ziegler" userId="1d0357a8-3efe-41fa-839c-7601d995f2eb" providerId="ADAL" clId="{DF415A0B-A0B9-4C60-9114-93ED0130F608}" dt="2026-03-04T10:00:38.422" v="3601" actId="13244"/>
          <ac:spMkLst>
            <pc:docMk/>
            <pc:sldMk cId="1929719694" sldId="2147473475"/>
            <ac:spMk id="5" creationId="{3E46EA0E-325A-F255-7F2D-D73E29121458}"/>
          </ac:spMkLst>
        </pc:spChg>
        <pc:spChg chg="ord">
          <ac:chgData name="Theis Ziegler" userId="1d0357a8-3efe-41fa-839c-7601d995f2eb" providerId="ADAL" clId="{DF415A0B-A0B9-4C60-9114-93ED0130F608}" dt="2026-03-04T09:59:03.238" v="3576" actId="13244"/>
          <ac:spMkLst>
            <pc:docMk/>
            <pc:sldMk cId="1929719694" sldId="2147473475"/>
            <ac:spMk id="8" creationId="{59F45D50-D22B-528A-556E-08BFA654396E}"/>
          </ac:spMkLst>
        </pc:spChg>
        <pc:spChg chg="mod topLvl">
          <ac:chgData name="Theis Ziegler" userId="1d0357a8-3efe-41fa-839c-7601d995f2eb" providerId="ADAL" clId="{DF415A0B-A0B9-4C60-9114-93ED0130F608}" dt="2026-03-04T10:00:08.361" v="3592" actId="962"/>
          <ac:spMkLst>
            <pc:docMk/>
            <pc:sldMk cId="1929719694" sldId="2147473475"/>
            <ac:spMk id="24" creationId="{CF437C45-DD51-C67D-C335-05B882C14479}"/>
          </ac:spMkLst>
        </pc:spChg>
        <pc:spChg chg="mod topLvl">
          <ac:chgData name="Theis Ziegler" userId="1d0357a8-3efe-41fa-839c-7601d995f2eb" providerId="ADAL" clId="{DF415A0B-A0B9-4C60-9114-93ED0130F608}" dt="2026-03-04T10:00:08.361" v="3592" actId="962"/>
          <ac:spMkLst>
            <pc:docMk/>
            <pc:sldMk cId="1929719694" sldId="2147473475"/>
            <ac:spMk id="25" creationId="{F8428C33-C7B0-2CDD-266C-C210460F0E6B}"/>
          </ac:spMkLst>
        </pc:spChg>
        <pc:spChg chg="mod topLvl">
          <ac:chgData name="Theis Ziegler" userId="1d0357a8-3efe-41fa-839c-7601d995f2eb" providerId="ADAL" clId="{DF415A0B-A0B9-4C60-9114-93ED0130F608}" dt="2026-03-04T10:00:11.626" v="3593" actId="962"/>
          <ac:spMkLst>
            <pc:docMk/>
            <pc:sldMk cId="1929719694" sldId="2147473475"/>
            <ac:spMk id="26" creationId="{478F7226-2628-A952-7705-87B3B2BE7DFF}"/>
          </ac:spMkLst>
        </pc:spChg>
        <pc:spChg chg="mod topLvl">
          <ac:chgData name="Theis Ziegler" userId="1d0357a8-3efe-41fa-839c-7601d995f2eb" providerId="ADAL" clId="{DF415A0B-A0B9-4C60-9114-93ED0130F608}" dt="2026-03-04T10:00:08.361" v="3592" actId="962"/>
          <ac:spMkLst>
            <pc:docMk/>
            <pc:sldMk cId="1929719694" sldId="2147473475"/>
            <ac:spMk id="27" creationId="{EFA4CDD2-55EF-B6B3-3D86-7F093CBDCB6E}"/>
          </ac:spMkLst>
        </pc:spChg>
        <pc:spChg chg="mod topLvl">
          <ac:chgData name="Theis Ziegler" userId="1d0357a8-3efe-41fa-839c-7601d995f2eb" providerId="ADAL" clId="{DF415A0B-A0B9-4C60-9114-93ED0130F608}" dt="2026-03-04T10:00:11.626" v="3593" actId="962"/>
          <ac:spMkLst>
            <pc:docMk/>
            <pc:sldMk cId="1929719694" sldId="2147473475"/>
            <ac:spMk id="28" creationId="{15480B1E-2321-BD52-4D8B-9580DA61075E}"/>
          </ac:spMkLst>
        </pc:spChg>
        <pc:spChg chg="ord">
          <ac:chgData name="Theis Ziegler" userId="1d0357a8-3efe-41fa-839c-7601d995f2eb" providerId="ADAL" clId="{DF415A0B-A0B9-4C60-9114-93ED0130F608}" dt="2026-03-04T09:59:51.969" v="3588" actId="13244"/>
          <ac:spMkLst>
            <pc:docMk/>
            <pc:sldMk cId="1929719694" sldId="2147473475"/>
            <ac:spMk id="37" creationId="{2A006CA6-15D2-36E3-5E42-682FAF5D8A1D}"/>
          </ac:spMkLst>
        </pc:spChg>
        <pc:spChg chg="mod">
          <ac:chgData name="Theis Ziegler" userId="1d0357a8-3efe-41fa-839c-7601d995f2eb" providerId="ADAL" clId="{DF415A0B-A0B9-4C60-9114-93ED0130F608}" dt="2026-03-04T10:00:03.659" v="3591" actId="165"/>
          <ac:spMkLst>
            <pc:docMk/>
            <pc:sldMk cId="1929719694" sldId="2147473475"/>
            <ac:spMk id="39" creationId="{493ED5AA-C776-FA43-46D7-8F34CD6777D2}"/>
          </ac:spMkLst>
        </pc:spChg>
        <pc:spChg chg="mod">
          <ac:chgData name="Theis Ziegler" userId="1d0357a8-3efe-41fa-839c-7601d995f2eb" providerId="ADAL" clId="{DF415A0B-A0B9-4C60-9114-93ED0130F608}" dt="2026-03-04T09:59:07.738" v="3577" actId="962"/>
          <ac:spMkLst>
            <pc:docMk/>
            <pc:sldMk cId="1929719694" sldId="2147473475"/>
            <ac:spMk id="45" creationId="{4B5DE9A5-2D3F-D3ED-DA19-CF6626C0E9AB}"/>
          </ac:spMkLst>
        </pc:spChg>
        <pc:spChg chg="ord">
          <ac:chgData name="Theis Ziegler" userId="1d0357a8-3efe-41fa-839c-7601d995f2eb" providerId="ADAL" clId="{DF415A0B-A0B9-4C60-9114-93ED0130F608}" dt="2026-03-04T09:59:53.097" v="3589" actId="13244"/>
          <ac:spMkLst>
            <pc:docMk/>
            <pc:sldMk cId="1929719694" sldId="2147473475"/>
            <ac:spMk id="57" creationId="{0FDEEF2C-0668-1918-EA66-E86E5423E92C}"/>
          </ac:spMkLst>
        </pc:spChg>
        <pc:spChg chg="mod">
          <ac:chgData name="Theis Ziegler" userId="1d0357a8-3efe-41fa-839c-7601d995f2eb" providerId="ADAL" clId="{DF415A0B-A0B9-4C60-9114-93ED0130F608}" dt="2026-03-04T10:00:03.659" v="3591" actId="165"/>
          <ac:spMkLst>
            <pc:docMk/>
            <pc:sldMk cId="1929719694" sldId="2147473475"/>
            <ac:spMk id="58" creationId="{D832432C-EDAC-EC31-4486-56F1A3D6C858}"/>
          </ac:spMkLst>
        </pc:spChg>
        <pc:spChg chg="mod">
          <ac:chgData name="Theis Ziegler" userId="1d0357a8-3efe-41fa-839c-7601d995f2eb" providerId="ADAL" clId="{DF415A0B-A0B9-4C60-9114-93ED0130F608}" dt="2026-03-04T10:00:03.659" v="3591" actId="165"/>
          <ac:spMkLst>
            <pc:docMk/>
            <pc:sldMk cId="1929719694" sldId="2147473475"/>
            <ac:spMk id="59" creationId="{958547F5-DC97-0F87-EE8F-653966C8DB38}"/>
          </ac:spMkLst>
        </pc:spChg>
        <pc:spChg chg="mod">
          <ac:chgData name="Theis Ziegler" userId="1d0357a8-3efe-41fa-839c-7601d995f2eb" providerId="ADAL" clId="{DF415A0B-A0B9-4C60-9114-93ED0130F608}" dt="2026-03-04T10:00:03.659" v="3591" actId="165"/>
          <ac:spMkLst>
            <pc:docMk/>
            <pc:sldMk cId="1929719694" sldId="2147473475"/>
            <ac:spMk id="60" creationId="{50CC21D3-2B94-3DF4-8FC7-6763876C74CD}"/>
          </ac:spMkLst>
        </pc:spChg>
        <pc:spChg chg="ord">
          <ac:chgData name="Theis Ziegler" userId="1d0357a8-3efe-41fa-839c-7601d995f2eb" providerId="ADAL" clId="{DF415A0B-A0B9-4C60-9114-93ED0130F608}" dt="2026-03-04T09:59:54.193" v="3590" actId="13244"/>
          <ac:spMkLst>
            <pc:docMk/>
            <pc:sldMk cId="1929719694" sldId="2147473475"/>
            <ac:spMk id="74" creationId="{590195FB-28D5-5BF7-AAFE-6947408B02B0}"/>
          </ac:spMkLst>
        </pc:spChg>
        <pc:spChg chg="ord">
          <ac:chgData name="Theis Ziegler" userId="1d0357a8-3efe-41fa-839c-7601d995f2eb" providerId="ADAL" clId="{DF415A0B-A0B9-4C60-9114-93ED0130F608}" dt="2026-03-04T09:59:11.869" v="3578" actId="13244"/>
          <ac:spMkLst>
            <pc:docMk/>
            <pc:sldMk cId="1929719694" sldId="2147473475"/>
            <ac:spMk id="76" creationId="{2CA60B39-E379-3845-5085-B2C12FF2EA9A}"/>
          </ac:spMkLst>
        </pc:spChg>
        <pc:spChg chg="mod topLvl">
          <ac:chgData name="Theis Ziegler" userId="1d0357a8-3efe-41fa-839c-7601d995f2eb" providerId="ADAL" clId="{DF415A0B-A0B9-4C60-9114-93ED0130F608}" dt="2026-03-04T10:00:25.530" v="3595" actId="165"/>
          <ac:spMkLst>
            <pc:docMk/>
            <pc:sldMk cId="1929719694" sldId="2147473475"/>
            <ac:spMk id="78" creationId="{46F4A407-DEC4-1DD1-FE2C-0F5D445BD1A9}"/>
          </ac:spMkLst>
        </pc:spChg>
        <pc:spChg chg="mod">
          <ac:chgData name="Theis Ziegler" userId="1d0357a8-3efe-41fa-839c-7601d995f2eb" providerId="ADAL" clId="{DF415A0B-A0B9-4C60-9114-93ED0130F608}" dt="2026-03-04T10:00:25.530" v="3595" actId="165"/>
          <ac:spMkLst>
            <pc:docMk/>
            <pc:sldMk cId="1929719694" sldId="2147473475"/>
            <ac:spMk id="80" creationId="{960823D5-DAB6-F2C9-E9C2-8768A69B4A92}"/>
          </ac:spMkLst>
        </pc:spChg>
        <pc:spChg chg="mod">
          <ac:chgData name="Theis Ziegler" userId="1d0357a8-3efe-41fa-839c-7601d995f2eb" providerId="ADAL" clId="{DF415A0B-A0B9-4C60-9114-93ED0130F608}" dt="2026-03-04T10:00:25.530" v="3595" actId="165"/>
          <ac:spMkLst>
            <pc:docMk/>
            <pc:sldMk cId="1929719694" sldId="2147473475"/>
            <ac:spMk id="81" creationId="{7CD25DD9-8072-50B9-A59E-B66F36F50247}"/>
          </ac:spMkLst>
        </pc:spChg>
        <pc:spChg chg="mod topLvl">
          <ac:chgData name="Theis Ziegler" userId="1d0357a8-3efe-41fa-839c-7601d995f2eb" providerId="ADAL" clId="{DF415A0B-A0B9-4C60-9114-93ED0130F608}" dt="2026-03-04T10:00:25.530" v="3595" actId="165"/>
          <ac:spMkLst>
            <pc:docMk/>
            <pc:sldMk cId="1929719694" sldId="2147473475"/>
            <ac:spMk id="83" creationId="{952D0147-EE1A-8954-9DF5-7C1582CDA22B}"/>
          </ac:spMkLst>
        </pc:spChg>
        <pc:spChg chg="mod">
          <ac:chgData name="Theis Ziegler" userId="1d0357a8-3efe-41fa-839c-7601d995f2eb" providerId="ADAL" clId="{DF415A0B-A0B9-4C60-9114-93ED0130F608}" dt="2026-03-04T09:59:07.738" v="3577" actId="962"/>
          <ac:spMkLst>
            <pc:docMk/>
            <pc:sldMk cId="1929719694" sldId="2147473475"/>
            <ac:spMk id="84" creationId="{587400FD-14AA-8409-17F1-256AE4BFB009}"/>
          </ac:spMkLst>
        </pc:spChg>
        <pc:spChg chg="mod">
          <ac:chgData name="Theis Ziegler" userId="1d0357a8-3efe-41fa-839c-7601d995f2eb" providerId="ADAL" clId="{DF415A0B-A0B9-4C60-9114-93ED0130F608}" dt="2026-03-04T10:00:25.530" v="3595" actId="165"/>
          <ac:spMkLst>
            <pc:docMk/>
            <pc:sldMk cId="1929719694" sldId="2147473475"/>
            <ac:spMk id="86" creationId="{4B1FC6E9-B456-6BC7-802A-0F8CCC4FF570}"/>
          </ac:spMkLst>
        </pc:spChg>
        <pc:spChg chg="mod">
          <ac:chgData name="Theis Ziegler" userId="1d0357a8-3efe-41fa-839c-7601d995f2eb" providerId="ADAL" clId="{DF415A0B-A0B9-4C60-9114-93ED0130F608}" dt="2026-03-04T10:00:25.530" v="3595" actId="165"/>
          <ac:spMkLst>
            <pc:docMk/>
            <pc:sldMk cId="1929719694" sldId="2147473475"/>
            <ac:spMk id="87" creationId="{2736D738-08F7-67D6-7DF2-306912DD92D9}"/>
          </ac:spMkLst>
        </pc:spChg>
        <pc:spChg chg="mod topLvl">
          <ac:chgData name="Theis Ziegler" userId="1d0357a8-3efe-41fa-839c-7601d995f2eb" providerId="ADAL" clId="{DF415A0B-A0B9-4C60-9114-93ED0130F608}" dt="2026-03-04T10:00:25.530" v="3595" actId="165"/>
          <ac:spMkLst>
            <pc:docMk/>
            <pc:sldMk cId="1929719694" sldId="2147473475"/>
            <ac:spMk id="89" creationId="{9C400DA9-2C99-AB08-5B32-E1037AC74713}"/>
          </ac:spMkLst>
        </pc:spChg>
        <pc:spChg chg="mod">
          <ac:chgData name="Theis Ziegler" userId="1d0357a8-3efe-41fa-839c-7601d995f2eb" providerId="ADAL" clId="{DF415A0B-A0B9-4C60-9114-93ED0130F608}" dt="2026-03-04T10:00:25.530" v="3595" actId="165"/>
          <ac:spMkLst>
            <pc:docMk/>
            <pc:sldMk cId="1929719694" sldId="2147473475"/>
            <ac:spMk id="91" creationId="{375CF6DE-9784-9E4C-B434-5E060A22BCDE}"/>
          </ac:spMkLst>
        </pc:spChg>
        <pc:spChg chg="mod">
          <ac:chgData name="Theis Ziegler" userId="1d0357a8-3efe-41fa-839c-7601d995f2eb" providerId="ADAL" clId="{DF415A0B-A0B9-4C60-9114-93ED0130F608}" dt="2026-03-04T10:00:25.530" v="3595" actId="165"/>
          <ac:spMkLst>
            <pc:docMk/>
            <pc:sldMk cId="1929719694" sldId="2147473475"/>
            <ac:spMk id="92" creationId="{4D01344D-1ABB-0659-67FA-46EB5ABF620D}"/>
          </ac:spMkLst>
        </pc:spChg>
        <pc:spChg chg="mod">
          <ac:chgData name="Theis Ziegler" userId="1d0357a8-3efe-41fa-839c-7601d995f2eb" providerId="ADAL" clId="{DF415A0B-A0B9-4C60-9114-93ED0130F608}" dt="2026-03-04T09:59:00.154" v="3575" actId="13244"/>
          <ac:spMkLst>
            <pc:docMk/>
            <pc:sldMk cId="1929719694" sldId="2147473475"/>
            <ac:spMk id="93" creationId="{42195206-1BED-5ACF-2E78-1C93ED4AD8DA}"/>
          </ac:spMkLst>
        </pc:spChg>
        <pc:spChg chg="mod">
          <ac:chgData name="Theis Ziegler" userId="1d0357a8-3efe-41fa-839c-7601d995f2eb" providerId="ADAL" clId="{DF415A0B-A0B9-4C60-9114-93ED0130F608}" dt="2026-03-04T09:59:29.148" v="3584" actId="962"/>
          <ac:spMkLst>
            <pc:docMk/>
            <pc:sldMk cId="1929719694" sldId="2147473475"/>
            <ac:spMk id="98" creationId="{41DFD604-9044-FCD4-A88C-BF71137E1FFC}"/>
          </ac:spMkLst>
        </pc:spChg>
        <pc:spChg chg="ord">
          <ac:chgData name="Theis Ziegler" userId="1d0357a8-3efe-41fa-839c-7601d995f2eb" providerId="ADAL" clId="{DF415A0B-A0B9-4C60-9114-93ED0130F608}" dt="2026-03-04T10:00:14.685" v="3594" actId="13244"/>
          <ac:spMkLst>
            <pc:docMk/>
            <pc:sldMk cId="1929719694" sldId="2147473475"/>
            <ac:spMk id="134" creationId="{B0E6FFB2-C4E2-815A-3ADE-CB31EE9B1D5D}"/>
          </ac:spMkLst>
        </pc:spChg>
        <pc:grpChg chg="ord">
          <ac:chgData name="Theis Ziegler" userId="1d0357a8-3efe-41fa-839c-7601d995f2eb" providerId="ADAL" clId="{DF415A0B-A0B9-4C60-9114-93ED0130F608}" dt="2026-03-04T09:59:37.168" v="3585" actId="13244"/>
          <ac:grpSpMkLst>
            <pc:docMk/>
            <pc:sldMk cId="1929719694" sldId="2147473475"/>
            <ac:grpSpMk id="4" creationId="{CA801BB6-BCF6-E563-DC4D-D18A35471ABB}"/>
          </ac:grpSpMkLst>
        </pc:grpChg>
        <pc:grpChg chg="ord">
          <ac:chgData name="Theis Ziegler" userId="1d0357a8-3efe-41fa-839c-7601d995f2eb" providerId="ADAL" clId="{DF415A0B-A0B9-4C60-9114-93ED0130F608}" dt="2026-03-04T09:59:49.045" v="3587" actId="13244"/>
          <ac:grpSpMkLst>
            <pc:docMk/>
            <pc:sldMk cId="1929719694" sldId="2147473475"/>
            <ac:grpSpMk id="10" creationId="{A66A07B8-9800-D069-0982-804EF9C31F22}"/>
          </ac:grpSpMkLst>
        </pc:grpChg>
        <pc:grpChg chg="mod">
          <ac:chgData name="Theis Ziegler" userId="1d0357a8-3efe-41fa-839c-7601d995f2eb" providerId="ADAL" clId="{DF415A0B-A0B9-4C60-9114-93ED0130F608}" dt="2026-03-04T10:00:08.361" v="3592" actId="962"/>
          <ac:grpSpMkLst>
            <pc:docMk/>
            <pc:sldMk cId="1929719694" sldId="2147473475"/>
            <ac:grpSpMk id="29" creationId="{4284B6FE-A86D-E4E1-24A8-A7FCC49F314A}"/>
          </ac:grpSpMkLst>
        </pc:grpChg>
        <pc:grpChg chg="ord">
          <ac:chgData name="Theis Ziegler" userId="1d0357a8-3efe-41fa-839c-7601d995f2eb" providerId="ADAL" clId="{DF415A0B-A0B9-4C60-9114-93ED0130F608}" dt="2026-03-04T09:59:49.045" v="3587" actId="13244"/>
          <ac:grpSpMkLst>
            <pc:docMk/>
            <pc:sldMk cId="1929719694" sldId="2147473475"/>
            <ac:grpSpMk id="38" creationId="{0A993239-4F02-30E9-DDDE-A7B98F43CCCE}"/>
          </ac:grpSpMkLst>
        </pc:grpChg>
        <pc:grpChg chg="ord">
          <ac:chgData name="Theis Ziegler" userId="1d0357a8-3efe-41fa-839c-7601d995f2eb" providerId="ADAL" clId="{DF415A0B-A0B9-4C60-9114-93ED0130F608}" dt="2026-03-04T09:59:49.045" v="3587" actId="13244"/>
          <ac:grpSpMkLst>
            <pc:docMk/>
            <pc:sldMk cId="1929719694" sldId="2147473475"/>
            <ac:grpSpMk id="62" creationId="{33413416-36BB-4848-CA1B-3E7B2F81637E}"/>
          </ac:grpSpMkLst>
        </pc:grpChg>
        <pc:grpChg chg="mod">
          <ac:chgData name="Theis Ziegler" userId="1d0357a8-3efe-41fa-839c-7601d995f2eb" providerId="ADAL" clId="{DF415A0B-A0B9-4C60-9114-93ED0130F608}" dt="2026-03-04T10:00:32.257" v="3600" actId="962"/>
          <ac:grpSpMkLst>
            <pc:docMk/>
            <pc:sldMk cId="1929719694" sldId="2147473475"/>
            <ac:grpSpMk id="79" creationId="{819D05C7-FBD0-39E9-3D3D-FB510672E197}"/>
          </ac:grpSpMkLst>
        </pc:grpChg>
        <pc:grpChg chg="mod topLvl">
          <ac:chgData name="Theis Ziegler" userId="1d0357a8-3efe-41fa-839c-7601d995f2eb" providerId="ADAL" clId="{DF415A0B-A0B9-4C60-9114-93ED0130F608}" dt="2026-03-04T10:00:31.501" v="3599" actId="962"/>
          <ac:grpSpMkLst>
            <pc:docMk/>
            <pc:sldMk cId="1929719694" sldId="2147473475"/>
            <ac:grpSpMk id="85" creationId="{A1CD4DD6-94D6-4B86-EB0C-2E36D49C1E8B}"/>
          </ac:grpSpMkLst>
        </pc:grpChg>
        <pc:grpChg chg="mod">
          <ac:chgData name="Theis Ziegler" userId="1d0357a8-3efe-41fa-839c-7601d995f2eb" providerId="ADAL" clId="{DF415A0B-A0B9-4C60-9114-93ED0130F608}" dt="2026-03-04T10:00:30.771" v="3598" actId="962"/>
          <ac:grpSpMkLst>
            <pc:docMk/>
            <pc:sldMk cId="1929719694" sldId="2147473475"/>
            <ac:grpSpMk id="90" creationId="{7B02FF48-C0B2-7F96-51F2-15E128842D16}"/>
          </ac:grpSpMkLst>
        </pc:grpChg>
      </pc:sldChg>
      <pc:sldChg chg="delSp modSp mod">
        <pc:chgData name="Theis Ziegler" userId="1d0357a8-3efe-41fa-839c-7601d995f2eb" providerId="ADAL" clId="{DF415A0B-A0B9-4C60-9114-93ED0130F608}" dt="2026-03-04T09:49:04.262" v="3479" actId="962"/>
        <pc:sldMkLst>
          <pc:docMk/>
          <pc:sldMk cId="1274958583" sldId="2147473476"/>
        </pc:sldMkLst>
        <pc:spChg chg="mod">
          <ac:chgData name="Theis Ziegler" userId="1d0357a8-3efe-41fa-839c-7601d995f2eb" providerId="ADAL" clId="{DF415A0B-A0B9-4C60-9114-93ED0130F608}" dt="2026-03-04T09:46:31.037" v="3458" actId="13244"/>
          <ac:spMkLst>
            <pc:docMk/>
            <pc:sldMk cId="1274958583" sldId="2147473476"/>
            <ac:spMk id="4" creationId="{FF9B62F6-BA62-AD90-3BB3-FEB67D4D9754}"/>
          </ac:spMkLst>
        </pc:spChg>
        <pc:spChg chg="ord">
          <ac:chgData name="Theis Ziegler" userId="1d0357a8-3efe-41fa-839c-7601d995f2eb" providerId="ADAL" clId="{DF415A0B-A0B9-4C60-9114-93ED0130F608}" dt="2026-03-04T09:47:16.895" v="3463" actId="13244"/>
          <ac:spMkLst>
            <pc:docMk/>
            <pc:sldMk cId="1274958583" sldId="2147473476"/>
            <ac:spMk id="5" creationId="{FB709C09-A29B-B2F9-F6E2-A847F0C1F2A9}"/>
          </ac:spMkLst>
        </pc:spChg>
        <pc:spChg chg="ord">
          <ac:chgData name="Theis Ziegler" userId="1d0357a8-3efe-41fa-839c-7601d995f2eb" providerId="ADAL" clId="{DF415A0B-A0B9-4C60-9114-93ED0130F608}" dt="2026-03-04T09:46:33.928" v="3459" actId="13244"/>
          <ac:spMkLst>
            <pc:docMk/>
            <pc:sldMk cId="1274958583" sldId="2147473476"/>
            <ac:spMk id="8" creationId="{45796646-0E12-9BD1-CE8C-63FB5AA2DB40}"/>
          </ac:spMkLst>
        </pc:spChg>
        <pc:spChg chg="mod topLvl">
          <ac:chgData name="Theis Ziegler" userId="1d0357a8-3efe-41fa-839c-7601d995f2eb" providerId="ADAL" clId="{DF415A0B-A0B9-4C60-9114-93ED0130F608}" dt="2026-03-04T09:48:56.602" v="3476" actId="165"/>
          <ac:spMkLst>
            <pc:docMk/>
            <pc:sldMk cId="1274958583" sldId="2147473476"/>
            <ac:spMk id="10" creationId="{E61A3122-019C-C3D7-5951-B20D7B851BB4}"/>
          </ac:spMkLst>
        </pc:spChg>
        <pc:spChg chg="mod">
          <ac:chgData name="Theis Ziegler" userId="1d0357a8-3efe-41fa-839c-7601d995f2eb" providerId="ADAL" clId="{DF415A0B-A0B9-4C60-9114-93ED0130F608}" dt="2026-03-04T09:48:56.602" v="3476" actId="165"/>
          <ac:spMkLst>
            <pc:docMk/>
            <pc:sldMk cId="1274958583" sldId="2147473476"/>
            <ac:spMk id="12" creationId="{B4A0E55B-F4C9-CAE0-5941-BBD5231C2643}"/>
          </ac:spMkLst>
        </pc:spChg>
        <pc:spChg chg="mod">
          <ac:chgData name="Theis Ziegler" userId="1d0357a8-3efe-41fa-839c-7601d995f2eb" providerId="ADAL" clId="{DF415A0B-A0B9-4C60-9114-93ED0130F608}" dt="2026-03-04T09:48:56.602" v="3476" actId="165"/>
          <ac:spMkLst>
            <pc:docMk/>
            <pc:sldMk cId="1274958583" sldId="2147473476"/>
            <ac:spMk id="13" creationId="{8DDDBE8C-488D-9860-D729-C982D462BFD4}"/>
          </ac:spMkLst>
        </pc:spChg>
        <pc:spChg chg="mod topLvl">
          <ac:chgData name="Theis Ziegler" userId="1d0357a8-3efe-41fa-839c-7601d995f2eb" providerId="ADAL" clId="{DF415A0B-A0B9-4C60-9114-93ED0130F608}" dt="2026-03-04T09:48:56.602" v="3476" actId="165"/>
          <ac:spMkLst>
            <pc:docMk/>
            <pc:sldMk cId="1274958583" sldId="2147473476"/>
            <ac:spMk id="16" creationId="{9ED2E0E0-DB65-2F2F-769A-44782A5A28FF}"/>
          </ac:spMkLst>
        </pc:spChg>
        <pc:spChg chg="mod">
          <ac:chgData name="Theis Ziegler" userId="1d0357a8-3efe-41fa-839c-7601d995f2eb" providerId="ADAL" clId="{DF415A0B-A0B9-4C60-9114-93ED0130F608}" dt="2026-03-04T09:48:56.602" v="3476" actId="165"/>
          <ac:spMkLst>
            <pc:docMk/>
            <pc:sldMk cId="1274958583" sldId="2147473476"/>
            <ac:spMk id="18" creationId="{CEB033E2-9C26-542F-81D7-C99C5BD17A72}"/>
          </ac:spMkLst>
        </pc:spChg>
        <pc:spChg chg="mod">
          <ac:chgData name="Theis Ziegler" userId="1d0357a8-3efe-41fa-839c-7601d995f2eb" providerId="ADAL" clId="{DF415A0B-A0B9-4C60-9114-93ED0130F608}" dt="2026-03-04T09:48:56.602" v="3476" actId="165"/>
          <ac:spMkLst>
            <pc:docMk/>
            <pc:sldMk cId="1274958583" sldId="2147473476"/>
            <ac:spMk id="19" creationId="{0DC2FBD7-6816-C2E3-1587-A9F7CA057BEA}"/>
          </ac:spMkLst>
        </pc:spChg>
        <pc:spChg chg="mod topLvl">
          <ac:chgData name="Theis Ziegler" userId="1d0357a8-3efe-41fa-839c-7601d995f2eb" providerId="ADAL" clId="{DF415A0B-A0B9-4C60-9114-93ED0130F608}" dt="2026-03-04T09:48:00.896" v="3469" actId="962"/>
          <ac:spMkLst>
            <pc:docMk/>
            <pc:sldMk cId="1274958583" sldId="2147473476"/>
            <ac:spMk id="24" creationId="{4CD10B8C-4B6D-7639-423B-7F4DAB14FFA0}"/>
          </ac:spMkLst>
        </pc:spChg>
        <pc:spChg chg="mod topLvl">
          <ac:chgData name="Theis Ziegler" userId="1d0357a8-3efe-41fa-839c-7601d995f2eb" providerId="ADAL" clId="{DF415A0B-A0B9-4C60-9114-93ED0130F608}" dt="2026-03-04T09:48:00.896" v="3469" actId="962"/>
          <ac:spMkLst>
            <pc:docMk/>
            <pc:sldMk cId="1274958583" sldId="2147473476"/>
            <ac:spMk id="25" creationId="{B1B83125-3F63-0F31-A639-0419662B95C2}"/>
          </ac:spMkLst>
        </pc:spChg>
        <pc:spChg chg="mod ord topLvl">
          <ac:chgData name="Theis Ziegler" userId="1d0357a8-3efe-41fa-839c-7601d995f2eb" providerId="ADAL" clId="{DF415A0B-A0B9-4C60-9114-93ED0130F608}" dt="2026-03-04T09:48:15.991" v="3472" actId="13244"/>
          <ac:spMkLst>
            <pc:docMk/>
            <pc:sldMk cId="1274958583" sldId="2147473476"/>
            <ac:spMk id="26" creationId="{1F1F1172-AFDB-DBAC-A9BF-8DD93D88F963}"/>
          </ac:spMkLst>
        </pc:spChg>
        <pc:spChg chg="mod topLvl">
          <ac:chgData name="Theis Ziegler" userId="1d0357a8-3efe-41fa-839c-7601d995f2eb" providerId="ADAL" clId="{DF415A0B-A0B9-4C60-9114-93ED0130F608}" dt="2026-03-04T09:48:00.896" v="3469" actId="962"/>
          <ac:spMkLst>
            <pc:docMk/>
            <pc:sldMk cId="1274958583" sldId="2147473476"/>
            <ac:spMk id="30" creationId="{C7493764-6A2D-6502-53CC-36C10A6D6C6B}"/>
          </ac:spMkLst>
        </pc:spChg>
        <pc:spChg chg="mod ord topLvl">
          <ac:chgData name="Theis Ziegler" userId="1d0357a8-3efe-41fa-839c-7601d995f2eb" providerId="ADAL" clId="{DF415A0B-A0B9-4C60-9114-93ED0130F608}" dt="2026-03-04T09:48:15.991" v="3472" actId="13244"/>
          <ac:spMkLst>
            <pc:docMk/>
            <pc:sldMk cId="1274958583" sldId="2147473476"/>
            <ac:spMk id="31" creationId="{7BE5ED0D-C4E3-58C8-2B78-BF7C27E3E85B}"/>
          </ac:spMkLst>
        </pc:spChg>
        <pc:spChg chg="mod topLvl">
          <ac:chgData name="Theis Ziegler" userId="1d0357a8-3efe-41fa-839c-7601d995f2eb" providerId="ADAL" clId="{DF415A0B-A0B9-4C60-9114-93ED0130F608}" dt="2026-03-04T09:48:00.896" v="3469" actId="962"/>
          <ac:spMkLst>
            <pc:docMk/>
            <pc:sldMk cId="1274958583" sldId="2147473476"/>
            <ac:spMk id="32" creationId="{CD8E23F0-7EFD-74C8-67D6-9505176D1EC9}"/>
          </ac:spMkLst>
        </pc:spChg>
        <pc:spChg chg="mod topLvl">
          <ac:chgData name="Theis Ziegler" userId="1d0357a8-3efe-41fa-839c-7601d995f2eb" providerId="ADAL" clId="{DF415A0B-A0B9-4C60-9114-93ED0130F608}" dt="2026-03-04T09:48:00.896" v="3469" actId="962"/>
          <ac:spMkLst>
            <pc:docMk/>
            <pc:sldMk cId="1274958583" sldId="2147473476"/>
            <ac:spMk id="33" creationId="{C90E7533-471F-1561-C511-B7AC06C1FC1D}"/>
          </ac:spMkLst>
        </pc:spChg>
        <pc:spChg chg="mod ord topLvl">
          <ac:chgData name="Theis Ziegler" userId="1d0357a8-3efe-41fa-839c-7601d995f2eb" providerId="ADAL" clId="{DF415A0B-A0B9-4C60-9114-93ED0130F608}" dt="2026-03-04T09:48:15.991" v="3472" actId="13244"/>
          <ac:spMkLst>
            <pc:docMk/>
            <pc:sldMk cId="1274958583" sldId="2147473476"/>
            <ac:spMk id="34" creationId="{B2757AB7-C835-06A3-64C4-F9D328A05C65}"/>
          </ac:spMkLst>
        </pc:spChg>
        <pc:spChg chg="mod topLvl">
          <ac:chgData name="Theis Ziegler" userId="1d0357a8-3efe-41fa-839c-7601d995f2eb" providerId="ADAL" clId="{DF415A0B-A0B9-4C60-9114-93ED0130F608}" dt="2026-03-04T09:48:00.896" v="3469" actId="962"/>
          <ac:spMkLst>
            <pc:docMk/>
            <pc:sldMk cId="1274958583" sldId="2147473476"/>
            <ac:spMk id="36" creationId="{F645419F-277D-E054-ADF7-8A8A245BCB2F}"/>
          </ac:spMkLst>
        </pc:spChg>
        <pc:spChg chg="mod topLvl">
          <ac:chgData name="Theis Ziegler" userId="1d0357a8-3efe-41fa-839c-7601d995f2eb" providerId="ADAL" clId="{DF415A0B-A0B9-4C60-9114-93ED0130F608}" dt="2026-03-04T09:48:56.602" v="3476" actId="165"/>
          <ac:spMkLst>
            <pc:docMk/>
            <pc:sldMk cId="1274958583" sldId="2147473476"/>
            <ac:spMk id="37" creationId="{5BC9A651-4F50-CC4A-59B7-A8A13241686F}"/>
          </ac:spMkLst>
        </pc:spChg>
        <pc:spChg chg="mod">
          <ac:chgData name="Theis Ziegler" userId="1d0357a8-3efe-41fa-839c-7601d995f2eb" providerId="ADAL" clId="{DF415A0B-A0B9-4C60-9114-93ED0130F608}" dt="2026-03-04T09:48:56.602" v="3476" actId="165"/>
          <ac:spMkLst>
            <pc:docMk/>
            <pc:sldMk cId="1274958583" sldId="2147473476"/>
            <ac:spMk id="40" creationId="{ACA23116-CE47-6EC2-4212-576CF4BF73B5}"/>
          </ac:spMkLst>
        </pc:spChg>
        <pc:spChg chg="mod">
          <ac:chgData name="Theis Ziegler" userId="1d0357a8-3efe-41fa-839c-7601d995f2eb" providerId="ADAL" clId="{DF415A0B-A0B9-4C60-9114-93ED0130F608}" dt="2026-03-04T09:46:39.186" v="3460" actId="962"/>
          <ac:spMkLst>
            <pc:docMk/>
            <pc:sldMk cId="1274958583" sldId="2147473476"/>
            <ac:spMk id="45" creationId="{DD1C8C67-6E8A-A825-C423-53A5488DC417}"/>
          </ac:spMkLst>
        </pc:spChg>
        <pc:spChg chg="ord">
          <ac:chgData name="Theis Ziegler" userId="1d0357a8-3efe-41fa-839c-7601d995f2eb" providerId="ADAL" clId="{DF415A0B-A0B9-4C60-9114-93ED0130F608}" dt="2026-03-04T09:47:25.948" v="3464" actId="13244"/>
          <ac:spMkLst>
            <pc:docMk/>
            <pc:sldMk cId="1274958583" sldId="2147473476"/>
            <ac:spMk id="70" creationId="{C31163AF-D56A-A6D5-F933-40266805DCC7}"/>
          </ac:spMkLst>
        </pc:spChg>
        <pc:spChg chg="ord">
          <ac:chgData name="Theis Ziegler" userId="1d0357a8-3efe-41fa-839c-7601d995f2eb" providerId="ADAL" clId="{DF415A0B-A0B9-4C60-9114-93ED0130F608}" dt="2026-03-04T09:47:13.306" v="3462" actId="13244"/>
          <ac:spMkLst>
            <pc:docMk/>
            <pc:sldMk cId="1274958583" sldId="2147473476"/>
            <ac:spMk id="81" creationId="{2CDDA52F-B1C5-748C-A14F-27153E55247A}"/>
          </ac:spMkLst>
        </pc:spChg>
        <pc:spChg chg="mod">
          <ac:chgData name="Theis Ziegler" userId="1d0357a8-3efe-41fa-839c-7601d995f2eb" providerId="ADAL" clId="{DF415A0B-A0B9-4C60-9114-93ED0130F608}" dt="2026-03-04T09:46:39.186" v="3460" actId="962"/>
          <ac:spMkLst>
            <pc:docMk/>
            <pc:sldMk cId="1274958583" sldId="2147473476"/>
            <ac:spMk id="84" creationId="{636B2B4C-6159-DC0D-4157-018BB5E9322F}"/>
          </ac:spMkLst>
        </pc:spChg>
        <pc:spChg chg="ord">
          <ac:chgData name="Theis Ziegler" userId="1d0357a8-3efe-41fa-839c-7601d995f2eb" providerId="ADAL" clId="{DF415A0B-A0B9-4C60-9114-93ED0130F608}" dt="2026-03-04T09:47:13.306" v="3462" actId="13244"/>
          <ac:spMkLst>
            <pc:docMk/>
            <pc:sldMk cId="1274958583" sldId="2147473476"/>
            <ac:spMk id="93" creationId="{871980C9-632A-7B09-805C-EC6563A5A856}"/>
          </ac:spMkLst>
        </pc:spChg>
        <pc:spChg chg="mod">
          <ac:chgData name="Theis Ziegler" userId="1d0357a8-3efe-41fa-839c-7601d995f2eb" providerId="ADAL" clId="{DF415A0B-A0B9-4C60-9114-93ED0130F608}" dt="2026-03-04T09:48:56.602" v="3476" actId="165"/>
          <ac:spMkLst>
            <pc:docMk/>
            <pc:sldMk cId="1274958583" sldId="2147473476"/>
            <ac:spMk id="95" creationId="{687E2DBA-810B-D28F-BF6E-1F999D5491EC}"/>
          </ac:spMkLst>
        </pc:spChg>
        <pc:spChg chg="ord">
          <ac:chgData name="Theis Ziegler" userId="1d0357a8-3efe-41fa-839c-7601d995f2eb" providerId="ADAL" clId="{DF415A0B-A0B9-4C60-9114-93ED0130F608}" dt="2026-03-04T09:48:48.856" v="3475" actId="13244"/>
          <ac:spMkLst>
            <pc:docMk/>
            <pc:sldMk cId="1274958583" sldId="2147473476"/>
            <ac:spMk id="98" creationId="{D167CEA8-A549-83EA-1D87-23654CEFBB2A}"/>
          </ac:spMkLst>
        </pc:spChg>
        <pc:spChg chg="ord">
          <ac:chgData name="Theis Ziegler" userId="1d0357a8-3efe-41fa-839c-7601d995f2eb" providerId="ADAL" clId="{DF415A0B-A0B9-4C60-9114-93ED0130F608}" dt="2026-03-04T09:48:33.238" v="3473" actId="13244"/>
          <ac:spMkLst>
            <pc:docMk/>
            <pc:sldMk cId="1274958583" sldId="2147473476"/>
            <ac:spMk id="134" creationId="{7FB5CD4B-93FD-7387-3ED1-F721D87CBEED}"/>
          </ac:spMkLst>
        </pc:spChg>
        <pc:spChg chg="ord">
          <ac:chgData name="Theis Ziegler" userId="1d0357a8-3efe-41fa-839c-7601d995f2eb" providerId="ADAL" clId="{DF415A0B-A0B9-4C60-9114-93ED0130F608}" dt="2026-03-04T09:48:38.476" v="3474" actId="13244"/>
          <ac:spMkLst>
            <pc:docMk/>
            <pc:sldMk cId="1274958583" sldId="2147473476"/>
            <ac:spMk id="138" creationId="{7BF7508C-253E-3E9E-E2B4-39B2D66C4013}"/>
          </ac:spMkLst>
        </pc:spChg>
        <pc:spChg chg="ord">
          <ac:chgData name="Theis Ziegler" userId="1d0357a8-3efe-41fa-839c-7601d995f2eb" providerId="ADAL" clId="{DF415A0B-A0B9-4C60-9114-93ED0130F608}" dt="2026-03-04T09:47:02.147" v="3461" actId="13244"/>
          <ac:spMkLst>
            <pc:docMk/>
            <pc:sldMk cId="1274958583" sldId="2147473476"/>
            <ac:spMk id="177" creationId="{B6E6C7DD-3062-9897-23A6-8192290D809B}"/>
          </ac:spMkLst>
        </pc:spChg>
        <pc:spChg chg="ord">
          <ac:chgData name="Theis Ziegler" userId="1d0357a8-3efe-41fa-839c-7601d995f2eb" providerId="ADAL" clId="{DF415A0B-A0B9-4C60-9114-93ED0130F608}" dt="2026-03-04T09:48:48.856" v="3475" actId="13244"/>
          <ac:spMkLst>
            <pc:docMk/>
            <pc:sldMk cId="1274958583" sldId="2147473476"/>
            <ac:spMk id="198" creationId="{75E10FEC-5B90-0747-08F8-418A3F708680}"/>
          </ac:spMkLst>
        </pc:spChg>
        <pc:spChg chg="ord">
          <ac:chgData name="Theis Ziegler" userId="1d0357a8-3efe-41fa-839c-7601d995f2eb" providerId="ADAL" clId="{DF415A0B-A0B9-4C60-9114-93ED0130F608}" dt="2026-03-04T09:48:48.856" v="3475" actId="13244"/>
          <ac:spMkLst>
            <pc:docMk/>
            <pc:sldMk cId="1274958583" sldId="2147473476"/>
            <ac:spMk id="199" creationId="{D18AFB3C-B09D-41F7-9524-7A1238387A25}"/>
          </ac:spMkLst>
        </pc:spChg>
        <pc:grpChg chg="mod topLvl">
          <ac:chgData name="Theis Ziegler" userId="1d0357a8-3efe-41fa-839c-7601d995f2eb" providerId="ADAL" clId="{DF415A0B-A0B9-4C60-9114-93ED0130F608}" dt="2026-03-04T09:49:02.810" v="3477" actId="962"/>
          <ac:grpSpMkLst>
            <pc:docMk/>
            <pc:sldMk cId="1274958583" sldId="2147473476"/>
            <ac:grpSpMk id="11" creationId="{1F3B26FD-BEF2-190D-6423-EF1A629C783F}"/>
          </ac:grpSpMkLst>
        </pc:grpChg>
        <pc:grpChg chg="mod">
          <ac:chgData name="Theis Ziegler" userId="1d0357a8-3efe-41fa-839c-7601d995f2eb" providerId="ADAL" clId="{DF415A0B-A0B9-4C60-9114-93ED0130F608}" dt="2026-03-04T09:49:03.494" v="3478" actId="962"/>
          <ac:grpSpMkLst>
            <pc:docMk/>
            <pc:sldMk cId="1274958583" sldId="2147473476"/>
            <ac:grpSpMk id="17" creationId="{28E0ACB6-81B0-D5C9-1FD5-278095D65ED1}"/>
          </ac:grpSpMkLst>
        </pc:grpChg>
        <pc:grpChg chg="mod">
          <ac:chgData name="Theis Ziegler" userId="1d0357a8-3efe-41fa-839c-7601d995f2eb" providerId="ADAL" clId="{DF415A0B-A0B9-4C60-9114-93ED0130F608}" dt="2026-03-04T09:49:04.262" v="3479" actId="962"/>
          <ac:grpSpMkLst>
            <pc:docMk/>
            <pc:sldMk cId="1274958583" sldId="2147473476"/>
            <ac:grpSpMk id="38" creationId="{7D98C488-2B3A-5E21-2EDE-62C62F9058A3}"/>
          </ac:grpSpMkLst>
        </pc:grpChg>
        <pc:grpChg chg="ord">
          <ac:chgData name="Theis Ziegler" userId="1d0357a8-3efe-41fa-839c-7601d995f2eb" providerId="ADAL" clId="{DF415A0B-A0B9-4C60-9114-93ED0130F608}" dt="2026-03-04T09:47:31.016" v="3467" actId="13244"/>
          <ac:grpSpMkLst>
            <pc:docMk/>
            <pc:sldMk cId="1274958583" sldId="2147473476"/>
            <ac:grpSpMk id="41" creationId="{57A16183-28F3-3EA8-C537-B0E27B2BCB73}"/>
          </ac:grpSpMkLst>
        </pc:grpChg>
        <pc:grpChg chg="ord">
          <ac:chgData name="Theis Ziegler" userId="1d0357a8-3efe-41fa-839c-7601d995f2eb" providerId="ADAL" clId="{DF415A0B-A0B9-4C60-9114-93ED0130F608}" dt="2026-03-04T09:47:13.306" v="3462" actId="13244"/>
          <ac:grpSpMkLst>
            <pc:docMk/>
            <pc:sldMk cId="1274958583" sldId="2147473476"/>
            <ac:grpSpMk id="42" creationId="{72E64480-2F4C-F56D-845A-AC8C95408479}"/>
          </ac:grpSpMkLst>
        </pc:grpChg>
        <pc:grpChg chg="ord">
          <ac:chgData name="Theis Ziegler" userId="1d0357a8-3efe-41fa-839c-7601d995f2eb" providerId="ADAL" clId="{DF415A0B-A0B9-4C60-9114-93ED0130F608}" dt="2026-03-04T09:47:27.463" v="3465" actId="13244"/>
          <ac:grpSpMkLst>
            <pc:docMk/>
            <pc:sldMk cId="1274958583" sldId="2147473476"/>
            <ac:grpSpMk id="71" creationId="{191EAEB6-1DE3-6956-A079-EED25E4B5EC7}"/>
          </ac:grpSpMkLst>
        </pc:grpChg>
        <pc:grpChg chg="ord">
          <ac:chgData name="Theis Ziegler" userId="1d0357a8-3efe-41fa-839c-7601d995f2eb" providerId="ADAL" clId="{DF415A0B-A0B9-4C60-9114-93ED0130F608}" dt="2026-03-04T09:47:29.227" v="3466" actId="13244"/>
          <ac:grpSpMkLst>
            <pc:docMk/>
            <pc:sldMk cId="1274958583" sldId="2147473476"/>
            <ac:grpSpMk id="82" creationId="{887AB8AD-62A9-F027-8DF8-D01A4337E894}"/>
          </ac:grpSpMkLst>
        </pc:grpChg>
      </pc:sldChg>
      <pc:sldChg chg="delSp modSp mod">
        <pc:chgData name="Theis Ziegler" userId="1d0357a8-3efe-41fa-839c-7601d995f2eb" providerId="ADAL" clId="{DF415A0B-A0B9-4C60-9114-93ED0130F608}" dt="2026-03-04T09:53:06.510" v="3509" actId="962"/>
        <pc:sldMkLst>
          <pc:docMk/>
          <pc:sldMk cId="2052853944" sldId="2147473478"/>
        </pc:sldMkLst>
        <pc:spChg chg="mod">
          <ac:chgData name="Theis Ziegler" userId="1d0357a8-3efe-41fa-839c-7601d995f2eb" providerId="ADAL" clId="{DF415A0B-A0B9-4C60-9114-93ED0130F608}" dt="2026-03-04T09:49:49.048" v="3480" actId="13244"/>
          <ac:spMkLst>
            <pc:docMk/>
            <pc:sldMk cId="2052853944" sldId="2147473478"/>
            <ac:spMk id="4" creationId="{CACD5FD3-31C0-C491-DDC1-3DCBFC286CB8}"/>
          </ac:spMkLst>
        </pc:spChg>
        <pc:spChg chg="ord">
          <ac:chgData name="Theis Ziegler" userId="1d0357a8-3efe-41fa-839c-7601d995f2eb" providerId="ADAL" clId="{DF415A0B-A0B9-4C60-9114-93ED0130F608}" dt="2026-03-04T09:50:05.217" v="3484" actId="13244"/>
          <ac:spMkLst>
            <pc:docMk/>
            <pc:sldMk cId="2052853944" sldId="2147473478"/>
            <ac:spMk id="5" creationId="{CC2ACD57-FF2E-E72E-CE22-171D89599AC3}"/>
          </ac:spMkLst>
        </pc:spChg>
        <pc:spChg chg="ord">
          <ac:chgData name="Theis Ziegler" userId="1d0357a8-3efe-41fa-839c-7601d995f2eb" providerId="ADAL" clId="{DF415A0B-A0B9-4C60-9114-93ED0130F608}" dt="2026-03-04T09:49:51.643" v="3481" actId="13244"/>
          <ac:spMkLst>
            <pc:docMk/>
            <pc:sldMk cId="2052853944" sldId="2147473478"/>
            <ac:spMk id="8" creationId="{0BD83592-CF8F-0470-6825-B32D9EFE81B7}"/>
          </ac:spMkLst>
        </pc:spChg>
        <pc:spChg chg="mod topLvl">
          <ac:chgData name="Theis Ziegler" userId="1d0357a8-3efe-41fa-839c-7601d995f2eb" providerId="ADAL" clId="{DF415A0B-A0B9-4C60-9114-93ED0130F608}" dt="2026-03-04T09:52:37.532" v="3504" actId="962"/>
          <ac:spMkLst>
            <pc:docMk/>
            <pc:sldMk cId="2052853944" sldId="2147473478"/>
            <ac:spMk id="27" creationId="{BDA77625-8406-F5B7-CEDB-F613AED4E513}"/>
          </ac:spMkLst>
        </pc:spChg>
        <pc:spChg chg="mod topLvl">
          <ac:chgData name="Theis Ziegler" userId="1d0357a8-3efe-41fa-839c-7601d995f2eb" providerId="ADAL" clId="{DF415A0B-A0B9-4C60-9114-93ED0130F608}" dt="2026-03-04T09:52:23.691" v="3500" actId="165"/>
          <ac:spMkLst>
            <pc:docMk/>
            <pc:sldMk cId="2052853944" sldId="2147473478"/>
            <ac:spMk id="28" creationId="{DEEBC4A8-E98F-196C-EB0F-92BA9987DB57}"/>
          </ac:spMkLst>
        </pc:spChg>
        <pc:spChg chg="mod topLvl">
          <ac:chgData name="Theis Ziegler" userId="1d0357a8-3efe-41fa-839c-7601d995f2eb" providerId="ADAL" clId="{DF415A0B-A0B9-4C60-9114-93ED0130F608}" dt="2026-03-04T09:52:36.090" v="3502" actId="962"/>
          <ac:spMkLst>
            <pc:docMk/>
            <pc:sldMk cId="2052853944" sldId="2147473478"/>
            <ac:spMk id="33" creationId="{7F933594-A1CD-284C-1A5F-822D2D03F639}"/>
          </ac:spMkLst>
        </pc:spChg>
        <pc:spChg chg="mod topLvl">
          <ac:chgData name="Theis Ziegler" userId="1d0357a8-3efe-41fa-839c-7601d995f2eb" providerId="ADAL" clId="{DF415A0B-A0B9-4C60-9114-93ED0130F608}" dt="2026-03-04T09:52:23.691" v="3500" actId="165"/>
          <ac:spMkLst>
            <pc:docMk/>
            <pc:sldMk cId="2052853944" sldId="2147473478"/>
            <ac:spMk id="34" creationId="{C13C8E1F-96A7-32E3-9BBF-5ADC0AC26E71}"/>
          </ac:spMkLst>
        </pc:spChg>
        <pc:spChg chg="mod topLvl">
          <ac:chgData name="Theis Ziegler" userId="1d0357a8-3efe-41fa-839c-7601d995f2eb" providerId="ADAL" clId="{DF415A0B-A0B9-4C60-9114-93ED0130F608}" dt="2026-03-04T09:52:34.650" v="3501" actId="962"/>
          <ac:spMkLst>
            <pc:docMk/>
            <pc:sldMk cId="2052853944" sldId="2147473478"/>
            <ac:spMk id="36" creationId="{A83FA4DD-D86F-C576-8DCE-3D3FDD64496F}"/>
          </ac:spMkLst>
        </pc:spChg>
        <pc:spChg chg="mod">
          <ac:chgData name="Theis Ziegler" userId="1d0357a8-3efe-41fa-839c-7601d995f2eb" providerId="ADAL" clId="{DF415A0B-A0B9-4C60-9114-93ED0130F608}" dt="2026-03-04T09:52:23.691" v="3500" actId="165"/>
          <ac:spMkLst>
            <pc:docMk/>
            <pc:sldMk cId="2052853944" sldId="2147473478"/>
            <ac:spMk id="39" creationId="{9E7F1DAA-E07B-1C2B-6BA3-E5FE1D6D180C}"/>
          </ac:spMkLst>
        </pc:spChg>
        <pc:spChg chg="mod">
          <ac:chgData name="Theis Ziegler" userId="1d0357a8-3efe-41fa-839c-7601d995f2eb" providerId="ADAL" clId="{DF415A0B-A0B9-4C60-9114-93ED0130F608}" dt="2026-03-04T09:49:54.948" v="3482" actId="962"/>
          <ac:spMkLst>
            <pc:docMk/>
            <pc:sldMk cId="2052853944" sldId="2147473478"/>
            <ac:spMk id="45" creationId="{1052C1F7-EEE0-7837-265D-61D62E752014}"/>
          </ac:spMkLst>
        </pc:spChg>
        <pc:spChg chg="mod">
          <ac:chgData name="Theis Ziegler" userId="1d0357a8-3efe-41fa-839c-7601d995f2eb" providerId="ADAL" clId="{DF415A0B-A0B9-4C60-9114-93ED0130F608}" dt="2026-03-04T09:52:23.691" v="3500" actId="165"/>
          <ac:spMkLst>
            <pc:docMk/>
            <pc:sldMk cId="2052853944" sldId="2147473478"/>
            <ac:spMk id="58" creationId="{D50EF4CF-9BF8-ECFF-C2F8-32CB84679F3B}"/>
          </ac:spMkLst>
        </pc:spChg>
        <pc:spChg chg="mod">
          <ac:chgData name="Theis Ziegler" userId="1d0357a8-3efe-41fa-839c-7601d995f2eb" providerId="ADAL" clId="{DF415A0B-A0B9-4C60-9114-93ED0130F608}" dt="2026-03-04T09:52:23.691" v="3500" actId="165"/>
          <ac:spMkLst>
            <pc:docMk/>
            <pc:sldMk cId="2052853944" sldId="2147473478"/>
            <ac:spMk id="59" creationId="{E1C5AD29-0B92-DBA1-3919-C749034B961E}"/>
          </ac:spMkLst>
        </pc:spChg>
        <pc:spChg chg="mod">
          <ac:chgData name="Theis Ziegler" userId="1d0357a8-3efe-41fa-839c-7601d995f2eb" providerId="ADAL" clId="{DF415A0B-A0B9-4C60-9114-93ED0130F608}" dt="2026-03-04T09:52:23.691" v="3500" actId="165"/>
          <ac:spMkLst>
            <pc:docMk/>
            <pc:sldMk cId="2052853944" sldId="2147473478"/>
            <ac:spMk id="60" creationId="{E0F42DBB-EB50-2DCD-AB77-BC0637E88A98}"/>
          </ac:spMkLst>
        </pc:spChg>
        <pc:spChg chg="mod ord">
          <ac:chgData name="Theis Ziegler" userId="1d0357a8-3efe-41fa-839c-7601d995f2eb" providerId="ADAL" clId="{DF415A0B-A0B9-4C60-9114-93ED0130F608}" dt="2026-03-04T09:50:54.820" v="3490" actId="962"/>
          <ac:spMkLst>
            <pc:docMk/>
            <pc:sldMk cId="2052853944" sldId="2147473478"/>
            <ac:spMk id="74" creationId="{1A37FAB3-EA7F-CF18-BA22-57C81E90C1F0}"/>
          </ac:spMkLst>
        </pc:spChg>
        <pc:spChg chg="mod">
          <ac:chgData name="Theis Ziegler" userId="1d0357a8-3efe-41fa-839c-7601d995f2eb" providerId="ADAL" clId="{DF415A0B-A0B9-4C60-9114-93ED0130F608}" dt="2026-03-04T09:49:54.948" v="3482" actId="962"/>
          <ac:spMkLst>
            <pc:docMk/>
            <pc:sldMk cId="2052853944" sldId="2147473478"/>
            <ac:spMk id="84" creationId="{C9F098A3-5666-A194-A5AD-CB9047A540A6}"/>
          </ac:spMkLst>
        </pc:spChg>
        <pc:spChg chg="mod ord">
          <ac:chgData name="Theis Ziegler" userId="1d0357a8-3efe-41fa-839c-7601d995f2eb" providerId="ADAL" clId="{DF415A0B-A0B9-4C60-9114-93ED0130F608}" dt="2026-03-04T09:50:54.820" v="3490" actId="962"/>
          <ac:spMkLst>
            <pc:docMk/>
            <pc:sldMk cId="2052853944" sldId="2147473478"/>
            <ac:spMk id="86" creationId="{0B8279B8-B20D-DB70-9B1C-605D2942F486}"/>
          </ac:spMkLst>
        </pc:spChg>
        <pc:spChg chg="mod ord">
          <ac:chgData name="Theis Ziegler" userId="1d0357a8-3efe-41fa-839c-7601d995f2eb" providerId="ADAL" clId="{DF415A0B-A0B9-4C60-9114-93ED0130F608}" dt="2026-03-04T09:50:54.820" v="3490" actId="962"/>
          <ac:spMkLst>
            <pc:docMk/>
            <pc:sldMk cId="2052853944" sldId="2147473478"/>
            <ac:spMk id="98" creationId="{652979BF-3E61-1E63-1B4F-D186845F3593}"/>
          </ac:spMkLst>
        </pc:spChg>
        <pc:spChg chg="mod topLvl">
          <ac:chgData name="Theis Ziegler" userId="1d0357a8-3efe-41fa-839c-7601d995f2eb" providerId="ADAL" clId="{DF415A0B-A0B9-4C60-9114-93ED0130F608}" dt="2026-03-04T09:52:59.280" v="3506" actId="165"/>
          <ac:spMkLst>
            <pc:docMk/>
            <pc:sldMk cId="2052853944" sldId="2147473478"/>
            <ac:spMk id="101" creationId="{F6C19B40-5CBF-DB90-ECCD-C10C754DD862}"/>
          </ac:spMkLst>
        </pc:spChg>
        <pc:spChg chg="mod">
          <ac:chgData name="Theis Ziegler" userId="1d0357a8-3efe-41fa-839c-7601d995f2eb" providerId="ADAL" clId="{DF415A0B-A0B9-4C60-9114-93ED0130F608}" dt="2026-03-04T09:52:59.280" v="3506" actId="165"/>
          <ac:spMkLst>
            <pc:docMk/>
            <pc:sldMk cId="2052853944" sldId="2147473478"/>
            <ac:spMk id="103" creationId="{CBFE3916-A588-23E6-D3E4-C453C0B73351}"/>
          </ac:spMkLst>
        </pc:spChg>
        <pc:spChg chg="mod">
          <ac:chgData name="Theis Ziegler" userId="1d0357a8-3efe-41fa-839c-7601d995f2eb" providerId="ADAL" clId="{DF415A0B-A0B9-4C60-9114-93ED0130F608}" dt="2026-03-04T09:52:59.280" v="3506" actId="165"/>
          <ac:spMkLst>
            <pc:docMk/>
            <pc:sldMk cId="2052853944" sldId="2147473478"/>
            <ac:spMk id="104" creationId="{DA007DBD-AAB3-68E1-89FF-9B923CC5E830}"/>
          </ac:spMkLst>
        </pc:spChg>
        <pc:spChg chg="mod topLvl">
          <ac:chgData name="Theis Ziegler" userId="1d0357a8-3efe-41fa-839c-7601d995f2eb" providerId="ADAL" clId="{DF415A0B-A0B9-4C60-9114-93ED0130F608}" dt="2026-03-04T09:52:59.280" v="3506" actId="165"/>
          <ac:spMkLst>
            <pc:docMk/>
            <pc:sldMk cId="2052853944" sldId="2147473478"/>
            <ac:spMk id="106" creationId="{D13DBA9C-0D1F-D68B-9BAB-F63407F05280}"/>
          </ac:spMkLst>
        </pc:spChg>
        <pc:spChg chg="mod">
          <ac:chgData name="Theis Ziegler" userId="1d0357a8-3efe-41fa-839c-7601d995f2eb" providerId="ADAL" clId="{DF415A0B-A0B9-4C60-9114-93ED0130F608}" dt="2026-03-04T09:52:59.280" v="3506" actId="165"/>
          <ac:spMkLst>
            <pc:docMk/>
            <pc:sldMk cId="2052853944" sldId="2147473478"/>
            <ac:spMk id="108" creationId="{52927E23-C81E-94C7-F53C-46693C3F5EC1}"/>
          </ac:spMkLst>
        </pc:spChg>
        <pc:spChg chg="mod">
          <ac:chgData name="Theis Ziegler" userId="1d0357a8-3efe-41fa-839c-7601d995f2eb" providerId="ADAL" clId="{DF415A0B-A0B9-4C60-9114-93ED0130F608}" dt="2026-03-04T09:52:59.280" v="3506" actId="165"/>
          <ac:spMkLst>
            <pc:docMk/>
            <pc:sldMk cId="2052853944" sldId="2147473478"/>
            <ac:spMk id="109" creationId="{137C2E37-8D57-9145-EEFD-FABB0C74A776}"/>
          </ac:spMkLst>
        </pc:spChg>
        <pc:spChg chg="mod topLvl">
          <ac:chgData name="Theis Ziegler" userId="1d0357a8-3efe-41fa-839c-7601d995f2eb" providerId="ADAL" clId="{DF415A0B-A0B9-4C60-9114-93ED0130F608}" dt="2026-03-04T09:52:59.280" v="3506" actId="165"/>
          <ac:spMkLst>
            <pc:docMk/>
            <pc:sldMk cId="2052853944" sldId="2147473478"/>
            <ac:spMk id="111" creationId="{BBE7CD78-81F6-EFB2-A1F6-EF0F53A6DA70}"/>
          </ac:spMkLst>
        </pc:spChg>
        <pc:spChg chg="mod">
          <ac:chgData name="Theis Ziegler" userId="1d0357a8-3efe-41fa-839c-7601d995f2eb" providerId="ADAL" clId="{DF415A0B-A0B9-4C60-9114-93ED0130F608}" dt="2026-03-04T09:52:59.280" v="3506" actId="165"/>
          <ac:spMkLst>
            <pc:docMk/>
            <pc:sldMk cId="2052853944" sldId="2147473478"/>
            <ac:spMk id="113" creationId="{A35B1256-BB52-7648-0008-1A578A868D63}"/>
          </ac:spMkLst>
        </pc:spChg>
        <pc:spChg chg="mod">
          <ac:chgData name="Theis Ziegler" userId="1d0357a8-3efe-41fa-839c-7601d995f2eb" providerId="ADAL" clId="{DF415A0B-A0B9-4C60-9114-93ED0130F608}" dt="2026-03-04T09:52:59.280" v="3506" actId="165"/>
          <ac:spMkLst>
            <pc:docMk/>
            <pc:sldMk cId="2052853944" sldId="2147473478"/>
            <ac:spMk id="114" creationId="{307A6BC6-9773-F6DC-EE66-3C91862C0D5A}"/>
          </ac:spMkLst>
        </pc:spChg>
        <pc:spChg chg="ord">
          <ac:chgData name="Theis Ziegler" userId="1d0357a8-3efe-41fa-839c-7601d995f2eb" providerId="ADAL" clId="{DF415A0B-A0B9-4C60-9114-93ED0130F608}" dt="2026-03-04T09:50:01.182" v="3483" actId="13244"/>
          <ac:spMkLst>
            <pc:docMk/>
            <pc:sldMk cId="2052853944" sldId="2147473478"/>
            <ac:spMk id="115" creationId="{0B6FD362-35C0-5DCC-6BBC-53997644A3BE}"/>
          </ac:spMkLst>
        </pc:spChg>
        <pc:spChg chg="ord">
          <ac:chgData name="Theis Ziegler" userId="1d0357a8-3efe-41fa-839c-7601d995f2eb" providerId="ADAL" clId="{DF415A0B-A0B9-4C60-9114-93ED0130F608}" dt="2026-03-04T09:52:48.579" v="3505" actId="13244"/>
          <ac:spMkLst>
            <pc:docMk/>
            <pc:sldMk cId="2052853944" sldId="2147473478"/>
            <ac:spMk id="134" creationId="{D5D0EE50-9F16-2AAF-4AC7-C20A50658ACA}"/>
          </ac:spMkLst>
        </pc:spChg>
        <pc:grpChg chg="mod ord">
          <ac:chgData name="Theis Ziegler" userId="1d0357a8-3efe-41fa-839c-7601d995f2eb" providerId="ADAL" clId="{DF415A0B-A0B9-4C60-9114-93ED0130F608}" dt="2026-03-04T09:52:11.403" v="3499" actId="962"/>
          <ac:grpSpMkLst>
            <pc:docMk/>
            <pc:sldMk cId="2052853944" sldId="2147473478"/>
            <ac:grpSpMk id="9" creationId="{04D61A1D-A059-C234-FD60-4284A58A092F}"/>
          </ac:grpSpMkLst>
        </pc:grpChg>
        <pc:grpChg chg="mod topLvl">
          <ac:chgData name="Theis Ziegler" userId="1d0357a8-3efe-41fa-839c-7601d995f2eb" providerId="ADAL" clId="{DF415A0B-A0B9-4C60-9114-93ED0130F608}" dt="2026-03-04T09:52:36.832" v="3503" actId="962"/>
          <ac:grpSpMkLst>
            <pc:docMk/>
            <pc:sldMk cId="2052853944" sldId="2147473478"/>
            <ac:grpSpMk id="29" creationId="{BFD93315-8FAD-6F73-3CB1-73ADDDEB8DDF}"/>
          </ac:grpSpMkLst>
        </pc:grpChg>
        <pc:grpChg chg="mod ord">
          <ac:chgData name="Theis Ziegler" userId="1d0357a8-3efe-41fa-839c-7601d995f2eb" providerId="ADAL" clId="{DF415A0B-A0B9-4C60-9114-93ED0130F608}" dt="2026-03-04T09:51:46.096" v="3497" actId="962"/>
          <ac:grpSpMkLst>
            <pc:docMk/>
            <pc:sldMk cId="2052853944" sldId="2147473478"/>
            <ac:grpSpMk id="53" creationId="{C84D15DD-A47D-1440-C8E9-9C734763BAF5}"/>
          </ac:grpSpMkLst>
        </pc:grpChg>
        <pc:grpChg chg="mod ord">
          <ac:chgData name="Theis Ziegler" userId="1d0357a8-3efe-41fa-839c-7601d995f2eb" providerId="ADAL" clId="{DF415A0B-A0B9-4C60-9114-93ED0130F608}" dt="2026-03-04T09:51:39.354" v="3496" actId="962"/>
          <ac:grpSpMkLst>
            <pc:docMk/>
            <pc:sldMk cId="2052853944" sldId="2147473478"/>
            <ac:grpSpMk id="76" creationId="{1811AE1F-BDDD-8D2B-7719-591B4A8F77F0}"/>
          </ac:grpSpMkLst>
        </pc:grpChg>
        <pc:grpChg chg="mod ord">
          <ac:chgData name="Theis Ziegler" userId="1d0357a8-3efe-41fa-839c-7601d995f2eb" providerId="ADAL" clId="{DF415A0B-A0B9-4C60-9114-93ED0130F608}" dt="2026-03-04T09:51:51.276" v="3498" actId="962"/>
          <ac:grpSpMkLst>
            <pc:docMk/>
            <pc:sldMk cId="2052853944" sldId="2147473478"/>
            <ac:grpSpMk id="87" creationId="{639D6652-4D7C-F9C0-6C59-2D602CBEC5E9}"/>
          </ac:grpSpMkLst>
        </pc:grpChg>
        <pc:grpChg chg="mod">
          <ac:chgData name="Theis Ziegler" userId="1d0357a8-3efe-41fa-839c-7601d995f2eb" providerId="ADAL" clId="{DF415A0B-A0B9-4C60-9114-93ED0130F608}" dt="2026-03-04T09:53:04.934" v="3507" actId="962"/>
          <ac:grpSpMkLst>
            <pc:docMk/>
            <pc:sldMk cId="2052853944" sldId="2147473478"/>
            <ac:grpSpMk id="102" creationId="{34DCCAA2-BFFD-28F5-F095-CB1B1DC10F10}"/>
          </ac:grpSpMkLst>
        </pc:grpChg>
        <pc:grpChg chg="mod">
          <ac:chgData name="Theis Ziegler" userId="1d0357a8-3efe-41fa-839c-7601d995f2eb" providerId="ADAL" clId="{DF415A0B-A0B9-4C60-9114-93ED0130F608}" dt="2026-03-04T09:53:05.848" v="3508" actId="962"/>
          <ac:grpSpMkLst>
            <pc:docMk/>
            <pc:sldMk cId="2052853944" sldId="2147473478"/>
            <ac:grpSpMk id="107" creationId="{B1997919-6416-1752-5DE3-D663D0B0980D}"/>
          </ac:grpSpMkLst>
        </pc:grpChg>
        <pc:grpChg chg="mod topLvl">
          <ac:chgData name="Theis Ziegler" userId="1d0357a8-3efe-41fa-839c-7601d995f2eb" providerId="ADAL" clId="{DF415A0B-A0B9-4C60-9114-93ED0130F608}" dt="2026-03-04T09:53:06.510" v="3509" actId="962"/>
          <ac:grpSpMkLst>
            <pc:docMk/>
            <pc:sldMk cId="2052853944" sldId="2147473478"/>
            <ac:grpSpMk id="112" creationId="{02A24DED-B510-D419-7339-1D4D53E64294}"/>
          </ac:grpSpMkLst>
        </pc:grpChg>
      </pc:sldChg>
      <pc:sldChg chg="delSp modSp mod">
        <pc:chgData name="Theis Ziegler" userId="1d0357a8-3efe-41fa-839c-7601d995f2eb" providerId="ADAL" clId="{DF415A0B-A0B9-4C60-9114-93ED0130F608}" dt="2026-03-04T10:03:40.572" v="3637" actId="962"/>
        <pc:sldMkLst>
          <pc:docMk/>
          <pc:sldMk cId="2068710634" sldId="2147473480"/>
        </pc:sldMkLst>
        <pc:spChg chg="ord">
          <ac:chgData name="Theis Ziegler" userId="1d0357a8-3efe-41fa-839c-7601d995f2eb" providerId="ADAL" clId="{DF415A0B-A0B9-4C60-9114-93ED0130F608}" dt="2026-03-04T10:02:46.531" v="3625" actId="13244"/>
          <ac:spMkLst>
            <pc:docMk/>
            <pc:sldMk cId="2068710634" sldId="2147473480"/>
            <ac:spMk id="5" creationId="{DAF1C6BC-E406-3D1A-D818-05ADABBE0FA7}"/>
          </ac:spMkLst>
        </pc:spChg>
        <pc:spChg chg="ord">
          <ac:chgData name="Theis Ziegler" userId="1d0357a8-3efe-41fa-839c-7601d995f2eb" providerId="ADAL" clId="{DF415A0B-A0B9-4C60-9114-93ED0130F608}" dt="2026-03-04T10:02:27.603" v="3621" actId="13244"/>
          <ac:spMkLst>
            <pc:docMk/>
            <pc:sldMk cId="2068710634" sldId="2147473480"/>
            <ac:spMk id="8" creationId="{8A110CBB-9E67-2719-DA25-D3BF72D9E460}"/>
          </ac:spMkLst>
        </pc:spChg>
        <pc:spChg chg="mod topLvl">
          <ac:chgData name="Theis Ziegler" userId="1d0357a8-3efe-41fa-839c-7601d995f2eb" providerId="ADAL" clId="{DF415A0B-A0B9-4C60-9114-93ED0130F608}" dt="2026-03-04T10:03:12.872" v="3631" actId="962"/>
          <ac:spMkLst>
            <pc:docMk/>
            <pc:sldMk cId="2068710634" sldId="2147473480"/>
            <ac:spMk id="24" creationId="{CF3F8FCB-AA77-7EB4-4FEC-372B87B3E5BD}"/>
          </ac:spMkLst>
        </pc:spChg>
        <pc:spChg chg="mod topLvl">
          <ac:chgData name="Theis Ziegler" userId="1d0357a8-3efe-41fa-839c-7601d995f2eb" providerId="ADAL" clId="{DF415A0B-A0B9-4C60-9114-93ED0130F608}" dt="2026-03-04T10:03:12.872" v="3631" actId="962"/>
          <ac:spMkLst>
            <pc:docMk/>
            <pc:sldMk cId="2068710634" sldId="2147473480"/>
            <ac:spMk id="25" creationId="{105627BE-3B38-7C33-432A-5C9B980768FB}"/>
          </ac:spMkLst>
        </pc:spChg>
        <pc:spChg chg="mod topLvl">
          <ac:chgData name="Theis Ziegler" userId="1d0357a8-3efe-41fa-839c-7601d995f2eb" providerId="ADAL" clId="{DF415A0B-A0B9-4C60-9114-93ED0130F608}" dt="2026-03-04T10:03:19.400" v="3632" actId="962"/>
          <ac:spMkLst>
            <pc:docMk/>
            <pc:sldMk cId="2068710634" sldId="2147473480"/>
            <ac:spMk id="26" creationId="{AAD2DE5E-80EE-5571-3F03-C2792A34ED7F}"/>
          </ac:spMkLst>
        </pc:spChg>
        <pc:spChg chg="mod">
          <ac:chgData name="Theis Ziegler" userId="1d0357a8-3efe-41fa-839c-7601d995f2eb" providerId="ADAL" clId="{DF415A0B-A0B9-4C60-9114-93ED0130F608}" dt="2026-03-04T10:03:12.872" v="3631" actId="962"/>
          <ac:spMkLst>
            <pc:docMk/>
            <pc:sldMk cId="2068710634" sldId="2147473480"/>
            <ac:spMk id="27" creationId="{9D0F2261-D077-F26B-6AB1-DEA4B5F02FCB}"/>
          </ac:spMkLst>
        </pc:spChg>
        <pc:spChg chg="mod topLvl">
          <ac:chgData name="Theis Ziegler" userId="1d0357a8-3efe-41fa-839c-7601d995f2eb" providerId="ADAL" clId="{DF415A0B-A0B9-4C60-9114-93ED0130F608}" dt="2026-03-04T10:03:19.400" v="3632" actId="962"/>
          <ac:spMkLst>
            <pc:docMk/>
            <pc:sldMk cId="2068710634" sldId="2147473480"/>
            <ac:spMk id="28" creationId="{C81815AD-76FB-5FB9-73D5-854235FD240F}"/>
          </ac:spMkLst>
        </pc:spChg>
        <pc:spChg chg="mod topLvl">
          <ac:chgData name="Theis Ziegler" userId="1d0357a8-3efe-41fa-839c-7601d995f2eb" providerId="ADAL" clId="{DF415A0B-A0B9-4C60-9114-93ED0130F608}" dt="2026-03-04T10:03:12.872" v="3631" actId="962"/>
          <ac:spMkLst>
            <pc:docMk/>
            <pc:sldMk cId="2068710634" sldId="2147473480"/>
            <ac:spMk id="30" creationId="{9BA52052-5E84-189E-F68A-F415C148493A}"/>
          </ac:spMkLst>
        </pc:spChg>
        <pc:spChg chg="mod">
          <ac:chgData name="Theis Ziegler" userId="1d0357a8-3efe-41fa-839c-7601d995f2eb" providerId="ADAL" clId="{DF415A0B-A0B9-4C60-9114-93ED0130F608}" dt="2026-03-04T10:03:19.400" v="3632" actId="962"/>
          <ac:spMkLst>
            <pc:docMk/>
            <pc:sldMk cId="2068710634" sldId="2147473480"/>
            <ac:spMk id="31" creationId="{85595601-6EE7-AF19-DDB9-B47ED1B2D833}"/>
          </ac:spMkLst>
        </pc:spChg>
        <pc:spChg chg="mod topLvl">
          <ac:chgData name="Theis Ziegler" userId="1d0357a8-3efe-41fa-839c-7601d995f2eb" providerId="ADAL" clId="{DF415A0B-A0B9-4C60-9114-93ED0130F608}" dt="2026-03-04T10:03:12.872" v="3631" actId="962"/>
          <ac:spMkLst>
            <pc:docMk/>
            <pc:sldMk cId="2068710634" sldId="2147473480"/>
            <ac:spMk id="32" creationId="{A0846512-814A-622F-5A7A-71DB20F45570}"/>
          </ac:spMkLst>
        </pc:spChg>
        <pc:spChg chg="mod">
          <ac:chgData name="Theis Ziegler" userId="1d0357a8-3efe-41fa-839c-7601d995f2eb" providerId="ADAL" clId="{DF415A0B-A0B9-4C60-9114-93ED0130F608}" dt="2026-03-04T10:03:12.872" v="3631" actId="962"/>
          <ac:spMkLst>
            <pc:docMk/>
            <pc:sldMk cId="2068710634" sldId="2147473480"/>
            <ac:spMk id="33" creationId="{FE24B7C0-CFCA-8918-B96C-E7160E929E7B}"/>
          </ac:spMkLst>
        </pc:spChg>
        <pc:spChg chg="mod">
          <ac:chgData name="Theis Ziegler" userId="1d0357a8-3efe-41fa-839c-7601d995f2eb" providerId="ADAL" clId="{DF415A0B-A0B9-4C60-9114-93ED0130F608}" dt="2026-03-04T10:03:19.400" v="3632" actId="962"/>
          <ac:spMkLst>
            <pc:docMk/>
            <pc:sldMk cId="2068710634" sldId="2147473480"/>
            <ac:spMk id="34" creationId="{FE3850B6-AEE9-5665-7D28-2EC73D056CFD}"/>
          </ac:spMkLst>
        </pc:spChg>
        <pc:spChg chg="mod topLvl">
          <ac:chgData name="Theis Ziegler" userId="1d0357a8-3efe-41fa-839c-7601d995f2eb" providerId="ADAL" clId="{DF415A0B-A0B9-4C60-9114-93ED0130F608}" dt="2026-03-04T10:03:08.022" v="3630" actId="165"/>
          <ac:spMkLst>
            <pc:docMk/>
            <pc:sldMk cId="2068710634" sldId="2147473480"/>
            <ac:spMk id="36" creationId="{382D8B30-956E-766E-14D3-C73E54216042}"/>
          </ac:spMkLst>
        </pc:spChg>
        <pc:spChg chg="mod">
          <ac:chgData name="Theis Ziegler" userId="1d0357a8-3efe-41fa-839c-7601d995f2eb" providerId="ADAL" clId="{DF415A0B-A0B9-4C60-9114-93ED0130F608}" dt="2026-03-04T10:03:08.022" v="3630" actId="165"/>
          <ac:spMkLst>
            <pc:docMk/>
            <pc:sldMk cId="2068710634" sldId="2147473480"/>
            <ac:spMk id="39" creationId="{4A8B13ED-90D3-DE84-41D2-C7DB2F4C4C13}"/>
          </ac:spMkLst>
        </pc:spChg>
        <pc:spChg chg="mod">
          <ac:chgData name="Theis Ziegler" userId="1d0357a8-3efe-41fa-839c-7601d995f2eb" providerId="ADAL" clId="{DF415A0B-A0B9-4C60-9114-93ED0130F608}" dt="2026-03-04T10:02:33.699" v="3622" actId="962"/>
          <ac:spMkLst>
            <pc:docMk/>
            <pc:sldMk cId="2068710634" sldId="2147473480"/>
            <ac:spMk id="45" creationId="{736BC7AF-647D-BCE0-037A-DC5C084D91EC}"/>
          </ac:spMkLst>
        </pc:spChg>
        <pc:spChg chg="mod">
          <ac:chgData name="Theis Ziegler" userId="1d0357a8-3efe-41fa-839c-7601d995f2eb" providerId="ADAL" clId="{DF415A0B-A0B9-4C60-9114-93ED0130F608}" dt="2026-03-04T10:03:08.022" v="3630" actId="165"/>
          <ac:spMkLst>
            <pc:docMk/>
            <pc:sldMk cId="2068710634" sldId="2147473480"/>
            <ac:spMk id="58" creationId="{F8D01DB2-9654-0433-B2CA-EAA53D8B8013}"/>
          </ac:spMkLst>
        </pc:spChg>
        <pc:spChg chg="mod">
          <ac:chgData name="Theis Ziegler" userId="1d0357a8-3efe-41fa-839c-7601d995f2eb" providerId="ADAL" clId="{DF415A0B-A0B9-4C60-9114-93ED0130F608}" dt="2026-03-04T10:03:08.022" v="3630" actId="165"/>
          <ac:spMkLst>
            <pc:docMk/>
            <pc:sldMk cId="2068710634" sldId="2147473480"/>
            <ac:spMk id="60" creationId="{D05F8A32-4720-4BA4-F906-8B62E34DF543}"/>
          </ac:spMkLst>
        </pc:spChg>
        <pc:spChg chg="mod">
          <ac:chgData name="Theis Ziegler" userId="1d0357a8-3efe-41fa-839c-7601d995f2eb" providerId="ADAL" clId="{DF415A0B-A0B9-4C60-9114-93ED0130F608}" dt="2026-03-04T10:02:24.986" v="3620" actId="13244"/>
          <ac:spMkLst>
            <pc:docMk/>
            <pc:sldMk cId="2068710634" sldId="2147473480"/>
            <ac:spMk id="66" creationId="{D67C354B-6BDD-E269-9AD4-1B37FA184B3C}"/>
          </ac:spMkLst>
        </pc:spChg>
        <pc:spChg chg="ord">
          <ac:chgData name="Theis Ziegler" userId="1d0357a8-3efe-41fa-839c-7601d995f2eb" providerId="ADAL" clId="{DF415A0B-A0B9-4C60-9114-93ED0130F608}" dt="2026-03-04T10:02:54.613" v="3627" actId="13244"/>
          <ac:spMkLst>
            <pc:docMk/>
            <pc:sldMk cId="2068710634" sldId="2147473480"/>
            <ac:spMk id="77" creationId="{05106B59-A0D6-87F7-987D-937F49213293}"/>
          </ac:spMkLst>
        </pc:spChg>
        <pc:spChg chg="mod">
          <ac:chgData name="Theis Ziegler" userId="1d0357a8-3efe-41fa-839c-7601d995f2eb" providerId="ADAL" clId="{DF415A0B-A0B9-4C60-9114-93ED0130F608}" dt="2026-03-04T10:02:33.699" v="3622" actId="962"/>
          <ac:spMkLst>
            <pc:docMk/>
            <pc:sldMk cId="2068710634" sldId="2147473480"/>
            <ac:spMk id="84" creationId="{B3261C2F-48B4-B33A-B927-8DA53C196E94}"/>
          </ac:spMkLst>
        </pc:spChg>
        <pc:spChg chg="ord">
          <ac:chgData name="Theis Ziegler" userId="1d0357a8-3efe-41fa-839c-7601d995f2eb" providerId="ADAL" clId="{DF415A0B-A0B9-4C60-9114-93ED0130F608}" dt="2026-03-04T10:02:56.106" v="3628" actId="13244"/>
          <ac:spMkLst>
            <pc:docMk/>
            <pc:sldMk cId="2068710634" sldId="2147473480"/>
            <ac:spMk id="89" creationId="{F1845632-6575-0F6A-5836-1F4E6DEBE310}"/>
          </ac:spMkLst>
        </pc:spChg>
        <pc:spChg chg="ord">
          <ac:chgData name="Theis Ziegler" userId="1d0357a8-3efe-41fa-839c-7601d995f2eb" providerId="ADAL" clId="{DF415A0B-A0B9-4C60-9114-93ED0130F608}" dt="2026-03-04T10:02:57.936" v="3629" actId="13244"/>
          <ac:spMkLst>
            <pc:docMk/>
            <pc:sldMk cId="2068710634" sldId="2147473480"/>
            <ac:spMk id="101" creationId="{0CB35BB2-923B-7F8F-93E3-16004D8BFE18}"/>
          </ac:spMkLst>
        </pc:spChg>
        <pc:spChg chg="ord">
          <ac:chgData name="Theis Ziegler" userId="1d0357a8-3efe-41fa-839c-7601d995f2eb" providerId="ADAL" clId="{DF415A0B-A0B9-4C60-9114-93ED0130F608}" dt="2026-03-04T10:02:38.995" v="3623" actId="13244"/>
          <ac:spMkLst>
            <pc:docMk/>
            <pc:sldMk cId="2068710634" sldId="2147473480"/>
            <ac:spMk id="103" creationId="{C2C5595D-97B9-8893-6788-A4E0F4C0479F}"/>
          </ac:spMkLst>
        </pc:spChg>
        <pc:spChg chg="mod topLvl">
          <ac:chgData name="Theis Ziegler" userId="1d0357a8-3efe-41fa-839c-7601d995f2eb" providerId="ADAL" clId="{DF415A0B-A0B9-4C60-9114-93ED0130F608}" dt="2026-03-04T10:03:36.388" v="3634" actId="165"/>
          <ac:spMkLst>
            <pc:docMk/>
            <pc:sldMk cId="2068710634" sldId="2147473480"/>
            <ac:spMk id="105" creationId="{29E4D376-9299-2F5B-5B1B-E98374D820F1}"/>
          </ac:spMkLst>
        </pc:spChg>
        <pc:spChg chg="mod">
          <ac:chgData name="Theis Ziegler" userId="1d0357a8-3efe-41fa-839c-7601d995f2eb" providerId="ADAL" clId="{DF415A0B-A0B9-4C60-9114-93ED0130F608}" dt="2026-03-04T10:03:36.388" v="3634" actId="165"/>
          <ac:spMkLst>
            <pc:docMk/>
            <pc:sldMk cId="2068710634" sldId="2147473480"/>
            <ac:spMk id="107" creationId="{75B36C4D-0CC4-541E-626D-A800775E6715}"/>
          </ac:spMkLst>
        </pc:spChg>
        <pc:spChg chg="mod">
          <ac:chgData name="Theis Ziegler" userId="1d0357a8-3efe-41fa-839c-7601d995f2eb" providerId="ADAL" clId="{DF415A0B-A0B9-4C60-9114-93ED0130F608}" dt="2026-03-04T10:03:36.388" v="3634" actId="165"/>
          <ac:spMkLst>
            <pc:docMk/>
            <pc:sldMk cId="2068710634" sldId="2147473480"/>
            <ac:spMk id="108" creationId="{2CD98F78-EAC3-7817-90F6-965191944189}"/>
          </ac:spMkLst>
        </pc:spChg>
        <pc:spChg chg="mod topLvl">
          <ac:chgData name="Theis Ziegler" userId="1d0357a8-3efe-41fa-839c-7601d995f2eb" providerId="ADAL" clId="{DF415A0B-A0B9-4C60-9114-93ED0130F608}" dt="2026-03-04T10:03:36.388" v="3634" actId="165"/>
          <ac:spMkLst>
            <pc:docMk/>
            <pc:sldMk cId="2068710634" sldId="2147473480"/>
            <ac:spMk id="110" creationId="{4D3EABB0-7E58-5296-CB01-92CF687ED6C2}"/>
          </ac:spMkLst>
        </pc:spChg>
        <pc:spChg chg="mod">
          <ac:chgData name="Theis Ziegler" userId="1d0357a8-3efe-41fa-839c-7601d995f2eb" providerId="ADAL" clId="{DF415A0B-A0B9-4C60-9114-93ED0130F608}" dt="2026-03-04T10:03:36.388" v="3634" actId="165"/>
          <ac:spMkLst>
            <pc:docMk/>
            <pc:sldMk cId="2068710634" sldId="2147473480"/>
            <ac:spMk id="112" creationId="{322CD3DB-16C7-E91B-69D3-933B3C996A62}"/>
          </ac:spMkLst>
        </pc:spChg>
        <pc:spChg chg="mod">
          <ac:chgData name="Theis Ziegler" userId="1d0357a8-3efe-41fa-839c-7601d995f2eb" providerId="ADAL" clId="{DF415A0B-A0B9-4C60-9114-93ED0130F608}" dt="2026-03-04T10:03:36.388" v="3634" actId="165"/>
          <ac:spMkLst>
            <pc:docMk/>
            <pc:sldMk cId="2068710634" sldId="2147473480"/>
            <ac:spMk id="113" creationId="{BBABF4DE-9EC6-0329-9263-9BFE4CC6E0D7}"/>
          </ac:spMkLst>
        </pc:spChg>
        <pc:spChg chg="mod topLvl">
          <ac:chgData name="Theis Ziegler" userId="1d0357a8-3efe-41fa-839c-7601d995f2eb" providerId="ADAL" clId="{DF415A0B-A0B9-4C60-9114-93ED0130F608}" dt="2026-03-04T10:03:36.388" v="3634" actId="165"/>
          <ac:spMkLst>
            <pc:docMk/>
            <pc:sldMk cId="2068710634" sldId="2147473480"/>
            <ac:spMk id="115" creationId="{45741A3E-88E5-6158-D3DD-F33F23252290}"/>
          </ac:spMkLst>
        </pc:spChg>
        <pc:spChg chg="mod">
          <ac:chgData name="Theis Ziegler" userId="1d0357a8-3efe-41fa-839c-7601d995f2eb" providerId="ADAL" clId="{DF415A0B-A0B9-4C60-9114-93ED0130F608}" dt="2026-03-04T10:03:36.388" v="3634" actId="165"/>
          <ac:spMkLst>
            <pc:docMk/>
            <pc:sldMk cId="2068710634" sldId="2147473480"/>
            <ac:spMk id="117" creationId="{1D3F874B-D9D3-86A4-0CD5-4F3FC86939D8}"/>
          </ac:spMkLst>
        </pc:spChg>
        <pc:spChg chg="mod">
          <ac:chgData name="Theis Ziegler" userId="1d0357a8-3efe-41fa-839c-7601d995f2eb" providerId="ADAL" clId="{DF415A0B-A0B9-4C60-9114-93ED0130F608}" dt="2026-03-04T10:03:36.388" v="3634" actId="165"/>
          <ac:spMkLst>
            <pc:docMk/>
            <pc:sldMk cId="2068710634" sldId="2147473480"/>
            <ac:spMk id="118" creationId="{8A16424B-DEE0-262C-BD8A-94F753330565}"/>
          </ac:spMkLst>
        </pc:spChg>
        <pc:spChg chg="ord">
          <ac:chgData name="Theis Ziegler" userId="1d0357a8-3efe-41fa-839c-7601d995f2eb" providerId="ADAL" clId="{DF415A0B-A0B9-4C60-9114-93ED0130F608}" dt="2026-03-04T10:03:25.843" v="3633" actId="13244"/>
          <ac:spMkLst>
            <pc:docMk/>
            <pc:sldMk cId="2068710634" sldId="2147473480"/>
            <ac:spMk id="134" creationId="{8A9A39E1-725B-8344-9BBA-47B2984DC8D4}"/>
          </ac:spMkLst>
        </pc:spChg>
        <pc:grpChg chg="ord">
          <ac:chgData name="Theis Ziegler" userId="1d0357a8-3efe-41fa-839c-7601d995f2eb" providerId="ADAL" clId="{DF415A0B-A0B9-4C60-9114-93ED0130F608}" dt="2026-03-04T10:02:43.560" v="3624" actId="13244"/>
          <ac:grpSpMkLst>
            <pc:docMk/>
            <pc:sldMk cId="2068710634" sldId="2147473480"/>
            <ac:grpSpMk id="9" creationId="{75E22068-BC2F-DEC2-ED6C-F8D31419AF0D}"/>
          </ac:grpSpMkLst>
        </pc:grpChg>
        <pc:grpChg chg="ord">
          <ac:chgData name="Theis Ziegler" userId="1d0357a8-3efe-41fa-839c-7601d995f2eb" providerId="ADAL" clId="{DF415A0B-A0B9-4C60-9114-93ED0130F608}" dt="2026-03-04T10:02:52.037" v="3626" actId="13244"/>
          <ac:grpSpMkLst>
            <pc:docMk/>
            <pc:sldMk cId="2068710634" sldId="2147473480"/>
            <ac:grpSpMk id="67" creationId="{985ABC37-4108-8C81-ABC0-CCAF639BCEFF}"/>
          </ac:grpSpMkLst>
        </pc:grpChg>
        <pc:grpChg chg="ord">
          <ac:chgData name="Theis Ziegler" userId="1d0357a8-3efe-41fa-839c-7601d995f2eb" providerId="ADAL" clId="{DF415A0B-A0B9-4C60-9114-93ED0130F608}" dt="2026-03-04T10:02:52.037" v="3626" actId="13244"/>
          <ac:grpSpMkLst>
            <pc:docMk/>
            <pc:sldMk cId="2068710634" sldId="2147473480"/>
            <ac:grpSpMk id="78" creationId="{C6BF9F57-92B5-3720-721F-7FB40B668812}"/>
          </ac:grpSpMkLst>
        </pc:grpChg>
        <pc:grpChg chg="ord">
          <ac:chgData name="Theis Ziegler" userId="1d0357a8-3efe-41fa-839c-7601d995f2eb" providerId="ADAL" clId="{DF415A0B-A0B9-4C60-9114-93ED0130F608}" dt="2026-03-04T10:02:52.037" v="3626" actId="13244"/>
          <ac:grpSpMkLst>
            <pc:docMk/>
            <pc:sldMk cId="2068710634" sldId="2147473480"/>
            <ac:grpSpMk id="90" creationId="{CD0EB764-6663-1A72-7FC2-7B5C5DFF1F89}"/>
          </ac:grpSpMkLst>
        </pc:grpChg>
        <pc:grpChg chg="mod topLvl">
          <ac:chgData name="Theis Ziegler" userId="1d0357a8-3efe-41fa-839c-7601d995f2eb" providerId="ADAL" clId="{DF415A0B-A0B9-4C60-9114-93ED0130F608}" dt="2026-03-04T10:03:40.572" v="3637" actId="962"/>
          <ac:grpSpMkLst>
            <pc:docMk/>
            <pc:sldMk cId="2068710634" sldId="2147473480"/>
            <ac:grpSpMk id="106" creationId="{2D42BB00-5D59-2227-8A93-0E0AD76A554B}"/>
          </ac:grpSpMkLst>
        </pc:grpChg>
        <pc:grpChg chg="mod">
          <ac:chgData name="Theis Ziegler" userId="1d0357a8-3efe-41fa-839c-7601d995f2eb" providerId="ADAL" clId="{DF415A0B-A0B9-4C60-9114-93ED0130F608}" dt="2026-03-04T10:03:39.909" v="3636" actId="962"/>
          <ac:grpSpMkLst>
            <pc:docMk/>
            <pc:sldMk cId="2068710634" sldId="2147473480"/>
            <ac:grpSpMk id="111" creationId="{A2A82A16-B181-572B-C8CF-29133A98F0CD}"/>
          </ac:grpSpMkLst>
        </pc:grpChg>
        <pc:grpChg chg="mod">
          <ac:chgData name="Theis Ziegler" userId="1d0357a8-3efe-41fa-839c-7601d995f2eb" providerId="ADAL" clId="{DF415A0B-A0B9-4C60-9114-93ED0130F608}" dt="2026-03-04T10:03:38.988" v="3635" actId="962"/>
          <ac:grpSpMkLst>
            <pc:docMk/>
            <pc:sldMk cId="2068710634" sldId="2147473480"/>
            <ac:grpSpMk id="116" creationId="{D92EFEB3-3DA4-2C86-D241-E7346EA05BB4}"/>
          </ac:grpSpMkLst>
        </pc:grpChg>
      </pc:sldChg>
      <pc:sldChg chg="modSp mod">
        <pc:chgData name="Theis Ziegler" userId="1d0357a8-3efe-41fa-839c-7601d995f2eb" providerId="ADAL" clId="{DF415A0B-A0B9-4C60-9114-93ED0130F608}" dt="2026-03-04T09:38:04.822" v="3413" actId="13244"/>
        <pc:sldMkLst>
          <pc:docMk/>
          <pc:sldMk cId="2038036017" sldId="2147473481"/>
        </pc:sldMkLst>
        <pc:spChg chg="ord">
          <ac:chgData name="Theis Ziegler" userId="1d0357a8-3efe-41fa-839c-7601d995f2eb" providerId="ADAL" clId="{DF415A0B-A0B9-4C60-9114-93ED0130F608}" dt="2026-03-04T09:37:48.834" v="3411" actId="13244"/>
          <ac:spMkLst>
            <pc:docMk/>
            <pc:sldMk cId="2038036017" sldId="2147473481"/>
            <ac:spMk id="2" creationId="{AC67DEFF-016E-17C7-A8FA-7F16560E42A9}"/>
          </ac:spMkLst>
        </pc:spChg>
        <pc:spChg chg="ord">
          <ac:chgData name="Theis Ziegler" userId="1d0357a8-3efe-41fa-839c-7601d995f2eb" providerId="ADAL" clId="{DF415A0B-A0B9-4C60-9114-93ED0130F608}" dt="2026-03-04T09:38:04.822" v="3413" actId="13244"/>
          <ac:spMkLst>
            <pc:docMk/>
            <pc:sldMk cId="2038036017" sldId="2147473481"/>
            <ac:spMk id="4" creationId="{672320E1-3139-7BBB-7D61-5232AE8B3BE1}"/>
          </ac:spMkLst>
        </pc:spChg>
        <pc:spChg chg="ord">
          <ac:chgData name="Theis Ziegler" userId="1d0357a8-3efe-41fa-839c-7601d995f2eb" providerId="ADAL" clId="{DF415A0B-A0B9-4C60-9114-93ED0130F608}" dt="2026-03-04T09:37:57.476" v="3412" actId="13244"/>
          <ac:spMkLst>
            <pc:docMk/>
            <pc:sldMk cId="2038036017" sldId="2147473481"/>
            <ac:spMk id="5" creationId="{E025411A-3F6F-83E0-96FC-3294C270F65E}"/>
          </ac:spMkLst>
        </pc:spChg>
        <pc:spChg chg="ord">
          <ac:chgData name="Theis Ziegler" userId="1d0357a8-3efe-41fa-839c-7601d995f2eb" providerId="ADAL" clId="{DF415A0B-A0B9-4C60-9114-93ED0130F608}" dt="2026-03-04T09:37:48.834" v="3411" actId="13244"/>
          <ac:spMkLst>
            <pc:docMk/>
            <pc:sldMk cId="2038036017" sldId="2147473481"/>
            <ac:spMk id="7" creationId="{C7B7A49C-4A5F-E68D-441D-253B409164AC}"/>
          </ac:spMkLst>
        </pc:spChg>
        <pc:spChg chg="ord">
          <ac:chgData name="Theis Ziegler" userId="1d0357a8-3efe-41fa-839c-7601d995f2eb" providerId="ADAL" clId="{DF415A0B-A0B9-4C60-9114-93ED0130F608}" dt="2026-03-04T09:37:48.834" v="3411" actId="13244"/>
          <ac:spMkLst>
            <pc:docMk/>
            <pc:sldMk cId="2038036017" sldId="2147473481"/>
            <ac:spMk id="8" creationId="{42EF0E90-FCC5-2D56-2F8A-8E1D3A116229}"/>
          </ac:spMkLst>
        </pc:spChg>
        <pc:spChg chg="ord">
          <ac:chgData name="Theis Ziegler" userId="1d0357a8-3efe-41fa-839c-7601d995f2eb" providerId="ADAL" clId="{DF415A0B-A0B9-4C60-9114-93ED0130F608}" dt="2026-03-04T09:37:38.289" v="3410" actId="13244"/>
          <ac:spMkLst>
            <pc:docMk/>
            <pc:sldMk cId="2038036017" sldId="2147473481"/>
            <ac:spMk id="10" creationId="{984746D3-EC1E-34A5-5C9F-2B1C5BBB9855}"/>
          </ac:spMkLst>
        </pc:spChg>
        <pc:spChg chg="ord">
          <ac:chgData name="Theis Ziegler" userId="1d0357a8-3efe-41fa-839c-7601d995f2eb" providerId="ADAL" clId="{DF415A0B-A0B9-4C60-9114-93ED0130F608}" dt="2026-03-04T09:37:38.289" v="3410" actId="13244"/>
          <ac:spMkLst>
            <pc:docMk/>
            <pc:sldMk cId="2038036017" sldId="2147473481"/>
            <ac:spMk id="11" creationId="{2CFDF194-8092-68FA-E767-9D8FDDDD90D3}"/>
          </ac:spMkLst>
        </pc:spChg>
      </pc:sldChg>
      <pc:sldChg chg="delSp modSp mod">
        <pc:chgData name="Theis Ziegler" userId="1d0357a8-3efe-41fa-839c-7601d995f2eb" providerId="ADAL" clId="{DF415A0B-A0B9-4C60-9114-93ED0130F608}" dt="2026-03-04T10:02:13.679" v="3619" actId="962"/>
        <pc:sldMkLst>
          <pc:docMk/>
          <pc:sldMk cId="1144328336" sldId="2147473482"/>
        </pc:sldMkLst>
        <pc:spChg chg="ord">
          <ac:chgData name="Theis Ziegler" userId="1d0357a8-3efe-41fa-839c-7601d995f2eb" providerId="ADAL" clId="{DF415A0B-A0B9-4C60-9114-93ED0130F608}" dt="2026-03-04T10:01:30.723" v="3611" actId="13244"/>
          <ac:spMkLst>
            <pc:docMk/>
            <pc:sldMk cId="1144328336" sldId="2147473482"/>
            <ac:spMk id="5" creationId="{549316AB-43A0-5621-341E-CFF5893D3332}"/>
          </ac:spMkLst>
        </pc:spChg>
        <pc:spChg chg="ord">
          <ac:chgData name="Theis Ziegler" userId="1d0357a8-3efe-41fa-839c-7601d995f2eb" providerId="ADAL" clId="{DF415A0B-A0B9-4C60-9114-93ED0130F608}" dt="2026-03-04T10:00:59.292" v="3603" actId="13244"/>
          <ac:spMkLst>
            <pc:docMk/>
            <pc:sldMk cId="1144328336" sldId="2147473482"/>
            <ac:spMk id="8" creationId="{2D0C4408-73D8-B154-C2DB-437C3F173782}"/>
          </ac:spMkLst>
        </pc:spChg>
        <pc:spChg chg="mod topLvl">
          <ac:chgData name="Theis Ziegler" userId="1d0357a8-3efe-41fa-839c-7601d995f2eb" providerId="ADAL" clId="{DF415A0B-A0B9-4C60-9114-93ED0130F608}" dt="2026-03-04T10:01:42.766" v="3613" actId="962"/>
          <ac:spMkLst>
            <pc:docMk/>
            <pc:sldMk cId="1144328336" sldId="2147473482"/>
            <ac:spMk id="24" creationId="{04D1C9A7-CB78-F480-B29B-369A498AE916}"/>
          </ac:spMkLst>
        </pc:spChg>
        <pc:spChg chg="mod">
          <ac:chgData name="Theis Ziegler" userId="1d0357a8-3efe-41fa-839c-7601d995f2eb" providerId="ADAL" clId="{DF415A0B-A0B9-4C60-9114-93ED0130F608}" dt="2026-03-04T10:01:42.766" v="3613" actId="962"/>
          <ac:spMkLst>
            <pc:docMk/>
            <pc:sldMk cId="1144328336" sldId="2147473482"/>
            <ac:spMk id="25" creationId="{FDC43B23-FE27-A5F3-F23B-FE70273B8F95}"/>
          </ac:spMkLst>
        </pc:spChg>
        <pc:spChg chg="mod topLvl">
          <ac:chgData name="Theis Ziegler" userId="1d0357a8-3efe-41fa-839c-7601d995f2eb" providerId="ADAL" clId="{DF415A0B-A0B9-4C60-9114-93ED0130F608}" dt="2026-03-04T10:01:48.882" v="3614" actId="962"/>
          <ac:spMkLst>
            <pc:docMk/>
            <pc:sldMk cId="1144328336" sldId="2147473482"/>
            <ac:spMk id="26" creationId="{B945074D-EE93-E190-C8E8-68300031B6B8}"/>
          </ac:spMkLst>
        </pc:spChg>
        <pc:spChg chg="mod">
          <ac:chgData name="Theis Ziegler" userId="1d0357a8-3efe-41fa-839c-7601d995f2eb" providerId="ADAL" clId="{DF415A0B-A0B9-4C60-9114-93ED0130F608}" dt="2026-03-04T10:01:48.882" v="3614" actId="962"/>
          <ac:spMkLst>
            <pc:docMk/>
            <pc:sldMk cId="1144328336" sldId="2147473482"/>
            <ac:spMk id="28" creationId="{28FF78F2-2501-3B60-3109-70B5BC23BB38}"/>
          </ac:spMkLst>
        </pc:spChg>
        <pc:spChg chg="mod topLvl">
          <ac:chgData name="Theis Ziegler" userId="1d0357a8-3efe-41fa-839c-7601d995f2eb" providerId="ADAL" clId="{DF415A0B-A0B9-4C60-9114-93ED0130F608}" dt="2026-03-04T10:01:42.766" v="3613" actId="962"/>
          <ac:spMkLst>
            <pc:docMk/>
            <pc:sldMk cId="1144328336" sldId="2147473482"/>
            <ac:spMk id="30" creationId="{7F51EDF0-F27A-EBED-3BB8-6639E1E011A2}"/>
          </ac:spMkLst>
        </pc:spChg>
        <pc:spChg chg="mod topLvl">
          <ac:chgData name="Theis Ziegler" userId="1d0357a8-3efe-41fa-839c-7601d995f2eb" providerId="ADAL" clId="{DF415A0B-A0B9-4C60-9114-93ED0130F608}" dt="2026-03-04T10:01:48.882" v="3614" actId="962"/>
          <ac:spMkLst>
            <pc:docMk/>
            <pc:sldMk cId="1144328336" sldId="2147473482"/>
            <ac:spMk id="31" creationId="{3DFB9A90-685E-20C5-D284-EC1A600142B2}"/>
          </ac:spMkLst>
        </pc:spChg>
        <pc:spChg chg="mod">
          <ac:chgData name="Theis Ziegler" userId="1d0357a8-3efe-41fa-839c-7601d995f2eb" providerId="ADAL" clId="{DF415A0B-A0B9-4C60-9114-93ED0130F608}" dt="2026-03-04T10:01:42.766" v="3613" actId="962"/>
          <ac:spMkLst>
            <pc:docMk/>
            <pc:sldMk cId="1144328336" sldId="2147473482"/>
            <ac:spMk id="32" creationId="{A88B5C82-EDA3-5319-2D1D-AA83FEE3A381}"/>
          </ac:spMkLst>
        </pc:spChg>
        <pc:spChg chg="mod topLvl">
          <ac:chgData name="Theis Ziegler" userId="1d0357a8-3efe-41fa-839c-7601d995f2eb" providerId="ADAL" clId="{DF415A0B-A0B9-4C60-9114-93ED0130F608}" dt="2026-03-04T10:01:42.766" v="3613" actId="962"/>
          <ac:spMkLst>
            <pc:docMk/>
            <pc:sldMk cId="1144328336" sldId="2147473482"/>
            <ac:spMk id="33" creationId="{A186A653-9BD4-2677-2A28-FA0DA04F0008}"/>
          </ac:spMkLst>
        </pc:spChg>
        <pc:spChg chg="mod topLvl">
          <ac:chgData name="Theis Ziegler" userId="1d0357a8-3efe-41fa-839c-7601d995f2eb" providerId="ADAL" clId="{DF415A0B-A0B9-4C60-9114-93ED0130F608}" dt="2026-03-04T10:01:48.882" v="3614" actId="962"/>
          <ac:spMkLst>
            <pc:docMk/>
            <pc:sldMk cId="1144328336" sldId="2147473482"/>
            <ac:spMk id="34" creationId="{D621ECCB-5240-06B6-5959-B82E082A0CFC}"/>
          </ac:spMkLst>
        </pc:spChg>
        <pc:spChg chg="mod">
          <ac:chgData name="Theis Ziegler" userId="1d0357a8-3efe-41fa-839c-7601d995f2eb" providerId="ADAL" clId="{DF415A0B-A0B9-4C60-9114-93ED0130F608}" dt="2026-03-04T10:01:42.766" v="3613" actId="962"/>
          <ac:spMkLst>
            <pc:docMk/>
            <pc:sldMk cId="1144328336" sldId="2147473482"/>
            <ac:spMk id="36" creationId="{5DF7C3FB-BF73-33D9-AC32-EE888B3AD885}"/>
          </ac:spMkLst>
        </pc:spChg>
        <pc:spChg chg="mod">
          <ac:chgData name="Theis Ziegler" userId="1d0357a8-3efe-41fa-839c-7601d995f2eb" providerId="ADAL" clId="{DF415A0B-A0B9-4C60-9114-93ED0130F608}" dt="2026-03-04T10:01:39.494" v="3612" actId="165"/>
          <ac:spMkLst>
            <pc:docMk/>
            <pc:sldMk cId="1144328336" sldId="2147473482"/>
            <ac:spMk id="39" creationId="{1686D997-ED92-57D0-7DA7-D0A4FFCA2007}"/>
          </ac:spMkLst>
        </pc:spChg>
        <pc:spChg chg="mod">
          <ac:chgData name="Theis Ziegler" userId="1d0357a8-3efe-41fa-839c-7601d995f2eb" providerId="ADAL" clId="{DF415A0B-A0B9-4C60-9114-93ED0130F608}" dt="2026-03-04T10:01:04.195" v="3604" actId="962"/>
          <ac:spMkLst>
            <pc:docMk/>
            <pc:sldMk cId="1144328336" sldId="2147473482"/>
            <ac:spMk id="45" creationId="{207A53E6-09DA-EFED-767A-764BBBCC1DF0}"/>
          </ac:spMkLst>
        </pc:spChg>
        <pc:spChg chg="mod">
          <ac:chgData name="Theis Ziegler" userId="1d0357a8-3efe-41fa-839c-7601d995f2eb" providerId="ADAL" clId="{DF415A0B-A0B9-4C60-9114-93ED0130F608}" dt="2026-03-04T10:01:39.494" v="3612" actId="165"/>
          <ac:spMkLst>
            <pc:docMk/>
            <pc:sldMk cId="1144328336" sldId="2147473482"/>
            <ac:spMk id="58" creationId="{6E37DE65-C750-977C-901B-4CF367F875D8}"/>
          </ac:spMkLst>
        </pc:spChg>
        <pc:spChg chg="mod">
          <ac:chgData name="Theis Ziegler" userId="1d0357a8-3efe-41fa-839c-7601d995f2eb" providerId="ADAL" clId="{DF415A0B-A0B9-4C60-9114-93ED0130F608}" dt="2026-03-04T10:01:39.494" v="3612" actId="165"/>
          <ac:spMkLst>
            <pc:docMk/>
            <pc:sldMk cId="1144328336" sldId="2147473482"/>
            <ac:spMk id="59" creationId="{A9DC021D-B6BC-C1EE-979F-3C2D02BDC7CC}"/>
          </ac:spMkLst>
        </pc:spChg>
        <pc:spChg chg="mod">
          <ac:chgData name="Theis Ziegler" userId="1d0357a8-3efe-41fa-839c-7601d995f2eb" providerId="ADAL" clId="{DF415A0B-A0B9-4C60-9114-93ED0130F608}" dt="2026-03-04T10:01:39.494" v="3612" actId="165"/>
          <ac:spMkLst>
            <pc:docMk/>
            <pc:sldMk cId="1144328336" sldId="2147473482"/>
            <ac:spMk id="60" creationId="{CD04F1D4-288D-0BFC-36EA-4EB41200F7FF}"/>
          </ac:spMkLst>
        </pc:spChg>
        <pc:spChg chg="mod">
          <ac:chgData name="Theis Ziegler" userId="1d0357a8-3efe-41fa-839c-7601d995f2eb" providerId="ADAL" clId="{DF415A0B-A0B9-4C60-9114-93ED0130F608}" dt="2026-03-04T10:00:56.370" v="3602" actId="13244"/>
          <ac:spMkLst>
            <pc:docMk/>
            <pc:sldMk cId="1144328336" sldId="2147473482"/>
            <ac:spMk id="66" creationId="{EC0B1A15-374C-0908-E3EB-F0D6F8236882}"/>
          </ac:spMkLst>
        </pc:spChg>
        <pc:spChg chg="ord">
          <ac:chgData name="Theis Ziegler" userId="1d0357a8-3efe-41fa-839c-7601d995f2eb" providerId="ADAL" clId="{DF415A0B-A0B9-4C60-9114-93ED0130F608}" dt="2026-03-04T10:01:23.296" v="3608" actId="13244"/>
          <ac:spMkLst>
            <pc:docMk/>
            <pc:sldMk cId="1144328336" sldId="2147473482"/>
            <ac:spMk id="77" creationId="{929EECFB-DA65-5EDD-51A1-2430B9B01522}"/>
          </ac:spMkLst>
        </pc:spChg>
        <pc:spChg chg="mod">
          <ac:chgData name="Theis Ziegler" userId="1d0357a8-3efe-41fa-839c-7601d995f2eb" providerId="ADAL" clId="{DF415A0B-A0B9-4C60-9114-93ED0130F608}" dt="2026-03-04T10:01:04.195" v="3604" actId="962"/>
          <ac:spMkLst>
            <pc:docMk/>
            <pc:sldMk cId="1144328336" sldId="2147473482"/>
            <ac:spMk id="84" creationId="{FEE0BFBD-81AE-A270-11C1-F5E586A3C7F1}"/>
          </ac:spMkLst>
        </pc:spChg>
        <pc:spChg chg="ord">
          <ac:chgData name="Theis Ziegler" userId="1d0357a8-3efe-41fa-839c-7601d995f2eb" providerId="ADAL" clId="{DF415A0B-A0B9-4C60-9114-93ED0130F608}" dt="2026-03-04T10:01:24.641" v="3609" actId="13244"/>
          <ac:spMkLst>
            <pc:docMk/>
            <pc:sldMk cId="1144328336" sldId="2147473482"/>
            <ac:spMk id="89" creationId="{EA60787A-D256-5F8B-55A4-7E2B5E869DF6}"/>
          </ac:spMkLst>
        </pc:spChg>
        <pc:spChg chg="ord">
          <ac:chgData name="Theis Ziegler" userId="1d0357a8-3efe-41fa-839c-7601d995f2eb" providerId="ADAL" clId="{DF415A0B-A0B9-4C60-9114-93ED0130F608}" dt="2026-03-04T10:01:25.982" v="3610" actId="13244"/>
          <ac:spMkLst>
            <pc:docMk/>
            <pc:sldMk cId="1144328336" sldId="2147473482"/>
            <ac:spMk id="101" creationId="{CCF95A15-B46F-6207-36EF-113049C91FB8}"/>
          </ac:spMkLst>
        </pc:spChg>
        <pc:spChg chg="mod topLvl">
          <ac:chgData name="Theis Ziegler" userId="1d0357a8-3efe-41fa-839c-7601d995f2eb" providerId="ADAL" clId="{DF415A0B-A0B9-4C60-9114-93ED0130F608}" dt="2026-03-04T10:02:10.080" v="3616" actId="165"/>
          <ac:spMkLst>
            <pc:docMk/>
            <pc:sldMk cId="1144328336" sldId="2147473482"/>
            <ac:spMk id="104" creationId="{80C4385E-011A-DB59-0F89-AB05AC21182E}"/>
          </ac:spMkLst>
        </pc:spChg>
        <pc:spChg chg="mod">
          <ac:chgData name="Theis Ziegler" userId="1d0357a8-3efe-41fa-839c-7601d995f2eb" providerId="ADAL" clId="{DF415A0B-A0B9-4C60-9114-93ED0130F608}" dt="2026-03-04T10:02:10.080" v="3616" actId="165"/>
          <ac:spMkLst>
            <pc:docMk/>
            <pc:sldMk cId="1144328336" sldId="2147473482"/>
            <ac:spMk id="106" creationId="{D9C3E12A-6589-BC0A-0E77-79BA623E2425}"/>
          </ac:spMkLst>
        </pc:spChg>
        <pc:spChg chg="mod">
          <ac:chgData name="Theis Ziegler" userId="1d0357a8-3efe-41fa-839c-7601d995f2eb" providerId="ADAL" clId="{DF415A0B-A0B9-4C60-9114-93ED0130F608}" dt="2026-03-04T10:02:10.080" v="3616" actId="165"/>
          <ac:spMkLst>
            <pc:docMk/>
            <pc:sldMk cId="1144328336" sldId="2147473482"/>
            <ac:spMk id="107" creationId="{E9C5D49B-C168-27BB-24F2-D9D5EAED4961}"/>
          </ac:spMkLst>
        </pc:spChg>
        <pc:spChg chg="mod topLvl">
          <ac:chgData name="Theis Ziegler" userId="1d0357a8-3efe-41fa-839c-7601d995f2eb" providerId="ADAL" clId="{DF415A0B-A0B9-4C60-9114-93ED0130F608}" dt="2026-03-04T10:02:10.080" v="3616" actId="165"/>
          <ac:spMkLst>
            <pc:docMk/>
            <pc:sldMk cId="1144328336" sldId="2147473482"/>
            <ac:spMk id="109" creationId="{C7B63CD5-09E1-9F8D-FC7F-EDC5ABFF8B97}"/>
          </ac:spMkLst>
        </pc:spChg>
        <pc:spChg chg="mod">
          <ac:chgData name="Theis Ziegler" userId="1d0357a8-3efe-41fa-839c-7601d995f2eb" providerId="ADAL" clId="{DF415A0B-A0B9-4C60-9114-93ED0130F608}" dt="2026-03-04T10:02:10.080" v="3616" actId="165"/>
          <ac:spMkLst>
            <pc:docMk/>
            <pc:sldMk cId="1144328336" sldId="2147473482"/>
            <ac:spMk id="111" creationId="{B9F5C06E-47C8-604E-BAD0-AA49AD1A3831}"/>
          </ac:spMkLst>
        </pc:spChg>
        <pc:spChg chg="mod">
          <ac:chgData name="Theis Ziegler" userId="1d0357a8-3efe-41fa-839c-7601d995f2eb" providerId="ADAL" clId="{DF415A0B-A0B9-4C60-9114-93ED0130F608}" dt="2026-03-04T10:02:10.080" v="3616" actId="165"/>
          <ac:spMkLst>
            <pc:docMk/>
            <pc:sldMk cId="1144328336" sldId="2147473482"/>
            <ac:spMk id="112" creationId="{332FEB06-6519-45C0-06CA-B221084C6389}"/>
          </ac:spMkLst>
        </pc:spChg>
        <pc:spChg chg="mod topLvl">
          <ac:chgData name="Theis Ziegler" userId="1d0357a8-3efe-41fa-839c-7601d995f2eb" providerId="ADAL" clId="{DF415A0B-A0B9-4C60-9114-93ED0130F608}" dt="2026-03-04T10:02:10.080" v="3616" actId="165"/>
          <ac:spMkLst>
            <pc:docMk/>
            <pc:sldMk cId="1144328336" sldId="2147473482"/>
            <ac:spMk id="114" creationId="{729C6CAF-CFCD-4A3E-23F7-6DE73650BAB2}"/>
          </ac:spMkLst>
        </pc:spChg>
        <pc:spChg chg="mod">
          <ac:chgData name="Theis Ziegler" userId="1d0357a8-3efe-41fa-839c-7601d995f2eb" providerId="ADAL" clId="{DF415A0B-A0B9-4C60-9114-93ED0130F608}" dt="2026-03-04T10:02:10.080" v="3616" actId="165"/>
          <ac:spMkLst>
            <pc:docMk/>
            <pc:sldMk cId="1144328336" sldId="2147473482"/>
            <ac:spMk id="116" creationId="{67EF7BE3-2180-4C5D-0CF3-136D13B8398B}"/>
          </ac:spMkLst>
        </pc:spChg>
        <pc:spChg chg="mod">
          <ac:chgData name="Theis Ziegler" userId="1d0357a8-3efe-41fa-839c-7601d995f2eb" providerId="ADAL" clId="{DF415A0B-A0B9-4C60-9114-93ED0130F608}" dt="2026-03-04T10:02:10.080" v="3616" actId="165"/>
          <ac:spMkLst>
            <pc:docMk/>
            <pc:sldMk cId="1144328336" sldId="2147473482"/>
            <ac:spMk id="117" creationId="{7C867258-9D73-A0F9-F1C4-CF175B649713}"/>
          </ac:spMkLst>
        </pc:spChg>
        <pc:spChg chg="ord">
          <ac:chgData name="Theis Ziegler" userId="1d0357a8-3efe-41fa-839c-7601d995f2eb" providerId="ADAL" clId="{DF415A0B-A0B9-4C60-9114-93ED0130F608}" dt="2026-03-04T10:01:09.035" v="3605" actId="13244"/>
          <ac:spMkLst>
            <pc:docMk/>
            <pc:sldMk cId="1144328336" sldId="2147473482"/>
            <ac:spMk id="118" creationId="{BE9E6C82-AC47-1EE4-77E7-5C7C905FA195}"/>
          </ac:spMkLst>
        </pc:spChg>
        <pc:spChg chg="ord">
          <ac:chgData name="Theis Ziegler" userId="1d0357a8-3efe-41fa-839c-7601d995f2eb" providerId="ADAL" clId="{DF415A0B-A0B9-4C60-9114-93ED0130F608}" dt="2026-03-04T10:01:53.291" v="3615" actId="13244"/>
          <ac:spMkLst>
            <pc:docMk/>
            <pc:sldMk cId="1144328336" sldId="2147473482"/>
            <ac:spMk id="134" creationId="{55CB3C6C-C39B-F4AC-A897-53094A0BA339}"/>
          </ac:spMkLst>
        </pc:spChg>
        <pc:grpChg chg="ord">
          <ac:chgData name="Theis Ziegler" userId="1d0357a8-3efe-41fa-839c-7601d995f2eb" providerId="ADAL" clId="{DF415A0B-A0B9-4C60-9114-93ED0130F608}" dt="2026-03-04T10:01:13.138" v="3606" actId="13244"/>
          <ac:grpSpMkLst>
            <pc:docMk/>
            <pc:sldMk cId="1144328336" sldId="2147473482"/>
            <ac:grpSpMk id="9" creationId="{4CDB837B-F375-09B5-BB75-00F61A866D48}"/>
          </ac:grpSpMkLst>
        </pc:grpChg>
        <pc:grpChg chg="ord">
          <ac:chgData name="Theis Ziegler" userId="1d0357a8-3efe-41fa-839c-7601d995f2eb" providerId="ADAL" clId="{DF415A0B-A0B9-4C60-9114-93ED0130F608}" dt="2026-03-04T10:01:18.995" v="3607" actId="13244"/>
          <ac:grpSpMkLst>
            <pc:docMk/>
            <pc:sldMk cId="1144328336" sldId="2147473482"/>
            <ac:grpSpMk id="67" creationId="{D9611E99-4CED-7331-96E1-9DD70907BD18}"/>
          </ac:grpSpMkLst>
        </pc:grpChg>
        <pc:grpChg chg="ord">
          <ac:chgData name="Theis Ziegler" userId="1d0357a8-3efe-41fa-839c-7601d995f2eb" providerId="ADAL" clId="{DF415A0B-A0B9-4C60-9114-93ED0130F608}" dt="2026-03-04T10:01:18.995" v="3607" actId="13244"/>
          <ac:grpSpMkLst>
            <pc:docMk/>
            <pc:sldMk cId="1144328336" sldId="2147473482"/>
            <ac:grpSpMk id="78" creationId="{210B5930-346A-3F39-BCC7-2C452B7CABCA}"/>
          </ac:grpSpMkLst>
        </pc:grpChg>
        <pc:grpChg chg="ord">
          <ac:chgData name="Theis Ziegler" userId="1d0357a8-3efe-41fa-839c-7601d995f2eb" providerId="ADAL" clId="{DF415A0B-A0B9-4C60-9114-93ED0130F608}" dt="2026-03-04T10:01:18.995" v="3607" actId="13244"/>
          <ac:grpSpMkLst>
            <pc:docMk/>
            <pc:sldMk cId="1144328336" sldId="2147473482"/>
            <ac:grpSpMk id="90" creationId="{03BC8095-6A5C-A051-F88F-4757D4F88D73}"/>
          </ac:grpSpMkLst>
        </pc:grpChg>
        <pc:grpChg chg="mod">
          <ac:chgData name="Theis Ziegler" userId="1d0357a8-3efe-41fa-839c-7601d995f2eb" providerId="ADAL" clId="{DF415A0B-A0B9-4C60-9114-93ED0130F608}" dt="2026-03-04T10:02:12.360" v="3617" actId="962"/>
          <ac:grpSpMkLst>
            <pc:docMk/>
            <pc:sldMk cId="1144328336" sldId="2147473482"/>
            <ac:grpSpMk id="105" creationId="{F2CB980B-7842-2AA5-58E4-30938ABA31A0}"/>
          </ac:grpSpMkLst>
        </pc:grpChg>
        <pc:grpChg chg="mod">
          <ac:chgData name="Theis Ziegler" userId="1d0357a8-3efe-41fa-839c-7601d995f2eb" providerId="ADAL" clId="{DF415A0B-A0B9-4C60-9114-93ED0130F608}" dt="2026-03-04T10:02:12.985" v="3618" actId="962"/>
          <ac:grpSpMkLst>
            <pc:docMk/>
            <pc:sldMk cId="1144328336" sldId="2147473482"/>
            <ac:grpSpMk id="110" creationId="{357E2D4B-5819-D39E-6503-6C8E73640B0F}"/>
          </ac:grpSpMkLst>
        </pc:grpChg>
        <pc:grpChg chg="mod">
          <ac:chgData name="Theis Ziegler" userId="1d0357a8-3efe-41fa-839c-7601d995f2eb" providerId="ADAL" clId="{DF415A0B-A0B9-4C60-9114-93ED0130F608}" dt="2026-03-04T10:02:13.679" v="3619" actId="962"/>
          <ac:grpSpMkLst>
            <pc:docMk/>
            <pc:sldMk cId="1144328336" sldId="2147473482"/>
            <ac:grpSpMk id="115" creationId="{27574B1A-9CC4-97CA-818B-02ED1A04AB92}"/>
          </ac:grpSpMkLst>
        </pc:grpChg>
      </pc:sldChg>
      <pc:sldChg chg="delSp modSp mod">
        <pc:chgData name="Theis Ziegler" userId="1d0357a8-3efe-41fa-839c-7601d995f2eb" providerId="ADAL" clId="{DF415A0B-A0B9-4C60-9114-93ED0130F608}" dt="2026-03-04T10:05:23.064" v="3656" actId="962"/>
        <pc:sldMkLst>
          <pc:docMk/>
          <pc:sldMk cId="3782231130" sldId="2147473483"/>
        </pc:sldMkLst>
        <pc:spChg chg="ord">
          <ac:chgData name="Theis Ziegler" userId="1d0357a8-3efe-41fa-839c-7601d995f2eb" providerId="ADAL" clId="{DF415A0B-A0B9-4C60-9114-93ED0130F608}" dt="2026-03-04T10:04:32.908" v="3643" actId="13244"/>
          <ac:spMkLst>
            <pc:docMk/>
            <pc:sldMk cId="3782231130" sldId="2147473483"/>
            <ac:spMk id="5" creationId="{710128C1-E98C-95C0-5C2B-BA05F7ECE2F9}"/>
          </ac:spMkLst>
        </pc:spChg>
        <pc:spChg chg="ord">
          <ac:chgData name="Theis Ziegler" userId="1d0357a8-3efe-41fa-839c-7601d995f2eb" providerId="ADAL" clId="{DF415A0B-A0B9-4C60-9114-93ED0130F608}" dt="2026-03-04T10:04:11.436" v="3639" actId="13244"/>
          <ac:spMkLst>
            <pc:docMk/>
            <pc:sldMk cId="3782231130" sldId="2147473483"/>
            <ac:spMk id="8" creationId="{DD5908E4-E184-C8A1-E177-E2895522BB45}"/>
          </ac:spMkLst>
        </pc:spChg>
        <pc:spChg chg="mod topLvl">
          <ac:chgData name="Theis Ziegler" userId="1d0357a8-3efe-41fa-839c-7601d995f2eb" providerId="ADAL" clId="{DF415A0B-A0B9-4C60-9114-93ED0130F608}" dt="2026-03-04T10:04:58.921" v="3650" actId="962"/>
          <ac:spMkLst>
            <pc:docMk/>
            <pc:sldMk cId="3782231130" sldId="2147473483"/>
            <ac:spMk id="24" creationId="{0770F8A5-3293-2A3A-0860-9958646E719E}"/>
          </ac:spMkLst>
        </pc:spChg>
        <pc:spChg chg="mod topLvl">
          <ac:chgData name="Theis Ziegler" userId="1d0357a8-3efe-41fa-839c-7601d995f2eb" providerId="ADAL" clId="{DF415A0B-A0B9-4C60-9114-93ED0130F608}" dt="2026-03-04T10:04:58.921" v="3650" actId="962"/>
          <ac:spMkLst>
            <pc:docMk/>
            <pc:sldMk cId="3782231130" sldId="2147473483"/>
            <ac:spMk id="25" creationId="{6B122684-9A67-9FDE-43AC-0DB24F44B693}"/>
          </ac:spMkLst>
        </pc:spChg>
        <pc:spChg chg="mod topLvl">
          <ac:chgData name="Theis Ziegler" userId="1d0357a8-3efe-41fa-839c-7601d995f2eb" providerId="ADAL" clId="{DF415A0B-A0B9-4C60-9114-93ED0130F608}" dt="2026-03-04T10:05:03.236" v="3651" actId="962"/>
          <ac:spMkLst>
            <pc:docMk/>
            <pc:sldMk cId="3782231130" sldId="2147473483"/>
            <ac:spMk id="26" creationId="{42A6B553-C2DB-CCFA-F6F1-71F1B65EF7F8}"/>
          </ac:spMkLst>
        </pc:spChg>
        <pc:spChg chg="mod topLvl">
          <ac:chgData name="Theis Ziegler" userId="1d0357a8-3efe-41fa-839c-7601d995f2eb" providerId="ADAL" clId="{DF415A0B-A0B9-4C60-9114-93ED0130F608}" dt="2026-03-04T10:04:58.921" v="3650" actId="962"/>
          <ac:spMkLst>
            <pc:docMk/>
            <pc:sldMk cId="3782231130" sldId="2147473483"/>
            <ac:spMk id="33" creationId="{6425DA8F-6699-2329-F684-DA92A823F84A}"/>
          </ac:spMkLst>
        </pc:spChg>
        <pc:spChg chg="mod topLvl">
          <ac:chgData name="Theis Ziegler" userId="1d0357a8-3efe-41fa-839c-7601d995f2eb" providerId="ADAL" clId="{DF415A0B-A0B9-4C60-9114-93ED0130F608}" dt="2026-03-04T10:05:03.236" v="3651" actId="962"/>
          <ac:spMkLst>
            <pc:docMk/>
            <pc:sldMk cId="3782231130" sldId="2147473483"/>
            <ac:spMk id="34" creationId="{DAE8EC93-D021-B6F6-C496-AFEC60DDA0CB}"/>
          </ac:spMkLst>
        </pc:spChg>
        <pc:spChg chg="mod topLvl">
          <ac:chgData name="Theis Ziegler" userId="1d0357a8-3efe-41fa-839c-7601d995f2eb" providerId="ADAL" clId="{DF415A0B-A0B9-4C60-9114-93ED0130F608}" dt="2026-03-04T10:04:58.921" v="3650" actId="962"/>
          <ac:spMkLst>
            <pc:docMk/>
            <pc:sldMk cId="3782231130" sldId="2147473483"/>
            <ac:spMk id="36" creationId="{6EFCA723-6BD7-CCCC-7F7E-7429F68A021C}"/>
          </ac:spMkLst>
        </pc:spChg>
        <pc:spChg chg="mod">
          <ac:chgData name="Theis Ziegler" userId="1d0357a8-3efe-41fa-839c-7601d995f2eb" providerId="ADAL" clId="{DF415A0B-A0B9-4C60-9114-93ED0130F608}" dt="2026-03-04T10:04:16.676" v="3640" actId="962"/>
          <ac:spMkLst>
            <pc:docMk/>
            <pc:sldMk cId="3782231130" sldId="2147473483"/>
            <ac:spMk id="45" creationId="{8E21E81D-BBC9-5D5F-C891-CCE5DF6DC4AB}"/>
          </ac:spMkLst>
        </pc:spChg>
        <pc:spChg chg="mod">
          <ac:chgData name="Theis Ziegler" userId="1d0357a8-3efe-41fa-839c-7601d995f2eb" providerId="ADAL" clId="{DF415A0B-A0B9-4C60-9114-93ED0130F608}" dt="2026-03-04T10:04:08.545" v="3638" actId="13244"/>
          <ac:spMkLst>
            <pc:docMk/>
            <pc:sldMk cId="3782231130" sldId="2147473483"/>
            <ac:spMk id="66" creationId="{02176FFB-26AD-14FE-30B9-7D9D2292EF89}"/>
          </ac:spMkLst>
        </pc:spChg>
        <pc:spChg chg="ord">
          <ac:chgData name="Theis Ziegler" userId="1d0357a8-3efe-41fa-839c-7601d995f2eb" providerId="ADAL" clId="{DF415A0B-A0B9-4C60-9114-93ED0130F608}" dt="2026-03-04T10:04:39.695" v="3645" actId="13244"/>
          <ac:spMkLst>
            <pc:docMk/>
            <pc:sldMk cId="3782231130" sldId="2147473483"/>
            <ac:spMk id="77" creationId="{0A1436C3-5CCC-7B95-F57A-24D83E1C4808}"/>
          </ac:spMkLst>
        </pc:spChg>
        <pc:spChg chg="mod">
          <ac:chgData name="Theis Ziegler" userId="1d0357a8-3efe-41fa-839c-7601d995f2eb" providerId="ADAL" clId="{DF415A0B-A0B9-4C60-9114-93ED0130F608}" dt="2026-03-04T10:04:16.676" v="3640" actId="962"/>
          <ac:spMkLst>
            <pc:docMk/>
            <pc:sldMk cId="3782231130" sldId="2147473483"/>
            <ac:spMk id="84" creationId="{EB33F047-C5D0-9C72-FCA4-800795EA6727}"/>
          </ac:spMkLst>
        </pc:spChg>
        <pc:spChg chg="ord">
          <ac:chgData name="Theis Ziegler" userId="1d0357a8-3efe-41fa-839c-7601d995f2eb" providerId="ADAL" clId="{DF415A0B-A0B9-4C60-9114-93ED0130F608}" dt="2026-03-04T10:04:40.941" v="3646" actId="13244"/>
          <ac:spMkLst>
            <pc:docMk/>
            <pc:sldMk cId="3782231130" sldId="2147473483"/>
            <ac:spMk id="89" creationId="{7C713C54-C84A-E71A-F154-695E2DA492D6}"/>
          </ac:spMkLst>
        </pc:spChg>
        <pc:spChg chg="ord">
          <ac:chgData name="Theis Ziegler" userId="1d0357a8-3efe-41fa-839c-7601d995f2eb" providerId="ADAL" clId="{DF415A0B-A0B9-4C60-9114-93ED0130F608}" dt="2026-03-04T10:04:42.058" v="3647" actId="13244"/>
          <ac:spMkLst>
            <pc:docMk/>
            <pc:sldMk cId="3782231130" sldId="2147473483"/>
            <ac:spMk id="101" creationId="{63EF3BE7-3806-D06F-7DCF-1794E1CD84C2}"/>
          </ac:spMkLst>
        </pc:spChg>
        <pc:spChg chg="ord">
          <ac:chgData name="Theis Ziegler" userId="1d0357a8-3efe-41fa-839c-7601d995f2eb" providerId="ADAL" clId="{DF415A0B-A0B9-4C60-9114-93ED0130F608}" dt="2026-03-04T10:05:06.329" v="3652" actId="13244"/>
          <ac:spMkLst>
            <pc:docMk/>
            <pc:sldMk cId="3782231130" sldId="2147473483"/>
            <ac:spMk id="134" creationId="{D1DB2FBA-A097-96BE-18FF-BEEC919E404F}"/>
          </ac:spMkLst>
        </pc:spChg>
        <pc:spChg chg="mod topLvl">
          <ac:chgData name="Theis Ziegler" userId="1d0357a8-3efe-41fa-839c-7601d995f2eb" providerId="ADAL" clId="{DF415A0B-A0B9-4C60-9114-93ED0130F608}" dt="2026-03-04T10:05:16.939" v="3653" actId="165"/>
          <ac:spMkLst>
            <pc:docMk/>
            <pc:sldMk cId="3782231130" sldId="2147473483"/>
            <ac:spMk id="141" creationId="{CBD1C2BC-C12E-AA3C-351A-A6B3A58AADC5}"/>
          </ac:spMkLst>
        </pc:spChg>
        <pc:spChg chg="mod">
          <ac:chgData name="Theis Ziegler" userId="1d0357a8-3efe-41fa-839c-7601d995f2eb" providerId="ADAL" clId="{DF415A0B-A0B9-4C60-9114-93ED0130F608}" dt="2026-03-04T10:05:16.939" v="3653" actId="165"/>
          <ac:spMkLst>
            <pc:docMk/>
            <pc:sldMk cId="3782231130" sldId="2147473483"/>
            <ac:spMk id="143" creationId="{E432350E-529E-CF99-A8F1-C7AC6061F243}"/>
          </ac:spMkLst>
        </pc:spChg>
        <pc:spChg chg="mod">
          <ac:chgData name="Theis Ziegler" userId="1d0357a8-3efe-41fa-839c-7601d995f2eb" providerId="ADAL" clId="{DF415A0B-A0B9-4C60-9114-93ED0130F608}" dt="2026-03-04T10:05:16.939" v="3653" actId="165"/>
          <ac:spMkLst>
            <pc:docMk/>
            <pc:sldMk cId="3782231130" sldId="2147473483"/>
            <ac:spMk id="144" creationId="{2E0C0CEF-18FE-F0CD-B14C-3D7367077968}"/>
          </ac:spMkLst>
        </pc:spChg>
        <pc:spChg chg="mod topLvl">
          <ac:chgData name="Theis Ziegler" userId="1d0357a8-3efe-41fa-839c-7601d995f2eb" providerId="ADAL" clId="{DF415A0B-A0B9-4C60-9114-93ED0130F608}" dt="2026-03-04T10:05:16.939" v="3653" actId="165"/>
          <ac:spMkLst>
            <pc:docMk/>
            <pc:sldMk cId="3782231130" sldId="2147473483"/>
            <ac:spMk id="146" creationId="{AB19864B-15EF-AF20-883B-B22355274734}"/>
          </ac:spMkLst>
        </pc:spChg>
        <pc:spChg chg="mod">
          <ac:chgData name="Theis Ziegler" userId="1d0357a8-3efe-41fa-839c-7601d995f2eb" providerId="ADAL" clId="{DF415A0B-A0B9-4C60-9114-93ED0130F608}" dt="2026-03-04T10:05:16.939" v="3653" actId="165"/>
          <ac:spMkLst>
            <pc:docMk/>
            <pc:sldMk cId="3782231130" sldId="2147473483"/>
            <ac:spMk id="148" creationId="{621B716C-C6DB-FD81-A118-30C15CE78ED0}"/>
          </ac:spMkLst>
        </pc:spChg>
        <pc:spChg chg="mod">
          <ac:chgData name="Theis Ziegler" userId="1d0357a8-3efe-41fa-839c-7601d995f2eb" providerId="ADAL" clId="{DF415A0B-A0B9-4C60-9114-93ED0130F608}" dt="2026-03-04T10:05:16.939" v="3653" actId="165"/>
          <ac:spMkLst>
            <pc:docMk/>
            <pc:sldMk cId="3782231130" sldId="2147473483"/>
            <ac:spMk id="149" creationId="{2C114CB7-758F-A614-3D63-0AA254C0D57B}"/>
          </ac:spMkLst>
        </pc:spChg>
        <pc:spChg chg="mod topLvl">
          <ac:chgData name="Theis Ziegler" userId="1d0357a8-3efe-41fa-839c-7601d995f2eb" providerId="ADAL" clId="{DF415A0B-A0B9-4C60-9114-93ED0130F608}" dt="2026-03-04T10:05:16.939" v="3653" actId="165"/>
          <ac:spMkLst>
            <pc:docMk/>
            <pc:sldMk cId="3782231130" sldId="2147473483"/>
            <ac:spMk id="151" creationId="{35B99587-7489-E488-9B44-90DA73FFD8A2}"/>
          </ac:spMkLst>
        </pc:spChg>
        <pc:spChg chg="mod">
          <ac:chgData name="Theis Ziegler" userId="1d0357a8-3efe-41fa-839c-7601d995f2eb" providerId="ADAL" clId="{DF415A0B-A0B9-4C60-9114-93ED0130F608}" dt="2026-03-04T10:05:16.939" v="3653" actId="165"/>
          <ac:spMkLst>
            <pc:docMk/>
            <pc:sldMk cId="3782231130" sldId="2147473483"/>
            <ac:spMk id="153" creationId="{E92BD8DB-4A89-977A-43B2-16DC83D81022}"/>
          </ac:spMkLst>
        </pc:spChg>
        <pc:spChg chg="mod">
          <ac:chgData name="Theis Ziegler" userId="1d0357a8-3efe-41fa-839c-7601d995f2eb" providerId="ADAL" clId="{DF415A0B-A0B9-4C60-9114-93ED0130F608}" dt="2026-03-04T10:05:16.939" v="3653" actId="165"/>
          <ac:spMkLst>
            <pc:docMk/>
            <pc:sldMk cId="3782231130" sldId="2147473483"/>
            <ac:spMk id="154" creationId="{170891B5-3B74-05F1-0489-46849CD5DCDD}"/>
          </ac:spMkLst>
        </pc:spChg>
        <pc:spChg chg="ord">
          <ac:chgData name="Theis Ziegler" userId="1d0357a8-3efe-41fa-839c-7601d995f2eb" providerId="ADAL" clId="{DF415A0B-A0B9-4C60-9114-93ED0130F608}" dt="2026-03-04T10:04:22.087" v="3641" actId="13244"/>
          <ac:spMkLst>
            <pc:docMk/>
            <pc:sldMk cId="3782231130" sldId="2147473483"/>
            <ac:spMk id="155" creationId="{455DCFDB-99C2-B333-2A5B-B6D030310C9C}"/>
          </ac:spMkLst>
        </pc:spChg>
        <pc:grpChg chg="ord">
          <ac:chgData name="Theis Ziegler" userId="1d0357a8-3efe-41fa-839c-7601d995f2eb" providerId="ADAL" clId="{DF415A0B-A0B9-4C60-9114-93ED0130F608}" dt="2026-03-04T10:04:29.631" v="3642" actId="13244"/>
          <ac:grpSpMkLst>
            <pc:docMk/>
            <pc:sldMk cId="3782231130" sldId="2147473483"/>
            <ac:grpSpMk id="9" creationId="{6E5A6657-1361-F46A-A2D4-2BABF773FCE8}"/>
          </ac:grpSpMkLst>
        </pc:grpChg>
        <pc:grpChg chg="ord">
          <ac:chgData name="Theis Ziegler" userId="1d0357a8-3efe-41fa-839c-7601d995f2eb" providerId="ADAL" clId="{DF415A0B-A0B9-4C60-9114-93ED0130F608}" dt="2026-03-04T10:04:37.245" v="3644" actId="13244"/>
          <ac:grpSpMkLst>
            <pc:docMk/>
            <pc:sldMk cId="3782231130" sldId="2147473483"/>
            <ac:grpSpMk id="67" creationId="{2EDDB742-2565-F040-B908-C7D44CD605BF}"/>
          </ac:grpSpMkLst>
        </pc:grpChg>
        <pc:grpChg chg="ord">
          <ac:chgData name="Theis Ziegler" userId="1d0357a8-3efe-41fa-839c-7601d995f2eb" providerId="ADAL" clId="{DF415A0B-A0B9-4C60-9114-93ED0130F608}" dt="2026-03-04T10:04:37.245" v="3644" actId="13244"/>
          <ac:grpSpMkLst>
            <pc:docMk/>
            <pc:sldMk cId="3782231130" sldId="2147473483"/>
            <ac:grpSpMk id="78" creationId="{EDBA2F90-5916-0418-8155-CCC711F48453}"/>
          </ac:grpSpMkLst>
        </pc:grpChg>
        <pc:grpChg chg="ord">
          <ac:chgData name="Theis Ziegler" userId="1d0357a8-3efe-41fa-839c-7601d995f2eb" providerId="ADAL" clId="{DF415A0B-A0B9-4C60-9114-93ED0130F608}" dt="2026-03-04T10:04:37.245" v="3644" actId="13244"/>
          <ac:grpSpMkLst>
            <pc:docMk/>
            <pc:sldMk cId="3782231130" sldId="2147473483"/>
            <ac:grpSpMk id="90" creationId="{BE871777-FFD8-C57E-1FBC-E57397505A7E}"/>
          </ac:grpSpMkLst>
        </pc:grpChg>
        <pc:grpChg chg="mod">
          <ac:chgData name="Theis Ziegler" userId="1d0357a8-3efe-41fa-839c-7601d995f2eb" providerId="ADAL" clId="{DF415A0B-A0B9-4C60-9114-93ED0130F608}" dt="2026-03-04T10:05:21.575" v="3654" actId="962"/>
          <ac:grpSpMkLst>
            <pc:docMk/>
            <pc:sldMk cId="3782231130" sldId="2147473483"/>
            <ac:grpSpMk id="142" creationId="{DD66921B-6E62-B0D0-0812-682CB1A5CD98}"/>
          </ac:grpSpMkLst>
        </pc:grpChg>
        <pc:grpChg chg="mod">
          <ac:chgData name="Theis Ziegler" userId="1d0357a8-3efe-41fa-839c-7601d995f2eb" providerId="ADAL" clId="{DF415A0B-A0B9-4C60-9114-93ED0130F608}" dt="2026-03-04T10:05:22.425" v="3655" actId="962"/>
          <ac:grpSpMkLst>
            <pc:docMk/>
            <pc:sldMk cId="3782231130" sldId="2147473483"/>
            <ac:grpSpMk id="147" creationId="{B1194D39-C02B-C3CB-6919-D0ADC190D6CF}"/>
          </ac:grpSpMkLst>
        </pc:grpChg>
        <pc:grpChg chg="mod">
          <ac:chgData name="Theis Ziegler" userId="1d0357a8-3efe-41fa-839c-7601d995f2eb" providerId="ADAL" clId="{DF415A0B-A0B9-4C60-9114-93ED0130F608}" dt="2026-03-04T10:05:23.064" v="3656" actId="962"/>
          <ac:grpSpMkLst>
            <pc:docMk/>
            <pc:sldMk cId="3782231130" sldId="2147473483"/>
            <ac:grpSpMk id="152" creationId="{9F3AB806-43A6-4536-8FE4-AE55998B5EFD}"/>
          </ac:grpSpMkLst>
        </pc:grpChg>
      </pc:sldChg>
      <pc:sldChg chg="delSp modSp mod">
        <pc:chgData name="Theis Ziegler" userId="1d0357a8-3efe-41fa-839c-7601d995f2eb" providerId="ADAL" clId="{DF415A0B-A0B9-4C60-9114-93ED0130F608}" dt="2026-03-04T10:06:55.003" v="3676" actId="962"/>
        <pc:sldMkLst>
          <pc:docMk/>
          <pc:sldMk cId="31573787" sldId="2147473484"/>
        </pc:sldMkLst>
        <pc:spChg chg="ord">
          <ac:chgData name="Theis Ziegler" userId="1d0357a8-3efe-41fa-839c-7601d995f2eb" providerId="ADAL" clId="{DF415A0B-A0B9-4C60-9114-93ED0130F608}" dt="2026-03-04T10:06:06.099" v="3664" actId="13244"/>
          <ac:spMkLst>
            <pc:docMk/>
            <pc:sldMk cId="31573787" sldId="2147473484"/>
            <ac:spMk id="5" creationId="{3A6EC043-D3E9-A794-8656-C1BABF377926}"/>
          </ac:spMkLst>
        </pc:spChg>
        <pc:spChg chg="mod ord">
          <ac:chgData name="Theis Ziegler" userId="1d0357a8-3efe-41fa-839c-7601d995f2eb" providerId="ADAL" clId="{DF415A0B-A0B9-4C60-9114-93ED0130F608}" dt="2026-03-04T10:05:38.795" v="3660" actId="13244"/>
          <ac:spMkLst>
            <pc:docMk/>
            <pc:sldMk cId="31573787" sldId="2147473484"/>
            <ac:spMk id="8" creationId="{6545F5FE-E594-66CA-C81B-65DDE3A3F9BD}"/>
          </ac:spMkLst>
        </pc:spChg>
        <pc:spChg chg="mod topLvl">
          <ac:chgData name="Theis Ziegler" userId="1d0357a8-3efe-41fa-839c-7601d995f2eb" providerId="ADAL" clId="{DF415A0B-A0B9-4C60-9114-93ED0130F608}" dt="2026-03-04T10:06:31.793" v="3670" actId="962"/>
          <ac:spMkLst>
            <pc:docMk/>
            <pc:sldMk cId="31573787" sldId="2147473484"/>
            <ac:spMk id="24" creationId="{7E155C60-EDAF-BE60-3C80-7267319B3564}"/>
          </ac:spMkLst>
        </pc:spChg>
        <pc:spChg chg="mod topLvl">
          <ac:chgData name="Theis Ziegler" userId="1d0357a8-3efe-41fa-839c-7601d995f2eb" providerId="ADAL" clId="{DF415A0B-A0B9-4C60-9114-93ED0130F608}" dt="2026-03-04T10:06:31.793" v="3670" actId="962"/>
          <ac:spMkLst>
            <pc:docMk/>
            <pc:sldMk cId="31573787" sldId="2147473484"/>
            <ac:spMk id="25" creationId="{949C42BB-DE45-2FA6-A5D7-3ECC62C3AC0A}"/>
          </ac:spMkLst>
        </pc:spChg>
        <pc:spChg chg="mod topLvl">
          <ac:chgData name="Theis Ziegler" userId="1d0357a8-3efe-41fa-839c-7601d995f2eb" providerId="ADAL" clId="{DF415A0B-A0B9-4C60-9114-93ED0130F608}" dt="2026-03-04T10:06:36.481" v="3671" actId="962"/>
          <ac:spMkLst>
            <pc:docMk/>
            <pc:sldMk cId="31573787" sldId="2147473484"/>
            <ac:spMk id="26" creationId="{35168CA8-A757-4128-3153-6BFD47C144D4}"/>
          </ac:spMkLst>
        </pc:spChg>
        <pc:spChg chg="mod topLvl">
          <ac:chgData name="Theis Ziegler" userId="1d0357a8-3efe-41fa-839c-7601d995f2eb" providerId="ADAL" clId="{DF415A0B-A0B9-4C60-9114-93ED0130F608}" dt="2026-03-04T10:06:31.793" v="3670" actId="962"/>
          <ac:spMkLst>
            <pc:docMk/>
            <pc:sldMk cId="31573787" sldId="2147473484"/>
            <ac:spMk id="27" creationId="{BAFFD8B0-3E0E-B0BA-A69A-E3B8A1CD0D4E}"/>
          </ac:spMkLst>
        </pc:spChg>
        <pc:spChg chg="mod">
          <ac:chgData name="Theis Ziegler" userId="1d0357a8-3efe-41fa-839c-7601d995f2eb" providerId="ADAL" clId="{DF415A0B-A0B9-4C60-9114-93ED0130F608}" dt="2026-03-04T10:06:36.481" v="3671" actId="962"/>
          <ac:spMkLst>
            <pc:docMk/>
            <pc:sldMk cId="31573787" sldId="2147473484"/>
            <ac:spMk id="28" creationId="{42589F91-6846-782A-451B-137AA59D776A}"/>
          </ac:spMkLst>
        </pc:spChg>
        <pc:spChg chg="mod topLvl">
          <ac:chgData name="Theis Ziegler" userId="1d0357a8-3efe-41fa-839c-7601d995f2eb" providerId="ADAL" clId="{DF415A0B-A0B9-4C60-9114-93ED0130F608}" dt="2026-03-04T10:06:31.793" v="3670" actId="962"/>
          <ac:spMkLst>
            <pc:docMk/>
            <pc:sldMk cId="31573787" sldId="2147473484"/>
            <ac:spMk id="30" creationId="{AD2F351B-B0CA-6723-5C6D-AE24EDA05ACA}"/>
          </ac:spMkLst>
        </pc:spChg>
        <pc:spChg chg="mod">
          <ac:chgData name="Theis Ziegler" userId="1d0357a8-3efe-41fa-839c-7601d995f2eb" providerId="ADAL" clId="{DF415A0B-A0B9-4C60-9114-93ED0130F608}" dt="2026-03-04T10:06:36.481" v="3671" actId="962"/>
          <ac:spMkLst>
            <pc:docMk/>
            <pc:sldMk cId="31573787" sldId="2147473484"/>
            <ac:spMk id="31" creationId="{47B9ED65-374C-E97A-74CA-606E789FCBFB}"/>
          </ac:spMkLst>
        </pc:spChg>
        <pc:spChg chg="mod">
          <ac:chgData name="Theis Ziegler" userId="1d0357a8-3efe-41fa-839c-7601d995f2eb" providerId="ADAL" clId="{DF415A0B-A0B9-4C60-9114-93ED0130F608}" dt="2026-03-04T10:06:31.793" v="3670" actId="962"/>
          <ac:spMkLst>
            <pc:docMk/>
            <pc:sldMk cId="31573787" sldId="2147473484"/>
            <ac:spMk id="32" creationId="{AF8854D5-C7FE-5D0D-2DA0-57E465C44D34}"/>
          </ac:spMkLst>
        </pc:spChg>
        <pc:spChg chg="mod topLvl">
          <ac:chgData name="Theis Ziegler" userId="1d0357a8-3efe-41fa-839c-7601d995f2eb" providerId="ADAL" clId="{DF415A0B-A0B9-4C60-9114-93ED0130F608}" dt="2026-03-04T10:06:31.793" v="3670" actId="962"/>
          <ac:spMkLst>
            <pc:docMk/>
            <pc:sldMk cId="31573787" sldId="2147473484"/>
            <ac:spMk id="33" creationId="{1F619F8F-B4A9-4387-8AA5-77E405A696B3}"/>
          </ac:spMkLst>
        </pc:spChg>
        <pc:spChg chg="mod">
          <ac:chgData name="Theis Ziegler" userId="1d0357a8-3efe-41fa-839c-7601d995f2eb" providerId="ADAL" clId="{DF415A0B-A0B9-4C60-9114-93ED0130F608}" dt="2026-03-04T10:06:36.481" v="3671" actId="962"/>
          <ac:spMkLst>
            <pc:docMk/>
            <pc:sldMk cId="31573787" sldId="2147473484"/>
            <ac:spMk id="34" creationId="{E7C4364F-88DB-4544-4E9E-BFD26DE618F6}"/>
          </ac:spMkLst>
        </pc:spChg>
        <pc:spChg chg="mod topLvl">
          <ac:chgData name="Theis Ziegler" userId="1d0357a8-3efe-41fa-839c-7601d995f2eb" providerId="ADAL" clId="{DF415A0B-A0B9-4C60-9114-93ED0130F608}" dt="2026-03-04T10:06:27.083" v="3669" actId="165"/>
          <ac:spMkLst>
            <pc:docMk/>
            <pc:sldMk cId="31573787" sldId="2147473484"/>
            <ac:spMk id="36" creationId="{01C0A008-C135-4C0D-9EB4-0D051B7E1FA5}"/>
          </ac:spMkLst>
        </pc:spChg>
        <pc:spChg chg="mod">
          <ac:chgData name="Theis Ziegler" userId="1d0357a8-3efe-41fa-839c-7601d995f2eb" providerId="ADAL" clId="{DF415A0B-A0B9-4C60-9114-93ED0130F608}" dt="2026-03-04T10:06:27.083" v="3669" actId="165"/>
          <ac:spMkLst>
            <pc:docMk/>
            <pc:sldMk cId="31573787" sldId="2147473484"/>
            <ac:spMk id="39" creationId="{0DA40372-4EF9-58AB-9B73-612B828150B2}"/>
          </ac:spMkLst>
        </pc:spChg>
        <pc:spChg chg="mod">
          <ac:chgData name="Theis Ziegler" userId="1d0357a8-3efe-41fa-839c-7601d995f2eb" providerId="ADAL" clId="{DF415A0B-A0B9-4C60-9114-93ED0130F608}" dt="2026-03-04T10:05:44.440" v="3661" actId="962"/>
          <ac:spMkLst>
            <pc:docMk/>
            <pc:sldMk cId="31573787" sldId="2147473484"/>
            <ac:spMk id="45" creationId="{BFFA3B8F-380A-4B1B-C497-67FACD7F55AC}"/>
          </ac:spMkLst>
        </pc:spChg>
        <pc:spChg chg="mod">
          <ac:chgData name="Theis Ziegler" userId="1d0357a8-3efe-41fa-839c-7601d995f2eb" providerId="ADAL" clId="{DF415A0B-A0B9-4C60-9114-93ED0130F608}" dt="2026-03-04T10:06:27.083" v="3669" actId="165"/>
          <ac:spMkLst>
            <pc:docMk/>
            <pc:sldMk cId="31573787" sldId="2147473484"/>
            <ac:spMk id="58" creationId="{4BB60330-AF19-2F29-6B9E-3D995FB420E9}"/>
          </ac:spMkLst>
        </pc:spChg>
        <pc:spChg chg="mod">
          <ac:chgData name="Theis Ziegler" userId="1d0357a8-3efe-41fa-839c-7601d995f2eb" providerId="ADAL" clId="{DF415A0B-A0B9-4C60-9114-93ED0130F608}" dt="2026-03-04T10:06:27.083" v="3669" actId="165"/>
          <ac:spMkLst>
            <pc:docMk/>
            <pc:sldMk cId="31573787" sldId="2147473484"/>
            <ac:spMk id="59" creationId="{053EE80F-4E44-0AD6-6AB7-3B794D9CFD9A}"/>
          </ac:spMkLst>
        </pc:spChg>
        <pc:spChg chg="mod ord">
          <ac:chgData name="Theis Ziegler" userId="1d0357a8-3efe-41fa-839c-7601d995f2eb" providerId="ADAL" clId="{DF415A0B-A0B9-4C60-9114-93ED0130F608}" dt="2026-03-04T10:06:14.830" v="3666" actId="962"/>
          <ac:spMkLst>
            <pc:docMk/>
            <pc:sldMk cId="31573787" sldId="2147473484"/>
            <ac:spMk id="69" creationId="{EE271C2E-57CC-B9C8-5703-9D9F7AAF65B4}"/>
          </ac:spMkLst>
        </pc:spChg>
        <pc:spChg chg="mod ord">
          <ac:chgData name="Theis Ziegler" userId="1d0357a8-3efe-41fa-839c-7601d995f2eb" providerId="ADAL" clId="{DF415A0B-A0B9-4C60-9114-93ED0130F608}" dt="2026-03-04T10:06:17.059" v="3667" actId="962"/>
          <ac:spMkLst>
            <pc:docMk/>
            <pc:sldMk cId="31573787" sldId="2147473484"/>
            <ac:spMk id="71" creationId="{49B91FAE-DDDE-F703-CFBD-3BE51C4466D1}"/>
          </ac:spMkLst>
        </pc:spChg>
        <pc:spChg chg="mod ord">
          <ac:chgData name="Theis Ziegler" userId="1d0357a8-3efe-41fa-839c-7601d995f2eb" providerId="ADAL" clId="{DF415A0B-A0B9-4C60-9114-93ED0130F608}" dt="2026-03-04T10:06:18.958" v="3668" actId="962"/>
          <ac:spMkLst>
            <pc:docMk/>
            <pc:sldMk cId="31573787" sldId="2147473484"/>
            <ac:spMk id="73" creationId="{9F0B21D1-E3A5-18C6-D72E-9FEBBD39FD16}"/>
          </ac:spMkLst>
        </pc:spChg>
        <pc:spChg chg="mod">
          <ac:chgData name="Theis Ziegler" userId="1d0357a8-3efe-41fa-839c-7601d995f2eb" providerId="ADAL" clId="{DF415A0B-A0B9-4C60-9114-93ED0130F608}" dt="2026-03-04T10:05:44.440" v="3661" actId="962"/>
          <ac:spMkLst>
            <pc:docMk/>
            <pc:sldMk cId="31573787" sldId="2147473484"/>
            <ac:spMk id="84" creationId="{79FDCA2E-AC82-5220-B9E7-E70099C07B2F}"/>
          </ac:spMkLst>
        </pc:spChg>
        <pc:spChg chg="mod">
          <ac:chgData name="Theis Ziegler" userId="1d0357a8-3efe-41fa-839c-7601d995f2eb" providerId="ADAL" clId="{DF415A0B-A0B9-4C60-9114-93ED0130F608}" dt="2026-03-04T10:05:35.548" v="3659" actId="13244"/>
          <ac:spMkLst>
            <pc:docMk/>
            <pc:sldMk cId="31573787" sldId="2147473484"/>
            <ac:spMk id="104" creationId="{4D4B7666-3379-C4A8-A488-3DED58F23D80}"/>
          </ac:spMkLst>
        </pc:spChg>
        <pc:spChg chg="mod topLvl">
          <ac:chgData name="Theis Ziegler" userId="1d0357a8-3efe-41fa-839c-7601d995f2eb" providerId="ADAL" clId="{DF415A0B-A0B9-4C60-9114-93ED0130F608}" dt="2026-03-04T10:06:49.977" v="3673" actId="165"/>
          <ac:spMkLst>
            <pc:docMk/>
            <pc:sldMk cId="31573787" sldId="2147473484"/>
            <ac:spMk id="108" creationId="{076521C5-D476-B58D-F7E6-35B4F6EDFEF3}"/>
          </ac:spMkLst>
        </pc:spChg>
        <pc:spChg chg="mod">
          <ac:chgData name="Theis Ziegler" userId="1d0357a8-3efe-41fa-839c-7601d995f2eb" providerId="ADAL" clId="{DF415A0B-A0B9-4C60-9114-93ED0130F608}" dt="2026-03-04T10:06:49.977" v="3673" actId="165"/>
          <ac:spMkLst>
            <pc:docMk/>
            <pc:sldMk cId="31573787" sldId="2147473484"/>
            <ac:spMk id="110" creationId="{4711CCBD-8301-D712-6631-E5305CA77741}"/>
          </ac:spMkLst>
        </pc:spChg>
        <pc:spChg chg="mod">
          <ac:chgData name="Theis Ziegler" userId="1d0357a8-3efe-41fa-839c-7601d995f2eb" providerId="ADAL" clId="{DF415A0B-A0B9-4C60-9114-93ED0130F608}" dt="2026-03-04T10:06:49.977" v="3673" actId="165"/>
          <ac:spMkLst>
            <pc:docMk/>
            <pc:sldMk cId="31573787" sldId="2147473484"/>
            <ac:spMk id="111" creationId="{F2C17BAE-951A-495E-6A45-8D17BCEAC30C}"/>
          </ac:spMkLst>
        </pc:spChg>
        <pc:spChg chg="mod topLvl">
          <ac:chgData name="Theis Ziegler" userId="1d0357a8-3efe-41fa-839c-7601d995f2eb" providerId="ADAL" clId="{DF415A0B-A0B9-4C60-9114-93ED0130F608}" dt="2026-03-04T10:06:49.977" v="3673" actId="165"/>
          <ac:spMkLst>
            <pc:docMk/>
            <pc:sldMk cId="31573787" sldId="2147473484"/>
            <ac:spMk id="113" creationId="{76C2BB3D-FBEB-BE36-A5AA-40345B00B734}"/>
          </ac:spMkLst>
        </pc:spChg>
        <pc:spChg chg="mod">
          <ac:chgData name="Theis Ziegler" userId="1d0357a8-3efe-41fa-839c-7601d995f2eb" providerId="ADAL" clId="{DF415A0B-A0B9-4C60-9114-93ED0130F608}" dt="2026-03-04T10:06:49.977" v="3673" actId="165"/>
          <ac:spMkLst>
            <pc:docMk/>
            <pc:sldMk cId="31573787" sldId="2147473484"/>
            <ac:spMk id="115" creationId="{520E69E8-6C46-944B-3606-A94374518AF5}"/>
          </ac:spMkLst>
        </pc:spChg>
        <pc:spChg chg="mod">
          <ac:chgData name="Theis Ziegler" userId="1d0357a8-3efe-41fa-839c-7601d995f2eb" providerId="ADAL" clId="{DF415A0B-A0B9-4C60-9114-93ED0130F608}" dt="2026-03-04T10:06:49.977" v="3673" actId="165"/>
          <ac:spMkLst>
            <pc:docMk/>
            <pc:sldMk cId="31573787" sldId="2147473484"/>
            <ac:spMk id="116" creationId="{AA902532-EF70-9B52-178A-E9DD383C7DE7}"/>
          </ac:spMkLst>
        </pc:spChg>
        <pc:spChg chg="mod topLvl">
          <ac:chgData name="Theis Ziegler" userId="1d0357a8-3efe-41fa-839c-7601d995f2eb" providerId="ADAL" clId="{DF415A0B-A0B9-4C60-9114-93ED0130F608}" dt="2026-03-04T10:06:49.977" v="3673" actId="165"/>
          <ac:spMkLst>
            <pc:docMk/>
            <pc:sldMk cId="31573787" sldId="2147473484"/>
            <ac:spMk id="118" creationId="{FD1D8F8C-D0B6-002A-318C-A9AE6D675A37}"/>
          </ac:spMkLst>
        </pc:spChg>
        <pc:spChg chg="mod">
          <ac:chgData name="Theis Ziegler" userId="1d0357a8-3efe-41fa-839c-7601d995f2eb" providerId="ADAL" clId="{DF415A0B-A0B9-4C60-9114-93ED0130F608}" dt="2026-03-04T10:06:49.977" v="3673" actId="165"/>
          <ac:spMkLst>
            <pc:docMk/>
            <pc:sldMk cId="31573787" sldId="2147473484"/>
            <ac:spMk id="120" creationId="{E45CCE54-5DCF-04CE-F5F3-AA2659BB98F7}"/>
          </ac:spMkLst>
        </pc:spChg>
        <pc:spChg chg="mod">
          <ac:chgData name="Theis Ziegler" userId="1d0357a8-3efe-41fa-839c-7601d995f2eb" providerId="ADAL" clId="{DF415A0B-A0B9-4C60-9114-93ED0130F608}" dt="2026-03-04T10:06:49.977" v="3673" actId="165"/>
          <ac:spMkLst>
            <pc:docMk/>
            <pc:sldMk cId="31573787" sldId="2147473484"/>
            <ac:spMk id="121" creationId="{DB8DAFDC-4860-5B13-24AC-0DFF4D9247CA}"/>
          </ac:spMkLst>
        </pc:spChg>
        <pc:spChg chg="ord">
          <ac:chgData name="Theis Ziegler" userId="1d0357a8-3efe-41fa-839c-7601d995f2eb" providerId="ADAL" clId="{DF415A0B-A0B9-4C60-9114-93ED0130F608}" dt="2026-03-04T10:06:01.923" v="3662" actId="13244"/>
          <ac:spMkLst>
            <pc:docMk/>
            <pc:sldMk cId="31573787" sldId="2147473484"/>
            <ac:spMk id="123" creationId="{090EF14E-C882-8A45-1C19-593AABE2C9B8}"/>
          </ac:spMkLst>
        </pc:spChg>
        <pc:spChg chg="ord">
          <ac:chgData name="Theis Ziegler" userId="1d0357a8-3efe-41fa-839c-7601d995f2eb" providerId="ADAL" clId="{DF415A0B-A0B9-4C60-9114-93ED0130F608}" dt="2026-03-04T10:06:41.107" v="3672" actId="13244"/>
          <ac:spMkLst>
            <pc:docMk/>
            <pc:sldMk cId="31573787" sldId="2147473484"/>
            <ac:spMk id="134" creationId="{D197A202-7CF0-89C5-2F3F-61AA076FDCFC}"/>
          </ac:spMkLst>
        </pc:spChg>
        <pc:grpChg chg="ord">
          <ac:chgData name="Theis Ziegler" userId="1d0357a8-3efe-41fa-839c-7601d995f2eb" providerId="ADAL" clId="{DF415A0B-A0B9-4C60-9114-93ED0130F608}" dt="2026-03-04T10:06:04.252" v="3663" actId="13244"/>
          <ac:grpSpMkLst>
            <pc:docMk/>
            <pc:sldMk cId="31573787" sldId="2147473484"/>
            <ac:grpSpMk id="9" creationId="{1CC1A31E-001E-2BE0-958E-98FC0466901F}"/>
          </ac:grpSpMkLst>
        </pc:grpChg>
        <pc:grpChg chg="ord">
          <ac:chgData name="Theis Ziegler" userId="1d0357a8-3efe-41fa-839c-7601d995f2eb" providerId="ADAL" clId="{DF415A0B-A0B9-4C60-9114-93ED0130F608}" dt="2026-03-04T10:06:11.882" v="3665" actId="13244"/>
          <ac:grpSpMkLst>
            <pc:docMk/>
            <pc:sldMk cId="31573787" sldId="2147473484"/>
            <ac:grpSpMk id="68" creationId="{B0022A39-32FB-9322-5017-3C5AF85EA23C}"/>
          </ac:grpSpMkLst>
        </pc:grpChg>
        <pc:grpChg chg="ord">
          <ac:chgData name="Theis Ziegler" userId="1d0357a8-3efe-41fa-839c-7601d995f2eb" providerId="ADAL" clId="{DF415A0B-A0B9-4C60-9114-93ED0130F608}" dt="2026-03-04T10:06:11.882" v="3665" actId="13244"/>
          <ac:grpSpMkLst>
            <pc:docMk/>
            <pc:sldMk cId="31573787" sldId="2147473484"/>
            <ac:grpSpMk id="70" creationId="{F0898965-0189-DDCE-8863-00A9A7ADC142}"/>
          </ac:grpSpMkLst>
        </pc:grpChg>
        <pc:grpChg chg="ord">
          <ac:chgData name="Theis Ziegler" userId="1d0357a8-3efe-41fa-839c-7601d995f2eb" providerId="ADAL" clId="{DF415A0B-A0B9-4C60-9114-93ED0130F608}" dt="2026-03-04T10:06:11.882" v="3665" actId="13244"/>
          <ac:grpSpMkLst>
            <pc:docMk/>
            <pc:sldMk cId="31573787" sldId="2147473484"/>
            <ac:grpSpMk id="72" creationId="{2794BB50-8747-7DDC-CE40-AE0CD2A6B96B}"/>
          </ac:grpSpMkLst>
        </pc:grpChg>
        <pc:grpChg chg="mod topLvl">
          <ac:chgData name="Theis Ziegler" userId="1d0357a8-3efe-41fa-839c-7601d995f2eb" providerId="ADAL" clId="{DF415A0B-A0B9-4C60-9114-93ED0130F608}" dt="2026-03-04T10:06:53.177" v="3674" actId="962"/>
          <ac:grpSpMkLst>
            <pc:docMk/>
            <pc:sldMk cId="31573787" sldId="2147473484"/>
            <ac:grpSpMk id="109" creationId="{112524B8-FA42-7AFA-E118-4694E9EBA45D}"/>
          </ac:grpSpMkLst>
        </pc:grpChg>
        <pc:grpChg chg="mod">
          <ac:chgData name="Theis Ziegler" userId="1d0357a8-3efe-41fa-839c-7601d995f2eb" providerId="ADAL" clId="{DF415A0B-A0B9-4C60-9114-93ED0130F608}" dt="2026-03-04T10:06:54.207" v="3675" actId="962"/>
          <ac:grpSpMkLst>
            <pc:docMk/>
            <pc:sldMk cId="31573787" sldId="2147473484"/>
            <ac:grpSpMk id="114" creationId="{130CFB42-01C7-1D32-C2C8-3C4734EA6B6A}"/>
          </ac:grpSpMkLst>
        </pc:grpChg>
        <pc:grpChg chg="mod">
          <ac:chgData name="Theis Ziegler" userId="1d0357a8-3efe-41fa-839c-7601d995f2eb" providerId="ADAL" clId="{DF415A0B-A0B9-4C60-9114-93ED0130F608}" dt="2026-03-04T10:06:55.003" v="3676" actId="962"/>
          <ac:grpSpMkLst>
            <pc:docMk/>
            <pc:sldMk cId="31573787" sldId="2147473484"/>
            <ac:grpSpMk id="119" creationId="{1CF3CBD6-D899-0294-4C3B-B8D33F278EDC}"/>
          </ac:grpSpMkLst>
        </pc:grpChg>
      </pc:sldChg>
      <pc:sldChg chg="delSp modSp mod">
        <pc:chgData name="Theis Ziegler" userId="1d0357a8-3efe-41fa-839c-7601d995f2eb" providerId="ADAL" clId="{DF415A0B-A0B9-4C60-9114-93ED0130F608}" dt="2026-03-04T10:09:05.100" v="3696" actId="13244"/>
        <pc:sldMkLst>
          <pc:docMk/>
          <pc:sldMk cId="2719341977" sldId="2147473485"/>
        </pc:sldMkLst>
        <pc:spChg chg="ord">
          <ac:chgData name="Theis Ziegler" userId="1d0357a8-3efe-41fa-839c-7601d995f2eb" providerId="ADAL" clId="{DF415A0B-A0B9-4C60-9114-93ED0130F608}" dt="2026-03-04T10:09:05.100" v="3696" actId="13244"/>
          <ac:spMkLst>
            <pc:docMk/>
            <pc:sldMk cId="2719341977" sldId="2147473485"/>
            <ac:spMk id="5" creationId="{E4738788-7169-1F0D-F214-275E3A17C0B0}"/>
          </ac:spMkLst>
        </pc:spChg>
        <pc:spChg chg="ord">
          <ac:chgData name="Theis Ziegler" userId="1d0357a8-3efe-41fa-839c-7601d995f2eb" providerId="ADAL" clId="{DF415A0B-A0B9-4C60-9114-93ED0130F608}" dt="2026-03-04T10:07:21.447" v="3678" actId="13244"/>
          <ac:spMkLst>
            <pc:docMk/>
            <pc:sldMk cId="2719341977" sldId="2147473485"/>
            <ac:spMk id="8" creationId="{4A872B23-2BB4-F72F-A791-C6543FF3D62F}"/>
          </ac:spMkLst>
        </pc:spChg>
        <pc:spChg chg="mod topLvl">
          <ac:chgData name="Theis Ziegler" userId="1d0357a8-3efe-41fa-839c-7601d995f2eb" providerId="ADAL" clId="{DF415A0B-A0B9-4C60-9114-93ED0130F608}" dt="2026-03-04T10:08:19.336" v="3688" actId="962"/>
          <ac:spMkLst>
            <pc:docMk/>
            <pc:sldMk cId="2719341977" sldId="2147473485"/>
            <ac:spMk id="24" creationId="{E3C51534-448F-28B3-627F-F886C4B3CFDD}"/>
          </ac:spMkLst>
        </pc:spChg>
        <pc:spChg chg="mod topLvl">
          <ac:chgData name="Theis Ziegler" userId="1d0357a8-3efe-41fa-839c-7601d995f2eb" providerId="ADAL" clId="{DF415A0B-A0B9-4C60-9114-93ED0130F608}" dt="2026-03-04T10:08:19.336" v="3688" actId="962"/>
          <ac:spMkLst>
            <pc:docMk/>
            <pc:sldMk cId="2719341977" sldId="2147473485"/>
            <ac:spMk id="25" creationId="{A441F9FA-7F46-6EF4-48D8-6B48DD7FAC03}"/>
          </ac:spMkLst>
        </pc:spChg>
        <pc:spChg chg="mod">
          <ac:chgData name="Theis Ziegler" userId="1d0357a8-3efe-41fa-839c-7601d995f2eb" providerId="ADAL" clId="{DF415A0B-A0B9-4C60-9114-93ED0130F608}" dt="2026-03-04T10:08:26.644" v="3689" actId="962"/>
          <ac:spMkLst>
            <pc:docMk/>
            <pc:sldMk cId="2719341977" sldId="2147473485"/>
            <ac:spMk id="26" creationId="{0F4B570B-983B-B2DE-1BA7-91E4BFEA4C81}"/>
          </ac:spMkLst>
        </pc:spChg>
        <pc:spChg chg="mod">
          <ac:chgData name="Theis Ziegler" userId="1d0357a8-3efe-41fa-839c-7601d995f2eb" providerId="ADAL" clId="{DF415A0B-A0B9-4C60-9114-93ED0130F608}" dt="2026-03-04T10:08:19.336" v="3688" actId="962"/>
          <ac:spMkLst>
            <pc:docMk/>
            <pc:sldMk cId="2719341977" sldId="2147473485"/>
            <ac:spMk id="27" creationId="{AF2585DC-8E46-856B-0B1A-079CBDF09747}"/>
          </ac:spMkLst>
        </pc:spChg>
        <pc:spChg chg="mod">
          <ac:chgData name="Theis Ziegler" userId="1d0357a8-3efe-41fa-839c-7601d995f2eb" providerId="ADAL" clId="{DF415A0B-A0B9-4C60-9114-93ED0130F608}" dt="2026-03-04T10:08:26.644" v="3689" actId="962"/>
          <ac:spMkLst>
            <pc:docMk/>
            <pc:sldMk cId="2719341977" sldId="2147473485"/>
            <ac:spMk id="28" creationId="{539371B2-A6B7-FBCE-21E9-D318702458A6}"/>
          </ac:spMkLst>
        </pc:spChg>
        <pc:spChg chg="mod topLvl">
          <ac:chgData name="Theis Ziegler" userId="1d0357a8-3efe-41fa-839c-7601d995f2eb" providerId="ADAL" clId="{DF415A0B-A0B9-4C60-9114-93ED0130F608}" dt="2026-03-04T10:08:19.336" v="3688" actId="962"/>
          <ac:spMkLst>
            <pc:docMk/>
            <pc:sldMk cId="2719341977" sldId="2147473485"/>
            <ac:spMk id="30" creationId="{49DFBA00-AE5A-9EF4-1E05-86340C03BFD5}"/>
          </ac:spMkLst>
        </pc:spChg>
        <pc:spChg chg="mod topLvl">
          <ac:chgData name="Theis Ziegler" userId="1d0357a8-3efe-41fa-839c-7601d995f2eb" providerId="ADAL" clId="{DF415A0B-A0B9-4C60-9114-93ED0130F608}" dt="2026-03-04T10:08:26.644" v="3689" actId="962"/>
          <ac:spMkLst>
            <pc:docMk/>
            <pc:sldMk cId="2719341977" sldId="2147473485"/>
            <ac:spMk id="31" creationId="{DB43011D-0057-1C69-FD75-6680FB81877C}"/>
          </ac:spMkLst>
        </pc:spChg>
        <pc:spChg chg="mod topLvl">
          <ac:chgData name="Theis Ziegler" userId="1d0357a8-3efe-41fa-839c-7601d995f2eb" providerId="ADAL" clId="{DF415A0B-A0B9-4C60-9114-93ED0130F608}" dt="2026-03-04T10:08:19.336" v="3688" actId="962"/>
          <ac:spMkLst>
            <pc:docMk/>
            <pc:sldMk cId="2719341977" sldId="2147473485"/>
            <ac:spMk id="32" creationId="{6541C802-49E2-B0F6-E2EC-B5CBD5B53E9C}"/>
          </ac:spMkLst>
        </pc:spChg>
        <pc:spChg chg="mod">
          <ac:chgData name="Theis Ziegler" userId="1d0357a8-3efe-41fa-839c-7601d995f2eb" providerId="ADAL" clId="{DF415A0B-A0B9-4C60-9114-93ED0130F608}" dt="2026-03-04T10:08:19.336" v="3688" actId="962"/>
          <ac:spMkLst>
            <pc:docMk/>
            <pc:sldMk cId="2719341977" sldId="2147473485"/>
            <ac:spMk id="33" creationId="{F2B65237-4AB4-2D8F-58F6-7512997D4AD6}"/>
          </ac:spMkLst>
        </pc:spChg>
        <pc:spChg chg="mod topLvl">
          <ac:chgData name="Theis Ziegler" userId="1d0357a8-3efe-41fa-839c-7601d995f2eb" providerId="ADAL" clId="{DF415A0B-A0B9-4C60-9114-93ED0130F608}" dt="2026-03-04T10:08:26.644" v="3689" actId="962"/>
          <ac:spMkLst>
            <pc:docMk/>
            <pc:sldMk cId="2719341977" sldId="2147473485"/>
            <ac:spMk id="34" creationId="{0CFD26FD-BC17-50B3-8702-59CA2BF64427}"/>
          </ac:spMkLst>
        </pc:spChg>
        <pc:spChg chg="mod topLvl">
          <ac:chgData name="Theis Ziegler" userId="1d0357a8-3efe-41fa-839c-7601d995f2eb" providerId="ADAL" clId="{DF415A0B-A0B9-4C60-9114-93ED0130F608}" dt="2026-03-04T10:08:19.336" v="3688" actId="962"/>
          <ac:spMkLst>
            <pc:docMk/>
            <pc:sldMk cId="2719341977" sldId="2147473485"/>
            <ac:spMk id="36" creationId="{F3C758CC-ED07-BE39-D123-FC02FE3D7F7D}"/>
          </ac:spMkLst>
        </pc:spChg>
        <pc:spChg chg="mod">
          <ac:chgData name="Theis Ziegler" userId="1d0357a8-3efe-41fa-839c-7601d995f2eb" providerId="ADAL" clId="{DF415A0B-A0B9-4C60-9114-93ED0130F608}" dt="2026-03-04T10:08:16.224" v="3687" actId="165"/>
          <ac:spMkLst>
            <pc:docMk/>
            <pc:sldMk cId="2719341977" sldId="2147473485"/>
            <ac:spMk id="39" creationId="{CA1D6456-E64B-73DE-3091-B320BED89B06}"/>
          </ac:spMkLst>
        </pc:spChg>
        <pc:spChg chg="mod">
          <ac:chgData name="Theis Ziegler" userId="1d0357a8-3efe-41fa-839c-7601d995f2eb" providerId="ADAL" clId="{DF415A0B-A0B9-4C60-9114-93ED0130F608}" dt="2026-03-04T10:07:26.148" v="3679" actId="962"/>
          <ac:spMkLst>
            <pc:docMk/>
            <pc:sldMk cId="2719341977" sldId="2147473485"/>
            <ac:spMk id="45" creationId="{C78A9B41-BB06-4632-7F49-24179D30E915}"/>
          </ac:spMkLst>
        </pc:spChg>
        <pc:spChg chg="mod">
          <ac:chgData name="Theis Ziegler" userId="1d0357a8-3efe-41fa-839c-7601d995f2eb" providerId="ADAL" clId="{DF415A0B-A0B9-4C60-9114-93ED0130F608}" dt="2026-03-04T10:08:16.224" v="3687" actId="165"/>
          <ac:spMkLst>
            <pc:docMk/>
            <pc:sldMk cId="2719341977" sldId="2147473485"/>
            <ac:spMk id="58" creationId="{9F94383C-A3D1-4C3B-E8D3-BD4697C313D4}"/>
          </ac:spMkLst>
        </pc:spChg>
        <pc:spChg chg="mod">
          <ac:chgData name="Theis Ziegler" userId="1d0357a8-3efe-41fa-839c-7601d995f2eb" providerId="ADAL" clId="{DF415A0B-A0B9-4C60-9114-93ED0130F608}" dt="2026-03-04T10:08:16.224" v="3687" actId="165"/>
          <ac:spMkLst>
            <pc:docMk/>
            <pc:sldMk cId="2719341977" sldId="2147473485"/>
            <ac:spMk id="60" creationId="{82C65DBA-3EDB-125F-76C6-3401AC259DCB}"/>
          </ac:spMkLst>
        </pc:spChg>
        <pc:spChg chg="mod">
          <ac:chgData name="Theis Ziegler" userId="1d0357a8-3efe-41fa-839c-7601d995f2eb" providerId="ADAL" clId="{DF415A0B-A0B9-4C60-9114-93ED0130F608}" dt="2026-03-04T10:07:18.581" v="3677" actId="13244"/>
          <ac:spMkLst>
            <pc:docMk/>
            <pc:sldMk cId="2719341977" sldId="2147473485"/>
            <ac:spMk id="78" creationId="{15D481F8-0253-A225-FE32-5A83749FAE05}"/>
          </ac:spMkLst>
        </pc:spChg>
        <pc:spChg chg="mod">
          <ac:chgData name="Theis Ziegler" userId="1d0357a8-3efe-41fa-839c-7601d995f2eb" providerId="ADAL" clId="{DF415A0B-A0B9-4C60-9114-93ED0130F608}" dt="2026-03-04T10:07:26.148" v="3679" actId="962"/>
          <ac:spMkLst>
            <pc:docMk/>
            <pc:sldMk cId="2719341977" sldId="2147473485"/>
            <ac:spMk id="84" creationId="{CDD3AFDE-2004-62F1-ACEE-4623719319F9}"/>
          </ac:spMkLst>
        </pc:spChg>
        <pc:spChg chg="mod ord">
          <ac:chgData name="Theis Ziegler" userId="1d0357a8-3efe-41fa-839c-7601d995f2eb" providerId="ADAL" clId="{DF415A0B-A0B9-4C60-9114-93ED0130F608}" dt="2026-03-04T10:08:00.378" v="3684" actId="962"/>
          <ac:spMkLst>
            <pc:docMk/>
            <pc:sldMk cId="2719341977" sldId="2147473485"/>
            <ac:spMk id="90" creationId="{860018CC-02CB-844E-1896-EE8A68801AB7}"/>
          </ac:spMkLst>
        </pc:spChg>
        <pc:spChg chg="mod ord">
          <ac:chgData name="Theis Ziegler" userId="1d0357a8-3efe-41fa-839c-7601d995f2eb" providerId="ADAL" clId="{DF415A0B-A0B9-4C60-9114-93ED0130F608}" dt="2026-03-04T10:08:01.474" v="3685" actId="962"/>
          <ac:spMkLst>
            <pc:docMk/>
            <pc:sldMk cId="2719341977" sldId="2147473485"/>
            <ac:spMk id="102" creationId="{616F94FC-1809-CDEE-24E7-E4B24158E9EE}"/>
          </ac:spMkLst>
        </pc:spChg>
        <pc:spChg chg="mod ord">
          <ac:chgData name="Theis Ziegler" userId="1d0357a8-3efe-41fa-839c-7601d995f2eb" providerId="ADAL" clId="{DF415A0B-A0B9-4C60-9114-93ED0130F608}" dt="2026-03-04T10:08:02.325" v="3686" actId="962"/>
          <ac:spMkLst>
            <pc:docMk/>
            <pc:sldMk cId="2719341977" sldId="2147473485"/>
            <ac:spMk id="113" creationId="{F8BB58CE-BA1D-E278-3A90-838E14D73B59}"/>
          </ac:spMkLst>
        </pc:spChg>
        <pc:spChg chg="mod topLvl">
          <ac:chgData name="Theis Ziegler" userId="1d0357a8-3efe-41fa-839c-7601d995f2eb" providerId="ADAL" clId="{DF415A0B-A0B9-4C60-9114-93ED0130F608}" dt="2026-03-04T10:08:42.399" v="3691" actId="165"/>
          <ac:spMkLst>
            <pc:docMk/>
            <pc:sldMk cId="2719341977" sldId="2147473485"/>
            <ac:spMk id="118" creationId="{8A6F3EFB-6189-98E1-8F0F-25B368675DB7}"/>
          </ac:spMkLst>
        </pc:spChg>
        <pc:spChg chg="mod">
          <ac:chgData name="Theis Ziegler" userId="1d0357a8-3efe-41fa-839c-7601d995f2eb" providerId="ADAL" clId="{DF415A0B-A0B9-4C60-9114-93ED0130F608}" dt="2026-03-04T10:08:42.399" v="3691" actId="165"/>
          <ac:spMkLst>
            <pc:docMk/>
            <pc:sldMk cId="2719341977" sldId="2147473485"/>
            <ac:spMk id="120" creationId="{F8E3E7DF-2803-4876-31E7-CA0F3A4D6C3E}"/>
          </ac:spMkLst>
        </pc:spChg>
        <pc:spChg chg="mod">
          <ac:chgData name="Theis Ziegler" userId="1d0357a8-3efe-41fa-839c-7601d995f2eb" providerId="ADAL" clId="{DF415A0B-A0B9-4C60-9114-93ED0130F608}" dt="2026-03-04T10:08:42.399" v="3691" actId="165"/>
          <ac:spMkLst>
            <pc:docMk/>
            <pc:sldMk cId="2719341977" sldId="2147473485"/>
            <ac:spMk id="121" creationId="{385B235A-7691-0FB6-6231-BF57CE7A0223}"/>
          </ac:spMkLst>
        </pc:spChg>
        <pc:spChg chg="mod topLvl">
          <ac:chgData name="Theis Ziegler" userId="1d0357a8-3efe-41fa-839c-7601d995f2eb" providerId="ADAL" clId="{DF415A0B-A0B9-4C60-9114-93ED0130F608}" dt="2026-03-04T10:08:42.399" v="3691" actId="165"/>
          <ac:spMkLst>
            <pc:docMk/>
            <pc:sldMk cId="2719341977" sldId="2147473485"/>
            <ac:spMk id="123" creationId="{F3E0CC7E-8232-4324-6A90-DBCBC8153B15}"/>
          </ac:spMkLst>
        </pc:spChg>
        <pc:spChg chg="mod">
          <ac:chgData name="Theis Ziegler" userId="1d0357a8-3efe-41fa-839c-7601d995f2eb" providerId="ADAL" clId="{DF415A0B-A0B9-4C60-9114-93ED0130F608}" dt="2026-03-04T10:08:42.399" v="3691" actId="165"/>
          <ac:spMkLst>
            <pc:docMk/>
            <pc:sldMk cId="2719341977" sldId="2147473485"/>
            <ac:spMk id="125" creationId="{A33CF583-3C4B-835D-9659-841A52842891}"/>
          </ac:spMkLst>
        </pc:spChg>
        <pc:spChg chg="mod">
          <ac:chgData name="Theis Ziegler" userId="1d0357a8-3efe-41fa-839c-7601d995f2eb" providerId="ADAL" clId="{DF415A0B-A0B9-4C60-9114-93ED0130F608}" dt="2026-03-04T10:08:42.399" v="3691" actId="165"/>
          <ac:spMkLst>
            <pc:docMk/>
            <pc:sldMk cId="2719341977" sldId="2147473485"/>
            <ac:spMk id="126" creationId="{60148E06-50AE-1416-4C1C-FEC52076264B}"/>
          </ac:spMkLst>
        </pc:spChg>
        <pc:spChg chg="mod topLvl">
          <ac:chgData name="Theis Ziegler" userId="1d0357a8-3efe-41fa-839c-7601d995f2eb" providerId="ADAL" clId="{DF415A0B-A0B9-4C60-9114-93ED0130F608}" dt="2026-03-04T10:08:42.399" v="3691" actId="165"/>
          <ac:spMkLst>
            <pc:docMk/>
            <pc:sldMk cId="2719341977" sldId="2147473485"/>
            <ac:spMk id="128" creationId="{C0F70131-3A4F-92C8-A169-CFB9FE3117EA}"/>
          </ac:spMkLst>
        </pc:spChg>
        <pc:spChg chg="mod">
          <ac:chgData name="Theis Ziegler" userId="1d0357a8-3efe-41fa-839c-7601d995f2eb" providerId="ADAL" clId="{DF415A0B-A0B9-4C60-9114-93ED0130F608}" dt="2026-03-04T10:08:42.399" v="3691" actId="165"/>
          <ac:spMkLst>
            <pc:docMk/>
            <pc:sldMk cId="2719341977" sldId="2147473485"/>
            <ac:spMk id="130" creationId="{82AFA2A8-7B2E-9799-7AAE-C5DD07DD9579}"/>
          </ac:spMkLst>
        </pc:spChg>
        <pc:spChg chg="mod">
          <ac:chgData name="Theis Ziegler" userId="1d0357a8-3efe-41fa-839c-7601d995f2eb" providerId="ADAL" clId="{DF415A0B-A0B9-4C60-9114-93ED0130F608}" dt="2026-03-04T10:08:42.399" v="3691" actId="165"/>
          <ac:spMkLst>
            <pc:docMk/>
            <pc:sldMk cId="2719341977" sldId="2147473485"/>
            <ac:spMk id="131" creationId="{510950A2-F20E-1DAD-EE35-C6B4C54B284E}"/>
          </ac:spMkLst>
        </pc:spChg>
        <pc:spChg chg="ord">
          <ac:chgData name="Theis Ziegler" userId="1d0357a8-3efe-41fa-839c-7601d995f2eb" providerId="ADAL" clId="{DF415A0B-A0B9-4C60-9114-93ED0130F608}" dt="2026-03-04T10:07:34.482" v="3680" actId="13244"/>
          <ac:spMkLst>
            <pc:docMk/>
            <pc:sldMk cId="2719341977" sldId="2147473485"/>
            <ac:spMk id="133" creationId="{C01E7BE4-771C-33DE-A5B6-6834F6F6F068}"/>
          </ac:spMkLst>
        </pc:spChg>
        <pc:spChg chg="ord">
          <ac:chgData name="Theis Ziegler" userId="1d0357a8-3efe-41fa-839c-7601d995f2eb" providerId="ADAL" clId="{DF415A0B-A0B9-4C60-9114-93ED0130F608}" dt="2026-03-04T10:08:29.888" v="3690" actId="13244"/>
          <ac:spMkLst>
            <pc:docMk/>
            <pc:sldMk cId="2719341977" sldId="2147473485"/>
            <ac:spMk id="134" creationId="{CDE138A1-C0B0-FF27-CEEB-B5FCF0686C74}"/>
          </ac:spMkLst>
        </pc:spChg>
        <pc:spChg chg="ord">
          <ac:chgData name="Theis Ziegler" userId="1d0357a8-3efe-41fa-839c-7601d995f2eb" providerId="ADAL" clId="{DF415A0B-A0B9-4C60-9114-93ED0130F608}" dt="2026-03-04T10:09:01.033" v="3695" actId="13244"/>
          <ac:spMkLst>
            <pc:docMk/>
            <pc:sldMk cId="2719341977" sldId="2147473485"/>
            <ac:spMk id="137" creationId="{6C856505-5874-2574-1AFF-ED9449B28794}"/>
          </ac:spMkLst>
        </pc:spChg>
        <pc:spChg chg="ord">
          <ac:chgData name="Theis Ziegler" userId="1d0357a8-3efe-41fa-839c-7601d995f2eb" providerId="ADAL" clId="{DF415A0B-A0B9-4C60-9114-93ED0130F608}" dt="2026-03-04T10:09:01.033" v="3695" actId="13244"/>
          <ac:spMkLst>
            <pc:docMk/>
            <pc:sldMk cId="2719341977" sldId="2147473485"/>
            <ac:spMk id="138" creationId="{C95C9BC6-F80B-9DEC-61B3-381309C854D7}"/>
          </ac:spMkLst>
        </pc:spChg>
        <pc:spChg chg="ord">
          <ac:chgData name="Theis Ziegler" userId="1d0357a8-3efe-41fa-839c-7601d995f2eb" providerId="ADAL" clId="{DF415A0B-A0B9-4C60-9114-93ED0130F608}" dt="2026-03-04T10:09:01.033" v="3695" actId="13244"/>
          <ac:spMkLst>
            <pc:docMk/>
            <pc:sldMk cId="2719341977" sldId="2147473485"/>
            <ac:spMk id="139" creationId="{E66B85B3-1B6E-9AAB-88BB-0336070D0EFD}"/>
          </ac:spMkLst>
        </pc:spChg>
        <pc:spChg chg="ord">
          <ac:chgData name="Theis Ziegler" userId="1d0357a8-3efe-41fa-839c-7601d995f2eb" providerId="ADAL" clId="{DF415A0B-A0B9-4C60-9114-93ED0130F608}" dt="2026-03-04T10:09:01.033" v="3695" actId="13244"/>
          <ac:spMkLst>
            <pc:docMk/>
            <pc:sldMk cId="2719341977" sldId="2147473485"/>
            <ac:spMk id="146" creationId="{035CEDBC-CFC6-29DD-193A-58944D6ACABE}"/>
          </ac:spMkLst>
        </pc:spChg>
        <pc:grpChg chg="ord">
          <ac:chgData name="Theis Ziegler" userId="1d0357a8-3efe-41fa-839c-7601d995f2eb" providerId="ADAL" clId="{DF415A0B-A0B9-4C60-9114-93ED0130F608}" dt="2026-03-04T10:07:44.352" v="3682" actId="13244"/>
          <ac:grpSpMkLst>
            <pc:docMk/>
            <pc:sldMk cId="2719341977" sldId="2147473485"/>
            <ac:grpSpMk id="9" creationId="{10A22003-FC14-11FB-52CC-799DAE1E7BEA}"/>
          </ac:grpSpMkLst>
        </pc:grpChg>
        <pc:grpChg chg="ord">
          <ac:chgData name="Theis Ziegler" userId="1d0357a8-3efe-41fa-839c-7601d995f2eb" providerId="ADAL" clId="{DF415A0B-A0B9-4C60-9114-93ED0130F608}" dt="2026-03-04T10:07:52.688" v="3683" actId="13244"/>
          <ac:grpSpMkLst>
            <pc:docMk/>
            <pc:sldMk cId="2719341977" sldId="2147473485"/>
            <ac:grpSpMk id="79" creationId="{62B6AF6F-520A-7836-C1B2-D16B10B40351}"/>
          </ac:grpSpMkLst>
        </pc:grpChg>
        <pc:grpChg chg="ord">
          <ac:chgData name="Theis Ziegler" userId="1d0357a8-3efe-41fa-839c-7601d995f2eb" providerId="ADAL" clId="{DF415A0B-A0B9-4C60-9114-93ED0130F608}" dt="2026-03-04T10:07:52.688" v="3683" actId="13244"/>
          <ac:grpSpMkLst>
            <pc:docMk/>
            <pc:sldMk cId="2719341977" sldId="2147473485"/>
            <ac:grpSpMk id="91" creationId="{47A26393-68F3-46FA-D3B0-0F94AD5549B5}"/>
          </ac:grpSpMkLst>
        </pc:grpChg>
        <pc:grpChg chg="ord">
          <ac:chgData name="Theis Ziegler" userId="1d0357a8-3efe-41fa-839c-7601d995f2eb" providerId="ADAL" clId="{DF415A0B-A0B9-4C60-9114-93ED0130F608}" dt="2026-03-04T10:07:52.688" v="3683" actId="13244"/>
          <ac:grpSpMkLst>
            <pc:docMk/>
            <pc:sldMk cId="2719341977" sldId="2147473485"/>
            <ac:grpSpMk id="103" creationId="{44F6565F-9295-A452-BF29-F0D707F93253}"/>
          </ac:grpSpMkLst>
        </pc:grpChg>
        <pc:grpChg chg="mod topLvl">
          <ac:chgData name="Theis Ziegler" userId="1d0357a8-3efe-41fa-839c-7601d995f2eb" providerId="ADAL" clId="{DF415A0B-A0B9-4C60-9114-93ED0130F608}" dt="2026-03-04T10:08:50.965" v="3694" actId="962"/>
          <ac:grpSpMkLst>
            <pc:docMk/>
            <pc:sldMk cId="2719341977" sldId="2147473485"/>
            <ac:grpSpMk id="119" creationId="{3490FAFB-DC78-0900-C0B6-83C162908EC8}"/>
          </ac:grpSpMkLst>
        </pc:grpChg>
        <pc:grpChg chg="mod">
          <ac:chgData name="Theis Ziegler" userId="1d0357a8-3efe-41fa-839c-7601d995f2eb" providerId="ADAL" clId="{DF415A0B-A0B9-4C60-9114-93ED0130F608}" dt="2026-03-04T10:08:46.130" v="3692" actId="962"/>
          <ac:grpSpMkLst>
            <pc:docMk/>
            <pc:sldMk cId="2719341977" sldId="2147473485"/>
            <ac:grpSpMk id="124" creationId="{BA816AE5-7147-BDE8-0C8E-E983602C0EA9}"/>
          </ac:grpSpMkLst>
        </pc:grpChg>
        <pc:grpChg chg="mod">
          <ac:chgData name="Theis Ziegler" userId="1d0357a8-3efe-41fa-839c-7601d995f2eb" providerId="ADAL" clId="{DF415A0B-A0B9-4C60-9114-93ED0130F608}" dt="2026-03-04T10:08:46.826" v="3693" actId="962"/>
          <ac:grpSpMkLst>
            <pc:docMk/>
            <pc:sldMk cId="2719341977" sldId="2147473485"/>
            <ac:grpSpMk id="129" creationId="{81764DA3-C21D-AB99-593F-EE43A8DC650D}"/>
          </ac:grpSpMkLst>
        </pc:grpChg>
      </pc:sldChg>
      <pc:sldChg chg="addSp modSp mod">
        <pc:chgData name="Theis Ziegler" userId="1d0357a8-3efe-41fa-839c-7601d995f2eb" providerId="ADAL" clId="{DF415A0B-A0B9-4C60-9114-93ED0130F608}" dt="2026-03-04T09:32:04.474" v="3379" actId="13244"/>
        <pc:sldMkLst>
          <pc:docMk/>
          <pc:sldMk cId="375760644" sldId="2147473486"/>
        </pc:sldMkLst>
        <pc:spChg chg="mod ord">
          <ac:chgData name="Theis Ziegler" userId="1d0357a8-3efe-41fa-839c-7601d995f2eb" providerId="ADAL" clId="{DF415A0B-A0B9-4C60-9114-93ED0130F608}" dt="2026-03-04T09:28:07.930" v="3272" actId="13244"/>
          <ac:spMkLst>
            <pc:docMk/>
            <pc:sldMk cId="375760644" sldId="2147473486"/>
            <ac:spMk id="8" creationId="{E6F56E76-E741-7B57-4F93-B8569CA1047E}"/>
          </ac:spMkLst>
        </pc:spChg>
        <pc:spChg chg="mod">
          <ac:chgData name="Theis Ziegler" userId="1d0357a8-3efe-41fa-839c-7601d995f2eb" providerId="ADAL" clId="{DF415A0B-A0B9-4C60-9114-93ED0130F608}" dt="2026-03-04T09:25:13.462" v="3256" actId="962"/>
          <ac:spMkLst>
            <pc:docMk/>
            <pc:sldMk cId="375760644" sldId="2147473486"/>
            <ac:spMk id="9" creationId="{40D6776D-25E7-B740-4F4C-322FED0F0EEB}"/>
          </ac:spMkLst>
        </pc:spChg>
        <pc:spChg chg="mod">
          <ac:chgData name="Theis Ziegler" userId="1d0357a8-3efe-41fa-839c-7601d995f2eb" providerId="ADAL" clId="{DF415A0B-A0B9-4C60-9114-93ED0130F608}" dt="2026-03-04T09:25:57.275" v="3260" actId="962"/>
          <ac:spMkLst>
            <pc:docMk/>
            <pc:sldMk cId="375760644" sldId="2147473486"/>
            <ac:spMk id="10" creationId="{5750945B-4FC3-6A78-9381-0F957A6679A1}"/>
          </ac:spMkLst>
        </pc:spChg>
        <pc:spChg chg="mod">
          <ac:chgData name="Theis Ziegler" userId="1d0357a8-3efe-41fa-839c-7601d995f2eb" providerId="ADAL" clId="{DF415A0B-A0B9-4C60-9114-93ED0130F608}" dt="2026-03-04T09:26:21.022" v="3262" actId="962"/>
          <ac:spMkLst>
            <pc:docMk/>
            <pc:sldMk cId="375760644" sldId="2147473486"/>
            <ac:spMk id="11" creationId="{181D9691-57C4-73E3-378F-1ED1FE55FA42}"/>
          </ac:spMkLst>
        </pc:spChg>
        <pc:spChg chg="ord">
          <ac:chgData name="Theis Ziegler" userId="1d0357a8-3efe-41fa-839c-7601d995f2eb" providerId="ADAL" clId="{DF415A0B-A0B9-4C60-9114-93ED0130F608}" dt="2026-03-04T09:28:07.930" v="3272" actId="13244"/>
          <ac:spMkLst>
            <pc:docMk/>
            <pc:sldMk cId="375760644" sldId="2147473486"/>
            <ac:spMk id="13" creationId="{C73972A4-10C2-4B35-986C-A028728377FC}"/>
          </ac:spMkLst>
        </pc:spChg>
        <pc:spChg chg="mod">
          <ac:chgData name="Theis Ziegler" userId="1d0357a8-3efe-41fa-839c-7601d995f2eb" providerId="ADAL" clId="{DF415A0B-A0B9-4C60-9114-93ED0130F608}" dt="2026-03-04T09:27:06.664" v="3266" actId="962"/>
          <ac:spMkLst>
            <pc:docMk/>
            <pc:sldMk cId="375760644" sldId="2147473486"/>
            <ac:spMk id="14" creationId="{6648FCF2-D495-BBF2-43E4-B1995F23C5E3}"/>
          </ac:spMkLst>
        </pc:spChg>
        <pc:spChg chg="mod">
          <ac:chgData name="Theis Ziegler" userId="1d0357a8-3efe-41fa-839c-7601d995f2eb" providerId="ADAL" clId="{DF415A0B-A0B9-4C60-9114-93ED0130F608}" dt="2026-03-04T09:27:28.164" v="3269" actId="962"/>
          <ac:spMkLst>
            <pc:docMk/>
            <pc:sldMk cId="375760644" sldId="2147473486"/>
            <ac:spMk id="19" creationId="{A29C4AC6-7307-E604-238A-92772C78CC9A}"/>
          </ac:spMkLst>
        </pc:spChg>
        <pc:spChg chg="mod ord">
          <ac:chgData name="Theis Ziegler" userId="1d0357a8-3efe-41fa-839c-7601d995f2eb" providerId="ADAL" clId="{DF415A0B-A0B9-4C60-9114-93ED0130F608}" dt="2026-03-04T09:28:09.415" v="3274" actId="962"/>
          <ac:spMkLst>
            <pc:docMk/>
            <pc:sldMk cId="375760644" sldId="2147473486"/>
            <ac:spMk id="20" creationId="{0391646B-AD5D-DF9D-4813-9F69F7C922CA}"/>
          </ac:spMkLst>
        </pc:spChg>
        <pc:spChg chg="mod ord">
          <ac:chgData name="Theis Ziegler" userId="1d0357a8-3efe-41fa-839c-7601d995f2eb" providerId="ADAL" clId="{DF415A0B-A0B9-4C60-9114-93ED0130F608}" dt="2026-03-04T09:28:09.895" v="3276" actId="962"/>
          <ac:spMkLst>
            <pc:docMk/>
            <pc:sldMk cId="375760644" sldId="2147473486"/>
            <ac:spMk id="28" creationId="{C9792BD5-335A-7FDC-7E77-EF1FA204A996}"/>
          </ac:spMkLst>
        </pc:spChg>
        <pc:spChg chg="mod ord">
          <ac:chgData name="Theis Ziegler" userId="1d0357a8-3efe-41fa-839c-7601d995f2eb" providerId="ADAL" clId="{DF415A0B-A0B9-4C60-9114-93ED0130F608}" dt="2026-03-04T09:30:20.040" v="3331" actId="962"/>
          <ac:spMkLst>
            <pc:docMk/>
            <pc:sldMk cId="375760644" sldId="2147473486"/>
            <ac:spMk id="29" creationId="{52A1DED8-BFA7-7E79-1FE2-737DD3ED9617}"/>
          </ac:spMkLst>
        </pc:spChg>
        <pc:spChg chg="ord">
          <ac:chgData name="Theis Ziegler" userId="1d0357a8-3efe-41fa-839c-7601d995f2eb" providerId="ADAL" clId="{DF415A0B-A0B9-4C60-9114-93ED0130F608}" dt="2026-03-04T09:24:28.566" v="3253" actId="167"/>
          <ac:spMkLst>
            <pc:docMk/>
            <pc:sldMk cId="375760644" sldId="2147473486"/>
            <ac:spMk id="30" creationId="{872A537E-E7CF-7AB2-CABB-889C088A9F6A}"/>
          </ac:spMkLst>
        </pc:spChg>
        <pc:spChg chg="ord">
          <ac:chgData name="Theis Ziegler" userId="1d0357a8-3efe-41fa-839c-7601d995f2eb" providerId="ADAL" clId="{DF415A0B-A0B9-4C60-9114-93ED0130F608}" dt="2026-03-04T09:18:53.613" v="3240" actId="13244"/>
          <ac:spMkLst>
            <pc:docMk/>
            <pc:sldMk cId="375760644" sldId="2147473486"/>
            <ac:spMk id="32" creationId="{C770C140-65DF-83CE-902F-6B8EC884AC38}"/>
          </ac:spMkLst>
        </pc:spChg>
        <pc:spChg chg="ord">
          <ac:chgData name="Theis Ziegler" userId="1d0357a8-3efe-41fa-839c-7601d995f2eb" providerId="ADAL" clId="{DF415A0B-A0B9-4C60-9114-93ED0130F608}" dt="2026-03-04T09:18:06.862" v="3233" actId="13244"/>
          <ac:spMkLst>
            <pc:docMk/>
            <pc:sldMk cId="375760644" sldId="2147473486"/>
            <ac:spMk id="33" creationId="{4BE6C7AF-D627-3B50-F171-73FE39A11F98}"/>
          </ac:spMkLst>
        </pc:spChg>
        <pc:spChg chg="mod">
          <ac:chgData name="Theis Ziegler" userId="1d0357a8-3efe-41fa-839c-7601d995f2eb" providerId="ADAL" clId="{DF415A0B-A0B9-4C60-9114-93ED0130F608}" dt="2026-03-04T09:18:46.245" v="3239" actId="13244"/>
          <ac:spMkLst>
            <pc:docMk/>
            <pc:sldMk cId="375760644" sldId="2147473486"/>
            <ac:spMk id="34" creationId="{1F18D987-6220-CA64-D762-B630666954D5}"/>
          </ac:spMkLst>
        </pc:spChg>
        <pc:spChg chg="mod">
          <ac:chgData name="Theis Ziegler" userId="1d0357a8-3efe-41fa-839c-7601d995f2eb" providerId="ADAL" clId="{DF415A0B-A0B9-4C60-9114-93ED0130F608}" dt="2026-03-04T09:18:38.359" v="3236" actId="13244"/>
          <ac:spMkLst>
            <pc:docMk/>
            <pc:sldMk cId="375760644" sldId="2147473486"/>
            <ac:spMk id="36" creationId="{28B6B64F-1A2D-B031-1EC1-8F5685D0C42A}"/>
          </ac:spMkLst>
        </pc:spChg>
        <pc:spChg chg="mod">
          <ac:chgData name="Theis Ziegler" userId="1d0357a8-3efe-41fa-839c-7601d995f2eb" providerId="ADAL" clId="{DF415A0B-A0B9-4C60-9114-93ED0130F608}" dt="2026-03-04T09:18:42.248" v="3237" actId="13244"/>
          <ac:spMkLst>
            <pc:docMk/>
            <pc:sldMk cId="375760644" sldId="2147473486"/>
            <ac:spMk id="37" creationId="{59043E86-A719-9F78-550D-E57F83994863}"/>
          </ac:spMkLst>
        </pc:spChg>
        <pc:spChg chg="mod">
          <ac:chgData name="Theis Ziegler" userId="1d0357a8-3efe-41fa-839c-7601d995f2eb" providerId="ADAL" clId="{DF415A0B-A0B9-4C60-9114-93ED0130F608}" dt="2026-03-04T09:18:34.861" v="3235" actId="13244"/>
          <ac:spMkLst>
            <pc:docMk/>
            <pc:sldMk cId="375760644" sldId="2147473486"/>
            <ac:spMk id="38" creationId="{0C2D9E8B-B09A-CA86-6602-1DB90F1FED92}"/>
          </ac:spMkLst>
        </pc:spChg>
        <pc:spChg chg="mod">
          <ac:chgData name="Theis Ziegler" userId="1d0357a8-3efe-41fa-839c-7601d995f2eb" providerId="ADAL" clId="{DF415A0B-A0B9-4C60-9114-93ED0130F608}" dt="2026-03-04T09:18:44.478" v="3238" actId="13244"/>
          <ac:spMkLst>
            <pc:docMk/>
            <pc:sldMk cId="375760644" sldId="2147473486"/>
            <ac:spMk id="39" creationId="{AF48D662-3D59-41BA-D3B6-77BB86C2984B}"/>
          </ac:spMkLst>
        </pc:spChg>
        <pc:spChg chg="ord">
          <ac:chgData name="Theis Ziegler" userId="1d0357a8-3efe-41fa-839c-7601d995f2eb" providerId="ADAL" clId="{DF415A0B-A0B9-4C60-9114-93ED0130F608}" dt="2026-03-04T09:19:05.032" v="3242" actId="13244"/>
          <ac:spMkLst>
            <pc:docMk/>
            <pc:sldMk cId="375760644" sldId="2147473486"/>
            <ac:spMk id="40" creationId="{D8546750-BBD4-D85B-4669-330B16C4D366}"/>
          </ac:spMkLst>
        </pc:spChg>
        <pc:spChg chg="ord">
          <ac:chgData name="Theis Ziegler" userId="1d0357a8-3efe-41fa-839c-7601d995f2eb" providerId="ADAL" clId="{DF415A0B-A0B9-4C60-9114-93ED0130F608}" dt="2026-03-04T09:19:01.161" v="3241" actId="13244"/>
          <ac:spMkLst>
            <pc:docMk/>
            <pc:sldMk cId="375760644" sldId="2147473486"/>
            <ac:spMk id="41" creationId="{34608B2B-907E-9C89-5BFB-C1BC6116AA2B}"/>
          </ac:spMkLst>
        </pc:spChg>
        <pc:spChg chg="ord">
          <ac:chgData name="Theis Ziegler" userId="1d0357a8-3efe-41fa-839c-7601d995f2eb" providerId="ADAL" clId="{DF415A0B-A0B9-4C60-9114-93ED0130F608}" dt="2026-03-04T09:24:20.758" v="3251" actId="13244"/>
          <ac:spMkLst>
            <pc:docMk/>
            <pc:sldMk cId="375760644" sldId="2147473486"/>
            <ac:spMk id="42" creationId="{45AA2852-7B18-B36F-C466-7C16043D3EC7}"/>
          </ac:spMkLst>
        </pc:spChg>
        <pc:spChg chg="ord">
          <ac:chgData name="Theis Ziegler" userId="1d0357a8-3efe-41fa-839c-7601d995f2eb" providerId="ADAL" clId="{DF415A0B-A0B9-4C60-9114-93ED0130F608}" dt="2026-03-04T09:24:21.518" v="3252" actId="13244"/>
          <ac:spMkLst>
            <pc:docMk/>
            <pc:sldMk cId="375760644" sldId="2147473486"/>
            <ac:spMk id="43" creationId="{16D3B7FD-632F-EFF1-3F3B-C60FAC642579}"/>
          </ac:spMkLst>
        </pc:spChg>
        <pc:spChg chg="ord">
          <ac:chgData name="Theis Ziegler" userId="1d0357a8-3efe-41fa-839c-7601d995f2eb" providerId="ADAL" clId="{DF415A0B-A0B9-4C60-9114-93ED0130F608}" dt="2026-03-04T09:32:04.474" v="3379" actId="13244"/>
          <ac:spMkLst>
            <pc:docMk/>
            <pc:sldMk cId="375760644" sldId="2147473486"/>
            <ac:spMk id="44" creationId="{7951C5D8-D0AE-CBC8-7DC7-1B433B260698}"/>
          </ac:spMkLst>
        </pc:spChg>
        <pc:spChg chg="mod">
          <ac:chgData name="Theis Ziegler" userId="1d0357a8-3efe-41fa-839c-7601d995f2eb" providerId="ADAL" clId="{DF415A0B-A0B9-4C60-9114-93ED0130F608}" dt="2026-03-04T09:27:51.002" v="3271" actId="962"/>
          <ac:spMkLst>
            <pc:docMk/>
            <pc:sldMk cId="375760644" sldId="2147473486"/>
            <ac:spMk id="63" creationId="{A7631283-02A6-8163-1D1E-C9A954060B31}"/>
          </ac:spMkLst>
        </pc:spChg>
        <pc:spChg chg="mod ord">
          <ac:chgData name="Theis Ziegler" userId="1d0357a8-3efe-41fa-839c-7601d995f2eb" providerId="ADAL" clId="{DF415A0B-A0B9-4C60-9114-93ED0130F608}" dt="2026-03-04T09:30:07.351" v="3319" actId="962"/>
          <ac:spMkLst>
            <pc:docMk/>
            <pc:sldMk cId="375760644" sldId="2147473486"/>
            <ac:spMk id="89" creationId="{0B8B3908-ECD9-F1A9-1F96-13C25BB28C2B}"/>
          </ac:spMkLst>
        </pc:spChg>
        <pc:spChg chg="mod ord">
          <ac:chgData name="Theis Ziegler" userId="1d0357a8-3efe-41fa-839c-7601d995f2eb" providerId="ADAL" clId="{DF415A0B-A0B9-4C60-9114-93ED0130F608}" dt="2026-03-04T09:30:07.748" v="3321" actId="962"/>
          <ac:spMkLst>
            <pc:docMk/>
            <pc:sldMk cId="375760644" sldId="2147473486"/>
            <ac:spMk id="90" creationId="{396F551B-09CC-DAB5-358C-BFA2CAC61B9D}"/>
          </ac:spMkLst>
        </pc:spChg>
        <pc:spChg chg="mod ord">
          <ac:chgData name="Theis Ziegler" userId="1d0357a8-3efe-41fa-839c-7601d995f2eb" providerId="ADAL" clId="{DF415A0B-A0B9-4C60-9114-93ED0130F608}" dt="2026-03-04T09:31:07.171" v="3353" actId="962"/>
          <ac:spMkLst>
            <pc:docMk/>
            <pc:sldMk cId="375760644" sldId="2147473486"/>
            <ac:spMk id="202" creationId="{1CCC5448-0834-500A-78CD-80AF0AF77D3E}"/>
          </ac:spMkLst>
        </pc:spChg>
        <pc:spChg chg="mod ord">
          <ac:chgData name="Theis Ziegler" userId="1d0357a8-3efe-41fa-839c-7601d995f2eb" providerId="ADAL" clId="{DF415A0B-A0B9-4C60-9114-93ED0130F608}" dt="2026-03-04T09:31:07.686" v="3355" actId="962"/>
          <ac:spMkLst>
            <pc:docMk/>
            <pc:sldMk cId="375760644" sldId="2147473486"/>
            <ac:spMk id="204" creationId="{4B611C86-8082-19F8-9623-DE0DF68F8918}"/>
          </ac:spMkLst>
        </pc:spChg>
        <pc:spChg chg="mod">
          <ac:chgData name="Theis Ziegler" userId="1d0357a8-3efe-41fa-839c-7601d995f2eb" providerId="ADAL" clId="{DF415A0B-A0B9-4C60-9114-93ED0130F608}" dt="2026-03-04T09:27:51.002" v="3271" actId="962"/>
          <ac:spMkLst>
            <pc:docMk/>
            <pc:sldMk cId="375760644" sldId="2147473486"/>
            <ac:spMk id="205" creationId="{2B15281A-05EB-8492-F736-0A37EE4F5BB8}"/>
          </ac:spMkLst>
        </pc:spChg>
        <pc:spChg chg="ord">
          <ac:chgData name="Theis Ziegler" userId="1d0357a8-3efe-41fa-839c-7601d995f2eb" providerId="ADAL" clId="{DF415A0B-A0B9-4C60-9114-93ED0130F608}" dt="2026-03-04T09:31:21.219" v="3356" actId="13244"/>
          <ac:spMkLst>
            <pc:docMk/>
            <pc:sldMk cId="375760644" sldId="2147473486"/>
            <ac:spMk id="208" creationId="{B925A998-06AC-2A41-7144-8FFFB856CC1E}"/>
          </ac:spMkLst>
        </pc:spChg>
        <pc:spChg chg="mod ord">
          <ac:chgData name="Theis Ziegler" userId="1d0357a8-3efe-41fa-839c-7601d995f2eb" providerId="ADAL" clId="{DF415A0B-A0B9-4C60-9114-93ED0130F608}" dt="2026-03-04T09:31:21.219" v="3356" actId="13244"/>
          <ac:spMkLst>
            <pc:docMk/>
            <pc:sldMk cId="375760644" sldId="2147473486"/>
            <ac:spMk id="210" creationId="{0DAA7451-BD46-B42A-2DF3-8D205C6294F5}"/>
          </ac:spMkLst>
        </pc:spChg>
        <pc:spChg chg="mod">
          <ac:chgData name="Theis Ziegler" userId="1d0357a8-3efe-41fa-839c-7601d995f2eb" providerId="ADAL" clId="{DF415A0B-A0B9-4C60-9114-93ED0130F608}" dt="2026-03-04T09:25:57.275" v="3260" actId="962"/>
          <ac:spMkLst>
            <pc:docMk/>
            <pc:sldMk cId="375760644" sldId="2147473486"/>
            <ac:spMk id="211" creationId="{3543F5EA-D502-0E72-D21C-6577BA7D40CA}"/>
          </ac:spMkLst>
        </pc:spChg>
        <pc:spChg chg="mod">
          <ac:chgData name="Theis Ziegler" userId="1d0357a8-3efe-41fa-839c-7601d995f2eb" providerId="ADAL" clId="{DF415A0B-A0B9-4C60-9114-93ED0130F608}" dt="2026-03-04T09:26:21.022" v="3262" actId="962"/>
          <ac:spMkLst>
            <pc:docMk/>
            <pc:sldMk cId="375760644" sldId="2147473486"/>
            <ac:spMk id="213" creationId="{D8FCE5DF-DE63-B940-DFF7-04E7E1CE770C}"/>
          </ac:spMkLst>
        </pc:spChg>
        <pc:spChg chg="mod">
          <ac:chgData name="Theis Ziegler" userId="1d0357a8-3efe-41fa-839c-7601d995f2eb" providerId="ADAL" clId="{DF415A0B-A0B9-4C60-9114-93ED0130F608}" dt="2026-03-04T09:26:36.173" v="3264" actId="962"/>
          <ac:spMkLst>
            <pc:docMk/>
            <pc:sldMk cId="375760644" sldId="2147473486"/>
            <ac:spMk id="214" creationId="{45740D6D-A7D0-8241-E300-EC9BB7865999}"/>
          </ac:spMkLst>
        </pc:spChg>
        <pc:spChg chg="ord">
          <ac:chgData name="Theis Ziegler" userId="1d0357a8-3efe-41fa-839c-7601d995f2eb" providerId="ADAL" clId="{DF415A0B-A0B9-4C60-9114-93ED0130F608}" dt="2026-03-04T09:31:21.219" v="3356" actId="13244"/>
          <ac:spMkLst>
            <pc:docMk/>
            <pc:sldMk cId="375760644" sldId="2147473486"/>
            <ac:spMk id="216" creationId="{3A4E4123-FDCB-12AF-F99B-53DCEDEC6FAF}"/>
          </ac:spMkLst>
        </pc:spChg>
        <pc:spChg chg="mod ord">
          <ac:chgData name="Theis Ziegler" userId="1d0357a8-3efe-41fa-839c-7601d995f2eb" providerId="ADAL" clId="{DF415A0B-A0B9-4C60-9114-93ED0130F608}" dt="2026-03-04T09:31:22.661" v="3358" actId="962"/>
          <ac:spMkLst>
            <pc:docMk/>
            <pc:sldMk cId="375760644" sldId="2147473486"/>
            <ac:spMk id="249" creationId="{4D24D2F1-DE5F-CBA9-AB9D-15E18F62C702}"/>
          </ac:spMkLst>
        </pc:spChg>
        <pc:spChg chg="mod ord">
          <ac:chgData name="Theis Ziegler" userId="1d0357a8-3efe-41fa-839c-7601d995f2eb" providerId="ADAL" clId="{DF415A0B-A0B9-4C60-9114-93ED0130F608}" dt="2026-03-04T09:31:23.235" v="3360" actId="962"/>
          <ac:spMkLst>
            <pc:docMk/>
            <pc:sldMk cId="375760644" sldId="2147473486"/>
            <ac:spMk id="268" creationId="{AC5EB246-314E-3D52-95A2-EFD74781811C}"/>
          </ac:spMkLst>
        </pc:spChg>
        <pc:spChg chg="mod ord">
          <ac:chgData name="Theis Ziegler" userId="1d0357a8-3efe-41fa-839c-7601d995f2eb" providerId="ADAL" clId="{DF415A0B-A0B9-4C60-9114-93ED0130F608}" dt="2026-03-04T09:31:23.597" v="3362" actId="962"/>
          <ac:spMkLst>
            <pc:docMk/>
            <pc:sldMk cId="375760644" sldId="2147473486"/>
            <ac:spMk id="270" creationId="{97E72BF3-9267-8762-7C87-69F84277193D}"/>
          </ac:spMkLst>
        </pc:spChg>
        <pc:spChg chg="mod ord">
          <ac:chgData name="Theis Ziegler" userId="1d0357a8-3efe-41fa-839c-7601d995f2eb" providerId="ADAL" clId="{DF415A0B-A0B9-4C60-9114-93ED0130F608}" dt="2026-03-04T09:31:24.651" v="3364" actId="962"/>
          <ac:spMkLst>
            <pc:docMk/>
            <pc:sldMk cId="375760644" sldId="2147473486"/>
            <ac:spMk id="271" creationId="{C79DC1F0-1D39-DDBF-16B8-6D4B394189AC}"/>
          </ac:spMkLst>
        </pc:spChg>
        <pc:spChg chg="mod ord">
          <ac:chgData name="Theis Ziegler" userId="1d0357a8-3efe-41fa-839c-7601d995f2eb" providerId="ADAL" clId="{DF415A0B-A0B9-4C60-9114-93ED0130F608}" dt="2026-03-04T09:31:25.016" v="3366" actId="962"/>
          <ac:spMkLst>
            <pc:docMk/>
            <pc:sldMk cId="375760644" sldId="2147473486"/>
            <ac:spMk id="273" creationId="{C0F8A944-4661-C1F7-98B7-7F6EC42F3D5F}"/>
          </ac:spMkLst>
        </pc:spChg>
        <pc:spChg chg="mod ord">
          <ac:chgData name="Theis Ziegler" userId="1d0357a8-3efe-41fa-839c-7601d995f2eb" providerId="ADAL" clId="{DF415A0B-A0B9-4C60-9114-93ED0130F608}" dt="2026-03-04T09:31:25.426" v="3368" actId="962"/>
          <ac:spMkLst>
            <pc:docMk/>
            <pc:sldMk cId="375760644" sldId="2147473486"/>
            <ac:spMk id="274" creationId="{EFA74CC4-7CD1-EB54-4E3F-F441F5658F90}"/>
          </ac:spMkLst>
        </pc:spChg>
        <pc:spChg chg="mod ord">
          <ac:chgData name="Theis Ziegler" userId="1d0357a8-3efe-41fa-839c-7601d995f2eb" providerId="ADAL" clId="{DF415A0B-A0B9-4C60-9114-93ED0130F608}" dt="2026-03-04T09:31:25.883" v="3370" actId="962"/>
          <ac:spMkLst>
            <pc:docMk/>
            <pc:sldMk cId="375760644" sldId="2147473486"/>
            <ac:spMk id="276" creationId="{DBB70336-1150-EA2B-7104-A9360340E952}"/>
          </ac:spMkLst>
        </pc:spChg>
        <pc:spChg chg="ord">
          <ac:chgData name="Theis Ziegler" userId="1d0357a8-3efe-41fa-839c-7601d995f2eb" providerId="ADAL" clId="{DF415A0B-A0B9-4C60-9114-93ED0130F608}" dt="2026-03-04T09:31:33.746" v="3373" actId="13244"/>
          <ac:spMkLst>
            <pc:docMk/>
            <pc:sldMk cId="375760644" sldId="2147473486"/>
            <ac:spMk id="277" creationId="{A781A343-05BD-4000-E0FC-B9379A7D4178}"/>
          </ac:spMkLst>
        </pc:spChg>
        <pc:spChg chg="mod">
          <ac:chgData name="Theis Ziegler" userId="1d0357a8-3efe-41fa-839c-7601d995f2eb" providerId="ADAL" clId="{DF415A0B-A0B9-4C60-9114-93ED0130F608}" dt="2026-03-04T09:25:13.462" v="3256" actId="962"/>
          <ac:spMkLst>
            <pc:docMk/>
            <pc:sldMk cId="375760644" sldId="2147473486"/>
            <ac:spMk id="279" creationId="{07346B7D-FEC3-52FC-7336-1670586B0D67}"/>
          </ac:spMkLst>
        </pc:spChg>
        <pc:spChg chg="mod">
          <ac:chgData name="Theis Ziegler" userId="1d0357a8-3efe-41fa-839c-7601d995f2eb" providerId="ADAL" clId="{DF415A0B-A0B9-4C60-9114-93ED0130F608}" dt="2026-03-04T09:25:57.275" v="3260" actId="962"/>
          <ac:spMkLst>
            <pc:docMk/>
            <pc:sldMk cId="375760644" sldId="2147473486"/>
            <ac:spMk id="280" creationId="{F8AA22D3-7CE0-7A5C-CE2E-5B1B1C75B147}"/>
          </ac:spMkLst>
        </pc:spChg>
        <pc:spChg chg="mod">
          <ac:chgData name="Theis Ziegler" userId="1d0357a8-3efe-41fa-839c-7601d995f2eb" providerId="ADAL" clId="{DF415A0B-A0B9-4C60-9114-93ED0130F608}" dt="2026-03-04T09:26:21.022" v="3262" actId="962"/>
          <ac:spMkLst>
            <pc:docMk/>
            <pc:sldMk cId="375760644" sldId="2147473486"/>
            <ac:spMk id="282" creationId="{98C32056-D5B3-78F1-71B4-F559FA0A5237}"/>
          </ac:spMkLst>
        </pc:spChg>
        <pc:spChg chg="mod">
          <ac:chgData name="Theis Ziegler" userId="1d0357a8-3efe-41fa-839c-7601d995f2eb" providerId="ADAL" clId="{DF415A0B-A0B9-4C60-9114-93ED0130F608}" dt="2026-03-04T09:26:36.173" v="3264" actId="962"/>
          <ac:spMkLst>
            <pc:docMk/>
            <pc:sldMk cId="375760644" sldId="2147473486"/>
            <ac:spMk id="283" creationId="{A268804A-6610-D23C-D692-73071614577B}"/>
          </ac:spMkLst>
        </pc:spChg>
        <pc:spChg chg="ord">
          <ac:chgData name="Theis Ziegler" userId="1d0357a8-3efe-41fa-839c-7601d995f2eb" providerId="ADAL" clId="{DF415A0B-A0B9-4C60-9114-93ED0130F608}" dt="2026-03-04T09:31:33.746" v="3373" actId="13244"/>
          <ac:spMkLst>
            <pc:docMk/>
            <pc:sldMk cId="375760644" sldId="2147473486"/>
            <ac:spMk id="285" creationId="{B1D65437-CBBE-6A3E-B766-824FB5DB710F}"/>
          </ac:spMkLst>
        </pc:spChg>
        <pc:spChg chg="mod ord">
          <ac:chgData name="Theis Ziegler" userId="1d0357a8-3efe-41fa-839c-7601d995f2eb" providerId="ADAL" clId="{DF415A0B-A0B9-4C60-9114-93ED0130F608}" dt="2026-03-04T09:31:34.747" v="3375" actId="962"/>
          <ac:spMkLst>
            <pc:docMk/>
            <pc:sldMk cId="375760644" sldId="2147473486"/>
            <ac:spMk id="288" creationId="{976429FF-1F94-E3F6-AD45-F63BE4E0C647}"/>
          </ac:spMkLst>
        </pc:spChg>
        <pc:spChg chg="mod">
          <ac:chgData name="Theis Ziegler" userId="1d0357a8-3efe-41fa-839c-7601d995f2eb" providerId="ADAL" clId="{DF415A0B-A0B9-4C60-9114-93ED0130F608}" dt="2026-03-04T09:27:51.002" v="3271" actId="962"/>
          <ac:spMkLst>
            <pc:docMk/>
            <pc:sldMk cId="375760644" sldId="2147473486"/>
            <ac:spMk id="297" creationId="{C3E107EE-C69A-EFD1-921D-593287E087DB}"/>
          </ac:spMkLst>
        </pc:spChg>
        <pc:spChg chg="ord">
          <ac:chgData name="Theis Ziegler" userId="1d0357a8-3efe-41fa-839c-7601d995f2eb" providerId="ADAL" clId="{DF415A0B-A0B9-4C60-9114-93ED0130F608}" dt="2026-03-04T09:31:50.168" v="3376" actId="13244"/>
          <ac:spMkLst>
            <pc:docMk/>
            <pc:sldMk cId="375760644" sldId="2147473486"/>
            <ac:spMk id="301" creationId="{CA21F2E1-C06D-2D94-4DAB-B2D94245FBB3}"/>
          </ac:spMkLst>
        </pc:spChg>
        <pc:spChg chg="mod">
          <ac:chgData name="Theis Ziegler" userId="1d0357a8-3efe-41fa-839c-7601d995f2eb" providerId="ADAL" clId="{DF415A0B-A0B9-4C60-9114-93ED0130F608}" dt="2026-03-04T09:25:13.462" v="3256" actId="962"/>
          <ac:spMkLst>
            <pc:docMk/>
            <pc:sldMk cId="375760644" sldId="2147473486"/>
            <ac:spMk id="304" creationId="{5CA0A6B6-1FB7-0D3B-BB7D-887637B02551}"/>
          </ac:spMkLst>
        </pc:spChg>
        <pc:spChg chg="mod">
          <ac:chgData name="Theis Ziegler" userId="1d0357a8-3efe-41fa-839c-7601d995f2eb" providerId="ADAL" clId="{DF415A0B-A0B9-4C60-9114-93ED0130F608}" dt="2026-03-04T09:25:57.275" v="3260" actId="962"/>
          <ac:spMkLst>
            <pc:docMk/>
            <pc:sldMk cId="375760644" sldId="2147473486"/>
            <ac:spMk id="305" creationId="{6140C644-EDEF-D938-9F91-CA49E115BAF0}"/>
          </ac:spMkLst>
        </pc:spChg>
        <pc:spChg chg="mod">
          <ac:chgData name="Theis Ziegler" userId="1d0357a8-3efe-41fa-839c-7601d995f2eb" providerId="ADAL" clId="{DF415A0B-A0B9-4C60-9114-93ED0130F608}" dt="2026-03-04T09:26:21.022" v="3262" actId="962"/>
          <ac:spMkLst>
            <pc:docMk/>
            <pc:sldMk cId="375760644" sldId="2147473486"/>
            <ac:spMk id="307" creationId="{15450B8A-1169-88E2-9C42-2A7B7448A6B9}"/>
          </ac:spMkLst>
        </pc:spChg>
        <pc:spChg chg="mod">
          <ac:chgData name="Theis Ziegler" userId="1d0357a8-3efe-41fa-839c-7601d995f2eb" providerId="ADAL" clId="{DF415A0B-A0B9-4C60-9114-93ED0130F608}" dt="2026-03-04T09:26:36.173" v="3264" actId="962"/>
          <ac:spMkLst>
            <pc:docMk/>
            <pc:sldMk cId="375760644" sldId="2147473486"/>
            <ac:spMk id="308" creationId="{5F852BB7-9AC0-F483-3C0F-CA20EDFD7DDC}"/>
          </ac:spMkLst>
        </pc:spChg>
        <pc:spChg chg="mod">
          <ac:chgData name="Theis Ziegler" userId="1d0357a8-3efe-41fa-839c-7601d995f2eb" providerId="ADAL" clId="{DF415A0B-A0B9-4C60-9114-93ED0130F608}" dt="2026-03-04T09:27:06.664" v="3266" actId="962"/>
          <ac:spMkLst>
            <pc:docMk/>
            <pc:sldMk cId="375760644" sldId="2147473486"/>
            <ac:spMk id="310" creationId="{18FB0C90-F3F2-2761-6986-7B2A4AD40345}"/>
          </ac:spMkLst>
        </pc:spChg>
        <pc:spChg chg="mod">
          <ac:chgData name="Theis Ziegler" userId="1d0357a8-3efe-41fa-839c-7601d995f2eb" providerId="ADAL" clId="{DF415A0B-A0B9-4C60-9114-93ED0130F608}" dt="2026-03-04T09:27:28.164" v="3269" actId="962"/>
          <ac:spMkLst>
            <pc:docMk/>
            <pc:sldMk cId="375760644" sldId="2147473486"/>
            <ac:spMk id="313" creationId="{44925846-3044-16EB-0F55-E2822376637E}"/>
          </ac:spMkLst>
        </pc:spChg>
        <pc:spChg chg="mod ord">
          <ac:chgData name="Theis Ziegler" userId="1d0357a8-3efe-41fa-839c-7601d995f2eb" providerId="ADAL" clId="{DF415A0B-A0B9-4C60-9114-93ED0130F608}" dt="2026-03-04T09:31:51.611" v="3378" actId="962"/>
          <ac:spMkLst>
            <pc:docMk/>
            <pc:sldMk cId="375760644" sldId="2147473486"/>
            <ac:spMk id="314" creationId="{EBCFF581-1DAD-6D2C-CED2-E82A8BD73868}"/>
          </ac:spMkLst>
        </pc:spChg>
        <pc:spChg chg="mod">
          <ac:chgData name="Theis Ziegler" userId="1d0357a8-3efe-41fa-839c-7601d995f2eb" providerId="ADAL" clId="{DF415A0B-A0B9-4C60-9114-93ED0130F608}" dt="2026-03-04T09:27:51.002" v="3271" actId="962"/>
          <ac:spMkLst>
            <pc:docMk/>
            <pc:sldMk cId="375760644" sldId="2147473486"/>
            <ac:spMk id="320" creationId="{11F0EBF3-F01D-983D-6E17-8B31E2C20259}"/>
          </ac:spMkLst>
        </pc:spChg>
        <pc:spChg chg="mod">
          <ac:chgData name="Theis Ziegler" userId="1d0357a8-3efe-41fa-839c-7601d995f2eb" providerId="ADAL" clId="{DF415A0B-A0B9-4C60-9114-93ED0130F608}" dt="2026-03-04T09:27:51.002" v="3271" actId="962"/>
          <ac:spMkLst>
            <pc:docMk/>
            <pc:sldMk cId="375760644" sldId="2147473486"/>
            <ac:spMk id="322" creationId="{89AD5EF5-FABD-22C7-B6C8-F87CAE8EF588}"/>
          </ac:spMkLst>
        </pc:spChg>
        <pc:spChg chg="mod">
          <ac:chgData name="Theis Ziegler" userId="1d0357a8-3efe-41fa-839c-7601d995f2eb" providerId="ADAL" clId="{DF415A0B-A0B9-4C60-9114-93ED0130F608}" dt="2026-03-04T09:27:51.002" v="3271" actId="962"/>
          <ac:spMkLst>
            <pc:docMk/>
            <pc:sldMk cId="375760644" sldId="2147473486"/>
            <ac:spMk id="323" creationId="{2CA81EF3-FA22-CFD0-DA1B-ECCF582D9DEC}"/>
          </ac:spMkLst>
        </pc:spChg>
        <pc:spChg chg="mod ord">
          <ac:chgData name="Theis Ziegler" userId="1d0357a8-3efe-41fa-839c-7601d995f2eb" providerId="ADAL" clId="{DF415A0B-A0B9-4C60-9114-93ED0130F608}" dt="2026-03-04T09:28:10.297" v="3278" actId="962"/>
          <ac:spMkLst>
            <pc:docMk/>
            <pc:sldMk cId="375760644" sldId="2147473486"/>
            <ac:spMk id="448" creationId="{566FA96E-9909-25A4-842A-AEE4708E14CC}"/>
          </ac:spMkLst>
        </pc:spChg>
        <pc:spChg chg="mod ord">
          <ac:chgData name="Theis Ziegler" userId="1d0357a8-3efe-41fa-839c-7601d995f2eb" providerId="ADAL" clId="{DF415A0B-A0B9-4C60-9114-93ED0130F608}" dt="2026-03-04T09:28:10.686" v="3280" actId="962"/>
          <ac:spMkLst>
            <pc:docMk/>
            <pc:sldMk cId="375760644" sldId="2147473486"/>
            <ac:spMk id="449" creationId="{CB7EECE3-08CE-145C-6117-E3C35F83C995}"/>
          </ac:spMkLst>
        </pc:spChg>
        <pc:spChg chg="mod ord">
          <ac:chgData name="Theis Ziegler" userId="1d0357a8-3efe-41fa-839c-7601d995f2eb" providerId="ADAL" clId="{DF415A0B-A0B9-4C60-9114-93ED0130F608}" dt="2026-03-04T09:28:11.364" v="3282" actId="962"/>
          <ac:spMkLst>
            <pc:docMk/>
            <pc:sldMk cId="375760644" sldId="2147473486"/>
            <ac:spMk id="450" creationId="{8FBFB4F9-F5BA-DCF0-3C43-94C12E92415E}"/>
          </ac:spMkLst>
        </pc:spChg>
        <pc:spChg chg="ord">
          <ac:chgData name="Theis Ziegler" userId="1d0357a8-3efe-41fa-839c-7601d995f2eb" providerId="ADAL" clId="{DF415A0B-A0B9-4C60-9114-93ED0130F608}" dt="2026-03-04T09:29:21.389" v="3283" actId="13244"/>
          <ac:spMkLst>
            <pc:docMk/>
            <pc:sldMk cId="375760644" sldId="2147473486"/>
            <ac:spMk id="451" creationId="{683BE301-C6F9-C13A-1499-509412C22AB4}"/>
          </ac:spMkLst>
        </pc:spChg>
        <pc:spChg chg="mod">
          <ac:chgData name="Theis Ziegler" userId="1d0357a8-3efe-41fa-839c-7601d995f2eb" providerId="ADAL" clId="{DF415A0B-A0B9-4C60-9114-93ED0130F608}" dt="2026-03-04T09:25:13.462" v="3256" actId="962"/>
          <ac:spMkLst>
            <pc:docMk/>
            <pc:sldMk cId="375760644" sldId="2147473486"/>
            <ac:spMk id="452" creationId="{6BEE8F17-6FCF-B903-F726-2A524EAA0469}"/>
          </ac:spMkLst>
        </pc:spChg>
        <pc:spChg chg="ord">
          <ac:chgData name="Theis Ziegler" userId="1d0357a8-3efe-41fa-839c-7601d995f2eb" providerId="ADAL" clId="{DF415A0B-A0B9-4C60-9114-93ED0130F608}" dt="2026-03-04T09:29:21.389" v="3283" actId="13244"/>
          <ac:spMkLst>
            <pc:docMk/>
            <pc:sldMk cId="375760644" sldId="2147473486"/>
            <ac:spMk id="453" creationId="{37C50D98-FB77-BCC8-9D7E-EB6043A7E647}"/>
          </ac:spMkLst>
        </pc:spChg>
        <pc:spChg chg="mod">
          <ac:chgData name="Theis Ziegler" userId="1d0357a8-3efe-41fa-839c-7601d995f2eb" providerId="ADAL" clId="{DF415A0B-A0B9-4C60-9114-93ED0130F608}" dt="2026-03-04T09:26:21.022" v="3262" actId="962"/>
          <ac:spMkLst>
            <pc:docMk/>
            <pc:sldMk cId="375760644" sldId="2147473486"/>
            <ac:spMk id="454" creationId="{FA3D463D-FC14-D194-FDA6-0ED0E4BAB2AB}"/>
          </ac:spMkLst>
        </pc:spChg>
        <pc:spChg chg="mod">
          <ac:chgData name="Theis Ziegler" userId="1d0357a8-3efe-41fa-839c-7601d995f2eb" providerId="ADAL" clId="{DF415A0B-A0B9-4C60-9114-93ED0130F608}" dt="2026-03-04T09:26:36.173" v="3264" actId="962"/>
          <ac:spMkLst>
            <pc:docMk/>
            <pc:sldMk cId="375760644" sldId="2147473486"/>
            <ac:spMk id="455" creationId="{77586C87-AA9F-40CD-4CC8-891AC42EBCF6}"/>
          </ac:spMkLst>
        </pc:spChg>
        <pc:spChg chg="ord">
          <ac:chgData name="Theis Ziegler" userId="1d0357a8-3efe-41fa-839c-7601d995f2eb" providerId="ADAL" clId="{DF415A0B-A0B9-4C60-9114-93ED0130F608}" dt="2026-03-04T09:27:13.368" v="3267" actId="13244"/>
          <ac:spMkLst>
            <pc:docMk/>
            <pc:sldMk cId="375760644" sldId="2147473486"/>
            <ac:spMk id="456" creationId="{D45A7160-FC56-801E-E146-B449E60834E0}"/>
          </ac:spMkLst>
        </pc:spChg>
        <pc:spChg chg="mod ord">
          <ac:chgData name="Theis Ziegler" userId="1d0357a8-3efe-41fa-839c-7601d995f2eb" providerId="ADAL" clId="{DF415A0B-A0B9-4C60-9114-93ED0130F608}" dt="2026-03-04T09:29:23.829" v="3285" actId="962"/>
          <ac:spMkLst>
            <pc:docMk/>
            <pc:sldMk cId="375760644" sldId="2147473486"/>
            <ac:spMk id="458" creationId="{93F36786-A064-153A-53AB-C65DFE4952A1}"/>
          </ac:spMkLst>
        </pc:spChg>
        <pc:spChg chg="mod ord">
          <ac:chgData name="Theis Ziegler" userId="1d0357a8-3efe-41fa-839c-7601d995f2eb" providerId="ADAL" clId="{DF415A0B-A0B9-4C60-9114-93ED0130F608}" dt="2026-03-04T09:29:24.383" v="3287" actId="962"/>
          <ac:spMkLst>
            <pc:docMk/>
            <pc:sldMk cId="375760644" sldId="2147473486"/>
            <ac:spMk id="459" creationId="{7E8A88A9-A1BB-B7D9-02B2-51F9D6505088}"/>
          </ac:spMkLst>
        </pc:spChg>
        <pc:spChg chg="mod ord">
          <ac:chgData name="Theis Ziegler" userId="1d0357a8-3efe-41fa-839c-7601d995f2eb" providerId="ADAL" clId="{DF415A0B-A0B9-4C60-9114-93ED0130F608}" dt="2026-03-04T09:29:24.767" v="3289" actId="962"/>
          <ac:spMkLst>
            <pc:docMk/>
            <pc:sldMk cId="375760644" sldId="2147473486"/>
            <ac:spMk id="460" creationId="{27754E2E-5BFD-A9F8-8A96-3C75DAED126B}"/>
          </ac:spMkLst>
        </pc:spChg>
        <pc:spChg chg="mod ord">
          <ac:chgData name="Theis Ziegler" userId="1d0357a8-3efe-41fa-839c-7601d995f2eb" providerId="ADAL" clId="{DF415A0B-A0B9-4C60-9114-93ED0130F608}" dt="2026-03-04T09:29:25.215" v="3291" actId="962"/>
          <ac:spMkLst>
            <pc:docMk/>
            <pc:sldMk cId="375760644" sldId="2147473486"/>
            <ac:spMk id="463" creationId="{593747CC-708C-C12E-5988-A7137AF99698}"/>
          </ac:spMkLst>
        </pc:spChg>
        <pc:spChg chg="mod ord">
          <ac:chgData name="Theis Ziegler" userId="1d0357a8-3efe-41fa-839c-7601d995f2eb" providerId="ADAL" clId="{DF415A0B-A0B9-4C60-9114-93ED0130F608}" dt="2026-03-04T09:29:25.614" v="3293" actId="962"/>
          <ac:spMkLst>
            <pc:docMk/>
            <pc:sldMk cId="375760644" sldId="2147473486"/>
            <ac:spMk id="465" creationId="{3DCA2A88-29D9-3B58-6981-EA2C5538926D}"/>
          </ac:spMkLst>
        </pc:spChg>
        <pc:spChg chg="mod ord">
          <ac:chgData name="Theis Ziegler" userId="1d0357a8-3efe-41fa-839c-7601d995f2eb" providerId="ADAL" clId="{DF415A0B-A0B9-4C60-9114-93ED0130F608}" dt="2026-03-04T09:29:26.052" v="3295" actId="962"/>
          <ac:spMkLst>
            <pc:docMk/>
            <pc:sldMk cId="375760644" sldId="2147473486"/>
            <ac:spMk id="466" creationId="{8CA333EC-8E67-18CD-E18E-5E5CB8A31979}"/>
          </ac:spMkLst>
        </pc:spChg>
        <pc:spChg chg="mod ord">
          <ac:chgData name="Theis Ziegler" userId="1d0357a8-3efe-41fa-839c-7601d995f2eb" providerId="ADAL" clId="{DF415A0B-A0B9-4C60-9114-93ED0130F608}" dt="2026-03-04T09:29:26.715" v="3297" actId="962"/>
          <ac:spMkLst>
            <pc:docMk/>
            <pc:sldMk cId="375760644" sldId="2147473486"/>
            <ac:spMk id="467" creationId="{0AEABF07-A0A3-0F24-8AA9-A3E768637B84}"/>
          </ac:spMkLst>
        </pc:spChg>
        <pc:spChg chg="mod ord">
          <ac:chgData name="Theis Ziegler" userId="1d0357a8-3efe-41fa-839c-7601d995f2eb" providerId="ADAL" clId="{DF415A0B-A0B9-4C60-9114-93ED0130F608}" dt="2026-03-04T09:29:27.591" v="3299" actId="962"/>
          <ac:spMkLst>
            <pc:docMk/>
            <pc:sldMk cId="375760644" sldId="2147473486"/>
            <ac:spMk id="468" creationId="{AF3CBAC7-336E-4C10-09D9-04AA5C5DA348}"/>
          </ac:spMkLst>
        </pc:spChg>
        <pc:spChg chg="ord">
          <ac:chgData name="Theis Ziegler" userId="1d0357a8-3efe-41fa-839c-7601d995f2eb" providerId="ADAL" clId="{DF415A0B-A0B9-4C60-9114-93ED0130F608}" dt="2026-03-04T09:29:40.483" v="3302" actId="13244"/>
          <ac:spMkLst>
            <pc:docMk/>
            <pc:sldMk cId="375760644" sldId="2147473486"/>
            <ac:spMk id="469" creationId="{D2B1A395-F9F5-C1D6-199D-389C46BC2640}"/>
          </ac:spMkLst>
        </pc:spChg>
        <pc:spChg chg="mod">
          <ac:chgData name="Theis Ziegler" userId="1d0357a8-3efe-41fa-839c-7601d995f2eb" providerId="ADAL" clId="{DF415A0B-A0B9-4C60-9114-93ED0130F608}" dt="2026-03-04T09:25:13.462" v="3256" actId="962"/>
          <ac:spMkLst>
            <pc:docMk/>
            <pc:sldMk cId="375760644" sldId="2147473486"/>
            <ac:spMk id="470" creationId="{E496F56B-015E-66FC-A08C-E65D4D3ADEB0}"/>
          </ac:spMkLst>
        </pc:spChg>
        <pc:spChg chg="ord">
          <ac:chgData name="Theis Ziegler" userId="1d0357a8-3efe-41fa-839c-7601d995f2eb" providerId="ADAL" clId="{DF415A0B-A0B9-4C60-9114-93ED0130F608}" dt="2026-03-04T09:29:40.483" v="3302" actId="13244"/>
          <ac:spMkLst>
            <pc:docMk/>
            <pc:sldMk cId="375760644" sldId="2147473486"/>
            <ac:spMk id="471" creationId="{8846CAB0-0C6C-7DBE-FFBC-7764DA8893DB}"/>
          </ac:spMkLst>
        </pc:spChg>
        <pc:spChg chg="ord">
          <ac:chgData name="Theis Ziegler" userId="1d0357a8-3efe-41fa-839c-7601d995f2eb" providerId="ADAL" clId="{DF415A0B-A0B9-4C60-9114-93ED0130F608}" dt="2026-03-04T09:29:40.483" v="3302" actId="13244"/>
          <ac:spMkLst>
            <pc:docMk/>
            <pc:sldMk cId="375760644" sldId="2147473486"/>
            <ac:spMk id="472" creationId="{C4E7700C-0B89-1A37-F589-11704656DBD6}"/>
          </ac:spMkLst>
        </pc:spChg>
        <pc:spChg chg="mod">
          <ac:chgData name="Theis Ziegler" userId="1d0357a8-3efe-41fa-839c-7601d995f2eb" providerId="ADAL" clId="{DF415A0B-A0B9-4C60-9114-93ED0130F608}" dt="2026-03-04T09:26:36.173" v="3264" actId="962"/>
          <ac:spMkLst>
            <pc:docMk/>
            <pc:sldMk cId="375760644" sldId="2147473486"/>
            <ac:spMk id="473" creationId="{F8436749-211C-0ABC-CACA-74C85B52A063}"/>
          </ac:spMkLst>
        </pc:spChg>
        <pc:spChg chg="mod">
          <ac:chgData name="Theis Ziegler" userId="1d0357a8-3efe-41fa-839c-7601d995f2eb" providerId="ADAL" clId="{DF415A0B-A0B9-4C60-9114-93ED0130F608}" dt="2026-03-04T09:27:06.664" v="3266" actId="962"/>
          <ac:spMkLst>
            <pc:docMk/>
            <pc:sldMk cId="375760644" sldId="2147473486"/>
            <ac:spMk id="474" creationId="{A4F855DD-84F2-FAC8-197F-49F998CA1BC2}"/>
          </ac:spMkLst>
        </pc:spChg>
        <pc:spChg chg="mod ord">
          <ac:chgData name="Theis Ziegler" userId="1d0357a8-3efe-41fa-839c-7601d995f2eb" providerId="ADAL" clId="{DF415A0B-A0B9-4C60-9114-93ED0130F608}" dt="2026-03-04T09:29:41.874" v="3304" actId="962"/>
          <ac:spMkLst>
            <pc:docMk/>
            <pc:sldMk cId="375760644" sldId="2147473486"/>
            <ac:spMk id="476" creationId="{1E2EA254-F395-8C44-76CD-B94932DEA552}"/>
          </ac:spMkLst>
        </pc:spChg>
        <pc:spChg chg="mod ord">
          <ac:chgData name="Theis Ziegler" userId="1d0357a8-3efe-41fa-839c-7601d995f2eb" providerId="ADAL" clId="{DF415A0B-A0B9-4C60-9114-93ED0130F608}" dt="2026-03-04T09:29:42.237" v="3306" actId="962"/>
          <ac:spMkLst>
            <pc:docMk/>
            <pc:sldMk cId="375760644" sldId="2147473486"/>
            <ac:spMk id="477" creationId="{EB8C5820-F068-DCF9-F23E-48575EA2C1B8}"/>
          </ac:spMkLst>
        </pc:spChg>
        <pc:spChg chg="mod ord">
          <ac:chgData name="Theis Ziegler" userId="1d0357a8-3efe-41fa-839c-7601d995f2eb" providerId="ADAL" clId="{DF415A0B-A0B9-4C60-9114-93ED0130F608}" dt="2026-03-04T09:29:42.651" v="3308" actId="962"/>
          <ac:spMkLst>
            <pc:docMk/>
            <pc:sldMk cId="375760644" sldId="2147473486"/>
            <ac:spMk id="479" creationId="{054B6C63-F01D-9469-BC99-5B0DDFACB270}"/>
          </ac:spMkLst>
        </pc:spChg>
        <pc:spChg chg="mod">
          <ac:chgData name="Theis Ziegler" userId="1d0357a8-3efe-41fa-839c-7601d995f2eb" providerId="ADAL" clId="{DF415A0B-A0B9-4C60-9114-93ED0130F608}" dt="2026-03-04T09:27:51.002" v="3271" actId="962"/>
          <ac:spMkLst>
            <pc:docMk/>
            <pc:sldMk cId="375760644" sldId="2147473486"/>
            <ac:spMk id="480" creationId="{1DF350C4-122D-EB1D-2A84-10828E235699}"/>
          </ac:spMkLst>
        </pc:spChg>
        <pc:spChg chg="mod ord">
          <ac:chgData name="Theis Ziegler" userId="1d0357a8-3efe-41fa-839c-7601d995f2eb" providerId="ADAL" clId="{DF415A0B-A0B9-4C60-9114-93ED0130F608}" dt="2026-03-04T09:29:43.178" v="3310" actId="962"/>
          <ac:spMkLst>
            <pc:docMk/>
            <pc:sldMk cId="375760644" sldId="2147473486"/>
            <ac:spMk id="482" creationId="{426E597A-AFA3-A572-B230-D68C4618191A}"/>
          </ac:spMkLst>
        </pc:spChg>
        <pc:spChg chg="mod">
          <ac:chgData name="Theis Ziegler" userId="1d0357a8-3efe-41fa-839c-7601d995f2eb" providerId="ADAL" clId="{DF415A0B-A0B9-4C60-9114-93ED0130F608}" dt="2026-03-04T09:24:17.129" v="3248" actId="962"/>
          <ac:spMkLst>
            <pc:docMk/>
            <pc:sldMk cId="375760644" sldId="2147473486"/>
            <ac:spMk id="483" creationId="{17B0CD12-7FCC-FFDE-B931-0D50EB893B8E}"/>
          </ac:spMkLst>
        </pc:spChg>
        <pc:spChg chg="mod">
          <ac:chgData name="Theis Ziegler" userId="1d0357a8-3efe-41fa-839c-7601d995f2eb" providerId="ADAL" clId="{DF415A0B-A0B9-4C60-9114-93ED0130F608}" dt="2026-03-04T09:27:51.002" v="3271" actId="962"/>
          <ac:spMkLst>
            <pc:docMk/>
            <pc:sldMk cId="375760644" sldId="2147473486"/>
            <ac:spMk id="484" creationId="{0BF3C03B-9CD1-A32C-722E-78730D7C0AD9}"/>
          </ac:spMkLst>
        </pc:spChg>
        <pc:spChg chg="ord">
          <ac:chgData name="Theis Ziegler" userId="1d0357a8-3efe-41fa-839c-7601d995f2eb" providerId="ADAL" clId="{DF415A0B-A0B9-4C60-9114-93ED0130F608}" dt="2026-03-04T09:30:01.288" v="3313" actId="13244"/>
          <ac:spMkLst>
            <pc:docMk/>
            <pc:sldMk cId="375760644" sldId="2147473486"/>
            <ac:spMk id="485" creationId="{80B278C0-5545-8D4B-C435-D57EA7519937}"/>
          </ac:spMkLst>
        </pc:spChg>
        <pc:spChg chg="mod">
          <ac:chgData name="Theis Ziegler" userId="1d0357a8-3efe-41fa-839c-7601d995f2eb" providerId="ADAL" clId="{DF415A0B-A0B9-4C60-9114-93ED0130F608}" dt="2026-03-04T09:25:13.462" v="3256" actId="962"/>
          <ac:spMkLst>
            <pc:docMk/>
            <pc:sldMk cId="375760644" sldId="2147473486"/>
            <ac:spMk id="486" creationId="{E16BE970-20A3-3FF9-5353-DD01A509B2FD}"/>
          </ac:spMkLst>
        </pc:spChg>
        <pc:spChg chg="ord">
          <ac:chgData name="Theis Ziegler" userId="1d0357a8-3efe-41fa-839c-7601d995f2eb" providerId="ADAL" clId="{DF415A0B-A0B9-4C60-9114-93ED0130F608}" dt="2026-03-04T09:30:01.288" v="3313" actId="13244"/>
          <ac:spMkLst>
            <pc:docMk/>
            <pc:sldMk cId="375760644" sldId="2147473486"/>
            <ac:spMk id="487" creationId="{4F6A0F83-BC72-EC9B-B616-DD81DFA2A55B}"/>
          </ac:spMkLst>
        </pc:spChg>
        <pc:spChg chg="mod">
          <ac:chgData name="Theis Ziegler" userId="1d0357a8-3efe-41fa-839c-7601d995f2eb" providerId="ADAL" clId="{DF415A0B-A0B9-4C60-9114-93ED0130F608}" dt="2026-03-04T09:26:21.022" v="3262" actId="962"/>
          <ac:spMkLst>
            <pc:docMk/>
            <pc:sldMk cId="375760644" sldId="2147473486"/>
            <ac:spMk id="488" creationId="{CE37A824-6B97-A295-D4E4-E905F5FD6DA1}"/>
          </ac:spMkLst>
        </pc:spChg>
        <pc:spChg chg="mod">
          <ac:chgData name="Theis Ziegler" userId="1d0357a8-3efe-41fa-839c-7601d995f2eb" providerId="ADAL" clId="{DF415A0B-A0B9-4C60-9114-93ED0130F608}" dt="2026-03-04T09:26:36.173" v="3264" actId="962"/>
          <ac:spMkLst>
            <pc:docMk/>
            <pc:sldMk cId="375760644" sldId="2147473486"/>
            <ac:spMk id="489" creationId="{E639E932-9C0B-C8E9-8FEC-FF2757070464}"/>
          </ac:spMkLst>
        </pc:spChg>
        <pc:spChg chg="ord">
          <ac:chgData name="Theis Ziegler" userId="1d0357a8-3efe-41fa-839c-7601d995f2eb" providerId="ADAL" clId="{DF415A0B-A0B9-4C60-9114-93ED0130F608}" dt="2026-03-04T09:30:01.288" v="3313" actId="13244"/>
          <ac:spMkLst>
            <pc:docMk/>
            <pc:sldMk cId="375760644" sldId="2147473486"/>
            <ac:spMk id="490" creationId="{038A6738-72FB-943A-551F-9656F215BF5E}"/>
          </ac:spMkLst>
        </pc:spChg>
        <pc:spChg chg="mod">
          <ac:chgData name="Theis Ziegler" userId="1d0357a8-3efe-41fa-839c-7601d995f2eb" providerId="ADAL" clId="{DF415A0B-A0B9-4C60-9114-93ED0130F608}" dt="2026-03-04T09:27:28.164" v="3269" actId="962"/>
          <ac:spMkLst>
            <pc:docMk/>
            <pc:sldMk cId="375760644" sldId="2147473486"/>
            <ac:spMk id="492" creationId="{9C0F0CF7-9F35-FA08-127B-816D390AB056}"/>
          </ac:spMkLst>
        </pc:spChg>
        <pc:spChg chg="mod ord">
          <ac:chgData name="Theis Ziegler" userId="1d0357a8-3efe-41fa-839c-7601d995f2eb" providerId="ADAL" clId="{DF415A0B-A0B9-4C60-9114-93ED0130F608}" dt="2026-03-04T09:30:06.942" v="3317" actId="962"/>
          <ac:spMkLst>
            <pc:docMk/>
            <pc:sldMk cId="375760644" sldId="2147473486"/>
            <ac:spMk id="493" creationId="{4A7E009C-D882-0A33-BF2E-A56ED1D87A56}"/>
          </ac:spMkLst>
        </pc:spChg>
        <pc:spChg chg="mod ord">
          <ac:chgData name="Theis Ziegler" userId="1d0357a8-3efe-41fa-839c-7601d995f2eb" providerId="ADAL" clId="{DF415A0B-A0B9-4C60-9114-93ED0130F608}" dt="2026-03-04T09:30:08.140" v="3323" actId="962"/>
          <ac:spMkLst>
            <pc:docMk/>
            <pc:sldMk cId="375760644" sldId="2147473486"/>
            <ac:spMk id="532" creationId="{C747B498-2204-86A3-41F4-1F406FCE94AA}"/>
          </ac:spMkLst>
        </pc:spChg>
        <pc:spChg chg="mod ord">
          <ac:chgData name="Theis Ziegler" userId="1d0357a8-3efe-41fa-839c-7601d995f2eb" providerId="ADAL" clId="{DF415A0B-A0B9-4C60-9114-93ED0130F608}" dt="2026-03-04T09:30:08.641" v="3325" actId="962"/>
          <ac:spMkLst>
            <pc:docMk/>
            <pc:sldMk cId="375760644" sldId="2147473486"/>
            <ac:spMk id="533" creationId="{1D5C00C8-656E-3EA3-11EA-F7240F2E7C51}"/>
          </ac:spMkLst>
        </pc:spChg>
        <pc:spChg chg="mod ord">
          <ac:chgData name="Theis Ziegler" userId="1d0357a8-3efe-41fa-839c-7601d995f2eb" providerId="ADAL" clId="{DF415A0B-A0B9-4C60-9114-93ED0130F608}" dt="2026-03-04T09:30:09.172" v="3327" actId="962"/>
          <ac:spMkLst>
            <pc:docMk/>
            <pc:sldMk cId="375760644" sldId="2147473486"/>
            <ac:spMk id="535" creationId="{D0944B4D-C06E-0F2F-4F5B-0B6A7B5F90B8}"/>
          </ac:spMkLst>
        </pc:spChg>
        <pc:spChg chg="mod ord">
          <ac:chgData name="Theis Ziegler" userId="1d0357a8-3efe-41fa-839c-7601d995f2eb" providerId="ADAL" clId="{DF415A0B-A0B9-4C60-9114-93ED0130F608}" dt="2026-03-04T09:30:10.207" v="3329" actId="962"/>
          <ac:spMkLst>
            <pc:docMk/>
            <pc:sldMk cId="375760644" sldId="2147473486"/>
            <ac:spMk id="536" creationId="{B1B8D14C-F428-BBFC-22C7-24DAAB47B2B4}"/>
          </ac:spMkLst>
        </pc:spChg>
        <pc:spChg chg="ord">
          <ac:chgData name="Theis Ziegler" userId="1d0357a8-3efe-41fa-839c-7601d995f2eb" providerId="ADAL" clId="{DF415A0B-A0B9-4C60-9114-93ED0130F608}" dt="2026-03-04T09:24:57.242" v="3255" actId="13244"/>
          <ac:spMkLst>
            <pc:docMk/>
            <pc:sldMk cId="375760644" sldId="2147473486"/>
            <ac:spMk id="538" creationId="{79D4127D-D870-8387-0EF6-823A3A28E718}"/>
          </ac:spMkLst>
        </pc:spChg>
        <pc:spChg chg="mod">
          <ac:chgData name="Theis Ziegler" userId="1d0357a8-3efe-41fa-839c-7601d995f2eb" providerId="ADAL" clId="{DF415A0B-A0B9-4C60-9114-93ED0130F608}" dt="2026-03-04T09:25:13.462" v="3256" actId="962"/>
          <ac:spMkLst>
            <pc:docMk/>
            <pc:sldMk cId="375760644" sldId="2147473486"/>
            <ac:spMk id="539" creationId="{638601BC-F1F3-0ACA-DD4B-AD80C109F9CC}"/>
          </ac:spMkLst>
        </pc:spChg>
        <pc:spChg chg="ord">
          <ac:chgData name="Theis Ziegler" userId="1d0357a8-3efe-41fa-839c-7601d995f2eb" providerId="ADAL" clId="{DF415A0B-A0B9-4C60-9114-93ED0130F608}" dt="2026-03-04T09:30:51.395" v="3334" actId="13244"/>
          <ac:spMkLst>
            <pc:docMk/>
            <pc:sldMk cId="375760644" sldId="2147473486"/>
            <ac:spMk id="541" creationId="{6B3A73AE-5ED3-F154-7A70-5F4F57B68276}"/>
          </ac:spMkLst>
        </pc:spChg>
        <pc:spChg chg="ord">
          <ac:chgData name="Theis Ziegler" userId="1d0357a8-3efe-41fa-839c-7601d995f2eb" providerId="ADAL" clId="{DF415A0B-A0B9-4C60-9114-93ED0130F608}" dt="2026-03-04T09:30:51.395" v="3334" actId="13244"/>
          <ac:spMkLst>
            <pc:docMk/>
            <pc:sldMk cId="375760644" sldId="2147473486"/>
            <ac:spMk id="542" creationId="{B3E6B657-3404-DF48-84BF-307978977068}"/>
          </ac:spMkLst>
        </pc:spChg>
        <pc:spChg chg="mod">
          <ac:chgData name="Theis Ziegler" userId="1d0357a8-3efe-41fa-839c-7601d995f2eb" providerId="ADAL" clId="{DF415A0B-A0B9-4C60-9114-93ED0130F608}" dt="2026-03-04T09:26:36.173" v="3264" actId="962"/>
          <ac:spMkLst>
            <pc:docMk/>
            <pc:sldMk cId="375760644" sldId="2147473486"/>
            <ac:spMk id="544" creationId="{5BDAC46F-31F7-D933-B96A-A4F8E91C3892}"/>
          </ac:spMkLst>
        </pc:spChg>
        <pc:spChg chg="ord">
          <ac:chgData name="Theis Ziegler" userId="1d0357a8-3efe-41fa-839c-7601d995f2eb" providerId="ADAL" clId="{DF415A0B-A0B9-4C60-9114-93ED0130F608}" dt="2026-03-04T09:30:51.395" v="3334" actId="13244"/>
          <ac:spMkLst>
            <pc:docMk/>
            <pc:sldMk cId="375760644" sldId="2147473486"/>
            <ac:spMk id="545" creationId="{41FFCBD5-85FB-C0D4-B5CE-A277E27BEC8E}"/>
          </ac:spMkLst>
        </pc:spChg>
        <pc:spChg chg="mod ord">
          <ac:chgData name="Theis Ziegler" userId="1d0357a8-3efe-41fa-839c-7601d995f2eb" providerId="ADAL" clId="{DF415A0B-A0B9-4C60-9114-93ED0130F608}" dt="2026-03-04T09:30:52.695" v="3336" actId="962"/>
          <ac:spMkLst>
            <pc:docMk/>
            <pc:sldMk cId="375760644" sldId="2147473486"/>
            <ac:spMk id="548" creationId="{58EABDEA-1D66-9BD1-7DA4-DC1462B9206E}"/>
          </ac:spMkLst>
        </pc:spChg>
        <pc:spChg chg="mod ord">
          <ac:chgData name="Theis Ziegler" userId="1d0357a8-3efe-41fa-839c-7601d995f2eb" providerId="ADAL" clId="{DF415A0B-A0B9-4C60-9114-93ED0130F608}" dt="2026-03-04T09:30:53.218" v="3338" actId="962"/>
          <ac:spMkLst>
            <pc:docMk/>
            <pc:sldMk cId="375760644" sldId="2147473486"/>
            <ac:spMk id="550" creationId="{3D53F879-F47E-A8BC-D26F-EFD2E722B7FE}"/>
          </ac:spMkLst>
        </pc:spChg>
        <pc:spChg chg="mod ord">
          <ac:chgData name="Theis Ziegler" userId="1d0357a8-3efe-41fa-839c-7601d995f2eb" providerId="ADAL" clId="{DF415A0B-A0B9-4C60-9114-93ED0130F608}" dt="2026-03-04T09:30:53.592" v="3340" actId="962"/>
          <ac:spMkLst>
            <pc:docMk/>
            <pc:sldMk cId="375760644" sldId="2147473486"/>
            <ac:spMk id="551" creationId="{CF5A0EAB-7D43-D888-E7DB-932BF30EC525}"/>
          </ac:spMkLst>
        </pc:spChg>
        <pc:spChg chg="mod ord">
          <ac:chgData name="Theis Ziegler" userId="1d0357a8-3efe-41fa-839c-7601d995f2eb" providerId="ADAL" clId="{DF415A0B-A0B9-4C60-9114-93ED0130F608}" dt="2026-03-04T09:30:53.986" v="3342" actId="962"/>
          <ac:spMkLst>
            <pc:docMk/>
            <pc:sldMk cId="375760644" sldId="2147473486"/>
            <ac:spMk id="553" creationId="{057026BC-149C-67E4-0382-E45C75FF0287}"/>
          </ac:spMkLst>
        </pc:spChg>
        <pc:spChg chg="mod">
          <ac:chgData name="Theis Ziegler" userId="1d0357a8-3efe-41fa-839c-7601d995f2eb" providerId="ADAL" clId="{DF415A0B-A0B9-4C60-9114-93ED0130F608}" dt="2026-03-04T09:27:51.002" v="3271" actId="962"/>
          <ac:spMkLst>
            <pc:docMk/>
            <pc:sldMk cId="375760644" sldId="2147473486"/>
            <ac:spMk id="554" creationId="{E772F51C-A83D-99EC-66AC-3C5BDA33D8BF}"/>
          </ac:spMkLst>
        </pc:spChg>
        <pc:spChg chg="mod">
          <ac:chgData name="Theis Ziegler" userId="1d0357a8-3efe-41fa-839c-7601d995f2eb" providerId="ADAL" clId="{DF415A0B-A0B9-4C60-9114-93ED0130F608}" dt="2026-03-04T09:27:51.002" v="3271" actId="962"/>
          <ac:spMkLst>
            <pc:docMk/>
            <pc:sldMk cId="375760644" sldId="2147473486"/>
            <ac:spMk id="556" creationId="{5EB4B8F9-F251-C4AD-8DA0-6160E3E27B0D}"/>
          </ac:spMkLst>
        </pc:spChg>
        <pc:spChg chg="mod ord">
          <ac:chgData name="Theis Ziegler" userId="1d0357a8-3efe-41fa-839c-7601d995f2eb" providerId="ADAL" clId="{DF415A0B-A0B9-4C60-9114-93ED0130F608}" dt="2026-03-04T09:30:54.442" v="3344" actId="962"/>
          <ac:spMkLst>
            <pc:docMk/>
            <pc:sldMk cId="375760644" sldId="2147473486"/>
            <ac:spMk id="557" creationId="{6BCEB206-57CF-FEC5-4A7B-096E7313A3BF}"/>
          </ac:spMkLst>
        </pc:spChg>
        <pc:spChg chg="mod ord">
          <ac:chgData name="Theis Ziegler" userId="1d0357a8-3efe-41fa-839c-7601d995f2eb" providerId="ADAL" clId="{DF415A0B-A0B9-4C60-9114-93ED0130F608}" dt="2026-03-04T09:30:54.817" v="3346" actId="962"/>
          <ac:spMkLst>
            <pc:docMk/>
            <pc:sldMk cId="375760644" sldId="2147473486"/>
            <ac:spMk id="559" creationId="{B78C828D-BAA2-2304-5EBD-FEC7A8B4386D}"/>
          </ac:spMkLst>
        </pc:spChg>
        <pc:spChg chg="mod ord">
          <ac:chgData name="Theis Ziegler" userId="1d0357a8-3efe-41fa-839c-7601d995f2eb" providerId="ADAL" clId="{DF415A0B-A0B9-4C60-9114-93ED0130F608}" dt="2026-03-04T09:30:55.297" v="3348" actId="962"/>
          <ac:spMkLst>
            <pc:docMk/>
            <pc:sldMk cId="375760644" sldId="2147473486"/>
            <ac:spMk id="560" creationId="{7AB9889B-308D-EE4A-6361-E487BB076231}"/>
          </ac:spMkLst>
        </pc:spChg>
        <pc:spChg chg="ord">
          <ac:chgData name="Theis Ziegler" userId="1d0357a8-3efe-41fa-839c-7601d995f2eb" providerId="ADAL" clId="{DF415A0B-A0B9-4C60-9114-93ED0130F608}" dt="2026-03-04T09:31:04.059" v="3349" actId="13244"/>
          <ac:spMkLst>
            <pc:docMk/>
            <pc:sldMk cId="375760644" sldId="2147473486"/>
            <ac:spMk id="562" creationId="{48EC03C6-1361-8C57-CD8D-941A6C18265F}"/>
          </ac:spMkLst>
        </pc:spChg>
        <pc:spChg chg="mod">
          <ac:chgData name="Theis Ziegler" userId="1d0357a8-3efe-41fa-839c-7601d995f2eb" providerId="ADAL" clId="{DF415A0B-A0B9-4C60-9114-93ED0130F608}" dt="2026-03-04T09:25:13.462" v="3256" actId="962"/>
          <ac:spMkLst>
            <pc:docMk/>
            <pc:sldMk cId="375760644" sldId="2147473486"/>
            <ac:spMk id="568" creationId="{D94BE458-2BD0-AB7A-A3F8-CA73ED30DA4E}"/>
          </ac:spMkLst>
        </pc:spChg>
        <pc:spChg chg="mod">
          <ac:chgData name="Theis Ziegler" userId="1d0357a8-3efe-41fa-839c-7601d995f2eb" providerId="ADAL" clId="{DF415A0B-A0B9-4C60-9114-93ED0130F608}" dt="2026-03-04T09:25:57.275" v="3260" actId="962"/>
          <ac:spMkLst>
            <pc:docMk/>
            <pc:sldMk cId="375760644" sldId="2147473486"/>
            <ac:spMk id="569" creationId="{6B4728F8-BE76-36EA-55BA-6B4BC8B77C5C}"/>
          </ac:spMkLst>
        </pc:spChg>
        <pc:spChg chg="mod">
          <ac:chgData name="Theis Ziegler" userId="1d0357a8-3efe-41fa-839c-7601d995f2eb" providerId="ADAL" clId="{DF415A0B-A0B9-4C60-9114-93ED0130F608}" dt="2026-03-04T09:26:21.022" v="3262" actId="962"/>
          <ac:spMkLst>
            <pc:docMk/>
            <pc:sldMk cId="375760644" sldId="2147473486"/>
            <ac:spMk id="570" creationId="{A6C52A6D-3C85-40D0-E5DF-64D92BB8E879}"/>
          </ac:spMkLst>
        </pc:spChg>
        <pc:spChg chg="mod">
          <ac:chgData name="Theis Ziegler" userId="1d0357a8-3efe-41fa-839c-7601d995f2eb" providerId="ADAL" clId="{DF415A0B-A0B9-4C60-9114-93ED0130F608}" dt="2026-03-04T09:26:36.173" v="3264" actId="962"/>
          <ac:spMkLst>
            <pc:docMk/>
            <pc:sldMk cId="375760644" sldId="2147473486"/>
            <ac:spMk id="571" creationId="{7D18C53A-FC1D-F058-9DF2-27453D111536}"/>
          </ac:spMkLst>
        </pc:spChg>
        <pc:spChg chg="mod">
          <ac:chgData name="Theis Ziegler" userId="1d0357a8-3efe-41fa-839c-7601d995f2eb" providerId="ADAL" clId="{DF415A0B-A0B9-4C60-9114-93ED0130F608}" dt="2026-03-04T09:27:06.664" v="3266" actId="962"/>
          <ac:spMkLst>
            <pc:docMk/>
            <pc:sldMk cId="375760644" sldId="2147473486"/>
            <ac:spMk id="572" creationId="{6CA874F9-5DA2-56AF-1BAB-0DD0E4D24FD1}"/>
          </ac:spMkLst>
        </pc:spChg>
        <pc:spChg chg="mod">
          <ac:chgData name="Theis Ziegler" userId="1d0357a8-3efe-41fa-839c-7601d995f2eb" providerId="ADAL" clId="{DF415A0B-A0B9-4C60-9114-93ED0130F608}" dt="2026-03-04T09:27:28.164" v="3269" actId="962"/>
          <ac:spMkLst>
            <pc:docMk/>
            <pc:sldMk cId="375760644" sldId="2147473486"/>
            <ac:spMk id="574" creationId="{34640C71-BEA5-750F-E496-7A77E0534AF8}"/>
          </ac:spMkLst>
        </pc:spChg>
        <pc:spChg chg="mod ord">
          <ac:chgData name="Theis Ziegler" userId="1d0357a8-3efe-41fa-839c-7601d995f2eb" providerId="ADAL" clId="{DF415A0B-A0B9-4C60-9114-93ED0130F608}" dt="2026-03-04T09:31:05.825" v="3351" actId="962"/>
          <ac:spMkLst>
            <pc:docMk/>
            <pc:sldMk cId="375760644" sldId="2147473486"/>
            <ac:spMk id="575" creationId="{10B4A53A-E557-2E1B-556F-05BE0A3ACA13}"/>
          </ac:spMkLst>
        </pc:spChg>
      </pc:sldChg>
      <pc:sldChg chg="delSp modSp mod">
        <pc:chgData name="Theis Ziegler" userId="1d0357a8-3efe-41fa-839c-7601d995f2eb" providerId="ADAL" clId="{DF415A0B-A0B9-4C60-9114-93ED0130F608}" dt="2026-03-04T09:36:10.333" v="3404" actId="13244"/>
        <pc:sldMkLst>
          <pc:docMk/>
          <pc:sldMk cId="3253536602" sldId="2147473487"/>
        </pc:sldMkLst>
        <pc:spChg chg="mod ord topLvl">
          <ac:chgData name="Theis Ziegler" userId="1d0357a8-3efe-41fa-839c-7601d995f2eb" providerId="ADAL" clId="{DF415A0B-A0B9-4C60-9114-93ED0130F608}" dt="2026-03-04T09:36:10.333" v="3404" actId="13244"/>
          <ac:spMkLst>
            <pc:docMk/>
            <pc:sldMk cId="3253536602" sldId="2147473487"/>
            <ac:spMk id="7" creationId="{7AA0A704-1917-DD5F-808C-B8DEC3E9FCCB}"/>
          </ac:spMkLst>
        </pc:spChg>
        <pc:spChg chg="mod topLvl">
          <ac:chgData name="Theis Ziegler" userId="1d0357a8-3efe-41fa-839c-7601d995f2eb" providerId="ADAL" clId="{DF415A0B-A0B9-4C60-9114-93ED0130F608}" dt="2026-03-04T09:35:51.752" v="3400" actId="165"/>
          <ac:spMkLst>
            <pc:docMk/>
            <pc:sldMk cId="3253536602" sldId="2147473487"/>
            <ac:spMk id="8" creationId="{7F7BF750-ED9E-4456-A787-DA644F73B01B}"/>
          </ac:spMkLst>
        </pc:spChg>
        <pc:spChg chg="mod ord topLvl">
          <ac:chgData name="Theis Ziegler" userId="1d0357a8-3efe-41fa-839c-7601d995f2eb" providerId="ADAL" clId="{DF415A0B-A0B9-4C60-9114-93ED0130F608}" dt="2026-03-04T09:36:01.949" v="3402" actId="13244"/>
          <ac:spMkLst>
            <pc:docMk/>
            <pc:sldMk cId="3253536602" sldId="2147473487"/>
            <ac:spMk id="10" creationId="{AD79AAB4-3F21-1783-E6E7-15EE6FF427D9}"/>
          </ac:spMkLst>
        </pc:spChg>
        <pc:spChg chg="mod topLvl">
          <ac:chgData name="Theis Ziegler" userId="1d0357a8-3efe-41fa-839c-7601d995f2eb" providerId="ADAL" clId="{DF415A0B-A0B9-4C60-9114-93ED0130F608}" dt="2026-03-04T09:35:54.243" v="3401" actId="165"/>
          <ac:spMkLst>
            <pc:docMk/>
            <pc:sldMk cId="3253536602" sldId="2147473487"/>
            <ac:spMk id="11" creationId="{14B3AECB-6E4E-2225-1FC0-F4C02DEBD549}"/>
          </ac:spMkLst>
        </pc:spChg>
        <pc:spChg chg="ord">
          <ac:chgData name="Theis Ziegler" userId="1d0357a8-3efe-41fa-839c-7601d995f2eb" providerId="ADAL" clId="{DF415A0B-A0B9-4C60-9114-93ED0130F608}" dt="2026-03-04T09:36:06.831" v="3403" actId="13244"/>
          <ac:spMkLst>
            <pc:docMk/>
            <pc:sldMk cId="3253536602" sldId="2147473487"/>
            <ac:spMk id="51" creationId="{08472E62-8DE2-4715-FBA1-C1A9CAEB2880}"/>
          </ac:spMkLst>
        </pc:spChg>
      </pc:sldChg>
      <pc:sldChg chg="delSp modSp mod">
        <pc:chgData name="Theis Ziegler" userId="1d0357a8-3efe-41fa-839c-7601d995f2eb" providerId="ADAL" clId="{DF415A0B-A0B9-4C60-9114-93ED0130F608}" dt="2026-03-04T09:57:24.478" v="3553" actId="13244"/>
        <pc:sldMkLst>
          <pc:docMk/>
          <pc:sldMk cId="4171224427" sldId="2147473495"/>
        </pc:sldMkLst>
        <pc:spChg chg="ord">
          <ac:chgData name="Theis Ziegler" userId="1d0357a8-3efe-41fa-839c-7601d995f2eb" providerId="ADAL" clId="{DF415A0B-A0B9-4C60-9114-93ED0130F608}" dt="2026-03-04T09:57:01.167" v="3548" actId="13244"/>
          <ac:spMkLst>
            <pc:docMk/>
            <pc:sldMk cId="4171224427" sldId="2147473495"/>
            <ac:spMk id="4" creationId="{1B28DD2C-CFB9-B08A-BC46-72E84C9AAE7E}"/>
          </ac:spMkLst>
        </pc:spChg>
        <pc:spChg chg="ord">
          <ac:chgData name="Theis Ziegler" userId="1d0357a8-3efe-41fa-839c-7601d995f2eb" providerId="ADAL" clId="{DF415A0B-A0B9-4C60-9114-93ED0130F608}" dt="2026-03-04T09:57:20.684" v="3552" actId="13244"/>
          <ac:spMkLst>
            <pc:docMk/>
            <pc:sldMk cId="4171224427" sldId="2147473495"/>
            <ac:spMk id="5" creationId="{3F1AA876-D274-9903-338B-82DDF377BA6F}"/>
          </ac:spMkLst>
        </pc:spChg>
        <pc:spChg chg="ord">
          <ac:chgData name="Theis Ziegler" userId="1d0357a8-3efe-41fa-839c-7601d995f2eb" providerId="ADAL" clId="{DF415A0B-A0B9-4C60-9114-93ED0130F608}" dt="2026-03-04T09:55:29.639" v="3531" actId="13244"/>
          <ac:spMkLst>
            <pc:docMk/>
            <pc:sldMk cId="4171224427" sldId="2147473495"/>
            <ac:spMk id="8" creationId="{97E821A1-0E51-F031-0EF3-3B678F5024C8}"/>
          </ac:spMkLst>
        </pc:spChg>
        <pc:spChg chg="ord">
          <ac:chgData name="Theis Ziegler" userId="1d0357a8-3efe-41fa-839c-7601d995f2eb" providerId="ADAL" clId="{DF415A0B-A0B9-4C60-9114-93ED0130F608}" dt="2026-03-04T09:57:01.167" v="3548" actId="13244"/>
          <ac:spMkLst>
            <pc:docMk/>
            <pc:sldMk cId="4171224427" sldId="2147473495"/>
            <ac:spMk id="9" creationId="{01BB5D24-0ED0-FF91-A553-DF0A05297A6E}"/>
          </ac:spMkLst>
        </pc:spChg>
        <pc:spChg chg="mod ord topLvl">
          <ac:chgData name="Theis Ziegler" userId="1d0357a8-3efe-41fa-839c-7601d995f2eb" providerId="ADAL" clId="{DF415A0B-A0B9-4C60-9114-93ED0130F608}" dt="2026-03-04T09:57:24.478" v="3553" actId="13244"/>
          <ac:spMkLst>
            <pc:docMk/>
            <pc:sldMk cId="4171224427" sldId="2147473495"/>
            <ac:spMk id="18" creationId="{22163D04-05E7-DF7F-D91B-3A6D45601526}"/>
          </ac:spMkLst>
        </pc:spChg>
        <pc:spChg chg="mod">
          <ac:chgData name="Theis Ziegler" userId="1d0357a8-3efe-41fa-839c-7601d995f2eb" providerId="ADAL" clId="{DF415A0B-A0B9-4C60-9114-93ED0130F608}" dt="2026-03-04T09:56:47.586" v="3547" actId="1076"/>
          <ac:spMkLst>
            <pc:docMk/>
            <pc:sldMk cId="4171224427" sldId="2147473495"/>
            <ac:spMk id="22" creationId="{2679B02E-7030-34E1-E897-EC81317A56BE}"/>
          </ac:spMkLst>
        </pc:spChg>
        <pc:spChg chg="mod topLvl">
          <ac:chgData name="Theis Ziegler" userId="1d0357a8-3efe-41fa-839c-7601d995f2eb" providerId="ADAL" clId="{DF415A0B-A0B9-4C60-9114-93ED0130F608}" dt="2026-03-04T09:56:25.474" v="3541" actId="962"/>
          <ac:spMkLst>
            <pc:docMk/>
            <pc:sldMk cId="4171224427" sldId="2147473495"/>
            <ac:spMk id="30" creationId="{934B9768-7DC2-24C1-7AA9-12B83252F422}"/>
          </ac:spMkLst>
        </pc:spChg>
        <pc:spChg chg="mod topLvl">
          <ac:chgData name="Theis Ziegler" userId="1d0357a8-3efe-41fa-839c-7601d995f2eb" providerId="ADAL" clId="{DF415A0B-A0B9-4C60-9114-93ED0130F608}" dt="2026-03-04T09:56:28.135" v="3542" actId="962"/>
          <ac:spMkLst>
            <pc:docMk/>
            <pc:sldMk cId="4171224427" sldId="2147473495"/>
            <ac:spMk id="31" creationId="{31A5B4A7-CA17-C996-FFED-B356E1AC91A4}"/>
          </ac:spMkLst>
        </pc:spChg>
        <pc:spChg chg="mod topLvl">
          <ac:chgData name="Theis Ziegler" userId="1d0357a8-3efe-41fa-839c-7601d995f2eb" providerId="ADAL" clId="{DF415A0B-A0B9-4C60-9114-93ED0130F608}" dt="2026-03-04T09:56:25.474" v="3541" actId="962"/>
          <ac:spMkLst>
            <pc:docMk/>
            <pc:sldMk cId="4171224427" sldId="2147473495"/>
            <ac:spMk id="32" creationId="{85ABBE14-80E9-FB02-7646-CA24865605BC}"/>
          </ac:spMkLst>
        </pc:spChg>
        <pc:spChg chg="mod">
          <ac:chgData name="Theis Ziegler" userId="1d0357a8-3efe-41fa-839c-7601d995f2eb" providerId="ADAL" clId="{DF415A0B-A0B9-4C60-9114-93ED0130F608}" dt="2026-03-04T09:56:44.538" v="3545" actId="165"/>
          <ac:spMkLst>
            <pc:docMk/>
            <pc:sldMk cId="4171224427" sldId="2147473495"/>
            <ac:spMk id="35" creationId="{15D1D4D3-A3C6-4E10-4BD4-5961C5FB8ECB}"/>
          </ac:spMkLst>
        </pc:spChg>
        <pc:spChg chg="mod">
          <ac:chgData name="Theis Ziegler" userId="1d0357a8-3efe-41fa-839c-7601d995f2eb" providerId="ADAL" clId="{DF415A0B-A0B9-4C60-9114-93ED0130F608}" dt="2026-03-04T09:56:44.538" v="3545" actId="165"/>
          <ac:spMkLst>
            <pc:docMk/>
            <pc:sldMk cId="4171224427" sldId="2147473495"/>
            <ac:spMk id="37" creationId="{0C03888E-F4A8-79AF-9A23-5158EBDB4CD2}"/>
          </ac:spMkLst>
        </pc:spChg>
        <pc:spChg chg="mod">
          <ac:chgData name="Theis Ziegler" userId="1d0357a8-3efe-41fa-839c-7601d995f2eb" providerId="ADAL" clId="{DF415A0B-A0B9-4C60-9114-93ED0130F608}" dt="2026-03-04T09:55:26.517" v="3530" actId="13244"/>
          <ac:spMkLst>
            <pc:docMk/>
            <pc:sldMk cId="4171224427" sldId="2147473495"/>
            <ac:spMk id="38" creationId="{E7A0A989-D7A6-8AAF-4021-58FDD91AADCB}"/>
          </ac:spMkLst>
        </pc:spChg>
        <pc:spChg chg="mod">
          <ac:chgData name="Theis Ziegler" userId="1d0357a8-3efe-41fa-839c-7601d995f2eb" providerId="ADAL" clId="{DF415A0B-A0B9-4C60-9114-93ED0130F608}" dt="2026-03-04T09:55:32.901" v="3532" actId="962"/>
          <ac:spMkLst>
            <pc:docMk/>
            <pc:sldMk cId="4171224427" sldId="2147473495"/>
            <ac:spMk id="45" creationId="{16794D34-4167-BBE3-74C2-D9A3C53B42C9}"/>
          </ac:spMkLst>
        </pc:spChg>
        <pc:spChg chg="mod">
          <ac:chgData name="Theis Ziegler" userId="1d0357a8-3efe-41fa-839c-7601d995f2eb" providerId="ADAL" clId="{DF415A0B-A0B9-4C60-9114-93ED0130F608}" dt="2026-03-04T09:55:32.901" v="3532" actId="962"/>
          <ac:spMkLst>
            <pc:docMk/>
            <pc:sldMk cId="4171224427" sldId="2147473495"/>
            <ac:spMk id="84" creationId="{655E4B33-756C-EF29-418F-57C2741A2C47}"/>
          </ac:spMkLst>
        </pc:spChg>
        <pc:spChg chg="ord">
          <ac:chgData name="Theis Ziegler" userId="1d0357a8-3efe-41fa-839c-7601d995f2eb" providerId="ADAL" clId="{DF415A0B-A0B9-4C60-9114-93ED0130F608}" dt="2026-03-04T09:56:10.520" v="3537" actId="13244"/>
          <ac:spMkLst>
            <pc:docMk/>
            <pc:sldMk cId="4171224427" sldId="2147473495"/>
            <ac:spMk id="86" creationId="{A9F256A9-F8E9-C90C-A8E7-B9FE2EC15878}"/>
          </ac:spMkLst>
        </pc:spChg>
        <pc:spChg chg="ord">
          <ac:chgData name="Theis Ziegler" userId="1d0357a8-3efe-41fa-839c-7601d995f2eb" providerId="ADAL" clId="{DF415A0B-A0B9-4C60-9114-93ED0130F608}" dt="2026-03-04T09:56:12.686" v="3538" actId="13244"/>
          <ac:spMkLst>
            <pc:docMk/>
            <pc:sldMk cId="4171224427" sldId="2147473495"/>
            <ac:spMk id="101" creationId="{F13C29DA-7F8E-C68E-CFBF-F0213998CF7F}"/>
          </ac:spMkLst>
        </pc:spChg>
        <pc:spChg chg="ord">
          <ac:chgData name="Theis Ziegler" userId="1d0357a8-3efe-41fa-839c-7601d995f2eb" providerId="ADAL" clId="{DF415A0B-A0B9-4C60-9114-93ED0130F608}" dt="2026-03-04T09:56:14.480" v="3539" actId="13244"/>
          <ac:spMkLst>
            <pc:docMk/>
            <pc:sldMk cId="4171224427" sldId="2147473495"/>
            <ac:spMk id="114" creationId="{9975469B-E9F8-B1C0-7852-15F859F6640D}"/>
          </ac:spMkLst>
        </pc:spChg>
        <pc:spChg chg="ord">
          <ac:chgData name="Theis Ziegler" userId="1d0357a8-3efe-41fa-839c-7601d995f2eb" providerId="ADAL" clId="{DF415A0B-A0B9-4C60-9114-93ED0130F608}" dt="2026-03-04T09:55:40.760" v="3533" actId="13244"/>
          <ac:spMkLst>
            <pc:docMk/>
            <pc:sldMk cId="4171224427" sldId="2147473495"/>
            <ac:spMk id="116" creationId="{391A3710-79F8-30CF-86ED-99BA4390AE40}"/>
          </ac:spMkLst>
        </pc:spChg>
        <pc:spChg chg="mod topLvl">
          <ac:chgData name="Theis Ziegler" userId="1d0357a8-3efe-41fa-839c-7601d995f2eb" providerId="ADAL" clId="{DF415A0B-A0B9-4C60-9114-93ED0130F608}" dt="2026-03-04T09:56:44.538" v="3545" actId="165"/>
          <ac:spMkLst>
            <pc:docMk/>
            <pc:sldMk cId="4171224427" sldId="2147473495"/>
            <ac:spMk id="118" creationId="{EFBF38FA-F71E-9B2A-F627-89EE7F59970A}"/>
          </ac:spMkLst>
        </pc:spChg>
        <pc:spChg chg="mod">
          <ac:chgData name="Theis Ziegler" userId="1d0357a8-3efe-41fa-839c-7601d995f2eb" providerId="ADAL" clId="{DF415A0B-A0B9-4C60-9114-93ED0130F608}" dt="2026-03-04T09:56:44.538" v="3545" actId="165"/>
          <ac:spMkLst>
            <pc:docMk/>
            <pc:sldMk cId="4171224427" sldId="2147473495"/>
            <ac:spMk id="122" creationId="{B437C6B3-A668-96DF-BF96-1BADF436759F}"/>
          </ac:spMkLst>
        </pc:spChg>
        <pc:spChg chg="mod">
          <ac:chgData name="Theis Ziegler" userId="1d0357a8-3efe-41fa-839c-7601d995f2eb" providerId="ADAL" clId="{DF415A0B-A0B9-4C60-9114-93ED0130F608}" dt="2026-03-04T09:56:44.538" v="3545" actId="165"/>
          <ac:spMkLst>
            <pc:docMk/>
            <pc:sldMk cId="4171224427" sldId="2147473495"/>
            <ac:spMk id="124" creationId="{6BE12DBE-3DE7-7238-C252-71B5BB2D613C}"/>
          </ac:spMkLst>
        </pc:spChg>
        <pc:spChg chg="ord">
          <ac:chgData name="Theis Ziegler" userId="1d0357a8-3efe-41fa-839c-7601d995f2eb" providerId="ADAL" clId="{DF415A0B-A0B9-4C60-9114-93ED0130F608}" dt="2026-03-04T09:56:31.606" v="3543" actId="13244"/>
          <ac:spMkLst>
            <pc:docMk/>
            <pc:sldMk cId="4171224427" sldId="2147473495"/>
            <ac:spMk id="134" creationId="{5DD5A343-BB3A-B8FC-A231-EC112F389843}"/>
          </ac:spMkLst>
        </pc:spChg>
        <pc:spChg chg="mod topLvl">
          <ac:chgData name="Theis Ziegler" userId="1d0357a8-3efe-41fa-839c-7601d995f2eb" providerId="ADAL" clId="{DF415A0B-A0B9-4C60-9114-93ED0130F608}" dt="2026-03-04T09:56:44.538" v="3545" actId="165"/>
          <ac:spMkLst>
            <pc:docMk/>
            <pc:sldMk cId="4171224427" sldId="2147473495"/>
            <ac:spMk id="141" creationId="{C226A768-D916-702A-32B1-DE095BDB165B}"/>
          </ac:spMkLst>
        </pc:spChg>
        <pc:spChg chg="mod">
          <ac:chgData name="Theis Ziegler" userId="1d0357a8-3efe-41fa-839c-7601d995f2eb" providerId="ADAL" clId="{DF415A0B-A0B9-4C60-9114-93ED0130F608}" dt="2026-03-04T09:56:44.538" v="3545" actId="165"/>
          <ac:spMkLst>
            <pc:docMk/>
            <pc:sldMk cId="4171224427" sldId="2147473495"/>
            <ac:spMk id="143" creationId="{05A80876-3EEB-6606-8028-203BB100D9F1}"/>
          </ac:spMkLst>
        </pc:spChg>
        <pc:spChg chg="mod">
          <ac:chgData name="Theis Ziegler" userId="1d0357a8-3efe-41fa-839c-7601d995f2eb" providerId="ADAL" clId="{DF415A0B-A0B9-4C60-9114-93ED0130F608}" dt="2026-03-04T09:56:44.538" v="3545" actId="165"/>
          <ac:spMkLst>
            <pc:docMk/>
            <pc:sldMk cId="4171224427" sldId="2147473495"/>
            <ac:spMk id="144" creationId="{88E1A0B2-48F2-5A0F-BDF4-DE8D6B0B2DAE}"/>
          </ac:spMkLst>
        </pc:spChg>
        <pc:grpChg chg="mod">
          <ac:chgData name="Theis Ziegler" userId="1d0357a8-3efe-41fa-839c-7601d995f2eb" providerId="ADAL" clId="{DF415A0B-A0B9-4C60-9114-93ED0130F608}" dt="2026-03-04T09:57:06.791" v="3551" actId="962"/>
          <ac:grpSpMkLst>
            <pc:docMk/>
            <pc:sldMk cId="4171224427" sldId="2147473495"/>
            <ac:grpSpMk id="19" creationId="{9715A0C4-C033-91BE-2166-1B832728F2D4}"/>
          </ac:grpSpMkLst>
        </pc:grpChg>
        <pc:grpChg chg="ord">
          <ac:chgData name="Theis Ziegler" userId="1d0357a8-3efe-41fa-839c-7601d995f2eb" providerId="ADAL" clId="{DF415A0B-A0B9-4C60-9114-93ED0130F608}" dt="2026-03-04T09:55:59.152" v="3535" actId="13244"/>
          <ac:grpSpMkLst>
            <pc:docMk/>
            <pc:sldMk cId="4171224427" sldId="2147473495"/>
            <ac:grpSpMk id="40" creationId="{22527237-6E59-C962-99EF-CD6704F8D034}"/>
          </ac:grpSpMkLst>
        </pc:grpChg>
        <pc:grpChg chg="ord">
          <ac:chgData name="Theis Ziegler" userId="1d0357a8-3efe-41fa-839c-7601d995f2eb" providerId="ADAL" clId="{DF415A0B-A0B9-4C60-9114-93ED0130F608}" dt="2026-03-04T09:56:05.774" v="3536" actId="13244"/>
          <ac:grpSpMkLst>
            <pc:docMk/>
            <pc:sldMk cId="4171224427" sldId="2147473495"/>
            <ac:grpSpMk id="71" creationId="{36E01541-5481-70B5-D994-9755FAF500A0}"/>
          </ac:grpSpMkLst>
        </pc:grpChg>
        <pc:grpChg chg="ord">
          <ac:chgData name="Theis Ziegler" userId="1d0357a8-3efe-41fa-839c-7601d995f2eb" providerId="ADAL" clId="{DF415A0B-A0B9-4C60-9114-93ED0130F608}" dt="2026-03-04T09:56:05.774" v="3536" actId="13244"/>
          <ac:grpSpMkLst>
            <pc:docMk/>
            <pc:sldMk cId="4171224427" sldId="2147473495"/>
            <ac:grpSpMk id="87" creationId="{4E40DEA2-F580-6DBA-C53D-90514EED61A2}"/>
          </ac:grpSpMkLst>
        </pc:grpChg>
        <pc:grpChg chg="ord">
          <ac:chgData name="Theis Ziegler" userId="1d0357a8-3efe-41fa-839c-7601d995f2eb" providerId="ADAL" clId="{DF415A0B-A0B9-4C60-9114-93ED0130F608}" dt="2026-03-04T09:56:05.774" v="3536" actId="13244"/>
          <ac:grpSpMkLst>
            <pc:docMk/>
            <pc:sldMk cId="4171224427" sldId="2147473495"/>
            <ac:grpSpMk id="102" creationId="{A1BD79B2-2896-4E98-EBF7-5D23CD6FD0B9}"/>
          </ac:grpSpMkLst>
        </pc:grpChg>
        <pc:grpChg chg="mod">
          <ac:chgData name="Theis Ziegler" userId="1d0357a8-3efe-41fa-839c-7601d995f2eb" providerId="ADAL" clId="{DF415A0B-A0B9-4C60-9114-93ED0130F608}" dt="2026-03-04T09:57:04.404" v="3549" actId="962"/>
          <ac:grpSpMkLst>
            <pc:docMk/>
            <pc:sldMk cId="4171224427" sldId="2147473495"/>
            <ac:grpSpMk id="121" creationId="{8681E512-0CFD-7FF0-CC57-4D819181DA7A}"/>
          </ac:grpSpMkLst>
        </pc:grpChg>
        <pc:grpChg chg="mod">
          <ac:chgData name="Theis Ziegler" userId="1d0357a8-3efe-41fa-839c-7601d995f2eb" providerId="ADAL" clId="{DF415A0B-A0B9-4C60-9114-93ED0130F608}" dt="2026-03-04T09:57:05.329" v="3550" actId="962"/>
          <ac:grpSpMkLst>
            <pc:docMk/>
            <pc:sldMk cId="4171224427" sldId="2147473495"/>
            <ac:grpSpMk id="142" creationId="{91BB7255-3506-735E-845A-63E2F70F3A5E}"/>
          </ac:grpSpMkLst>
        </pc:grpChg>
      </pc:sldChg>
      <pc:sldChg chg="addSp modSp mod">
        <pc:chgData name="Theis Ziegler" userId="1d0357a8-3efe-41fa-839c-7601d995f2eb" providerId="ADAL" clId="{DF415A0B-A0B9-4C60-9114-93ED0130F608}" dt="2026-03-09T13:55:36.239" v="4111" actId="1076"/>
        <pc:sldMkLst>
          <pc:docMk/>
          <pc:sldMk cId="3702596051" sldId="2147473497"/>
        </pc:sldMkLst>
        <pc:spChg chg="add mod">
          <ac:chgData name="Theis Ziegler" userId="1d0357a8-3efe-41fa-839c-7601d995f2eb" providerId="ADAL" clId="{DF415A0B-A0B9-4C60-9114-93ED0130F608}" dt="2026-03-09T13:55:36.239" v="4111" actId="1076"/>
          <ac:spMkLst>
            <pc:docMk/>
            <pc:sldMk cId="3702596051" sldId="2147473497"/>
            <ac:spMk id="2" creationId="{A27C98AA-C9BD-C154-B687-BB71514718F6}"/>
          </ac:spMkLst>
        </pc:spChg>
        <pc:spChg chg="mod">
          <ac:chgData name="Theis Ziegler" userId="1d0357a8-3efe-41fa-839c-7601d995f2eb" providerId="ADAL" clId="{DF415A0B-A0B9-4C60-9114-93ED0130F608}" dt="2026-03-04T10:11:32.212" v="3714" actId="962"/>
          <ac:spMkLst>
            <pc:docMk/>
            <pc:sldMk cId="3702596051" sldId="2147473497"/>
            <ac:spMk id="6" creationId="{CD4B26E7-9E7F-875F-DDE8-D2BF3C297FDD}"/>
          </ac:spMkLst>
        </pc:spChg>
      </pc:sldChg>
      <pc:sldChg chg="modSp mod">
        <pc:chgData name="Theis Ziegler" userId="1d0357a8-3efe-41fa-839c-7601d995f2eb" providerId="ADAL" clId="{DF415A0B-A0B9-4C60-9114-93ED0130F608}" dt="2026-03-04T10:11:44.190" v="3715" actId="962"/>
        <pc:sldMkLst>
          <pc:docMk/>
          <pc:sldMk cId="1115962269" sldId="2147473498"/>
        </pc:sldMkLst>
        <pc:picChg chg="mod">
          <ac:chgData name="Theis Ziegler" userId="1d0357a8-3efe-41fa-839c-7601d995f2eb" providerId="ADAL" clId="{DF415A0B-A0B9-4C60-9114-93ED0130F608}" dt="2026-03-04T10:11:44.190" v="3715" actId="962"/>
          <ac:picMkLst>
            <pc:docMk/>
            <pc:sldMk cId="1115962269" sldId="2147473498"/>
            <ac:picMk id="14" creationId="{1373246F-3B69-C0D8-D552-96DF8AF1A2B8}"/>
          </ac:picMkLst>
        </pc:picChg>
      </pc:sldChg>
      <pc:sldChg chg="modSp mod">
        <pc:chgData name="Theis Ziegler" userId="1d0357a8-3efe-41fa-839c-7601d995f2eb" providerId="ADAL" clId="{DF415A0B-A0B9-4C60-9114-93ED0130F608}" dt="2026-03-04T10:12:23.590" v="3718" actId="13244"/>
        <pc:sldMkLst>
          <pc:docMk/>
          <pc:sldMk cId="1932820297" sldId="2147473499"/>
        </pc:sldMkLst>
        <pc:spChg chg="ord">
          <ac:chgData name="Theis Ziegler" userId="1d0357a8-3efe-41fa-839c-7601d995f2eb" providerId="ADAL" clId="{DF415A0B-A0B9-4C60-9114-93ED0130F608}" dt="2026-03-04T10:12:14.538" v="3717" actId="13244"/>
          <ac:spMkLst>
            <pc:docMk/>
            <pc:sldMk cId="1932820297" sldId="2147473499"/>
            <ac:spMk id="7" creationId="{6AEBE177-B550-C09A-081D-6DD2AA48B7BB}"/>
          </ac:spMkLst>
        </pc:spChg>
        <pc:spChg chg="ord">
          <ac:chgData name="Theis Ziegler" userId="1d0357a8-3efe-41fa-839c-7601d995f2eb" providerId="ADAL" clId="{DF415A0B-A0B9-4C60-9114-93ED0130F608}" dt="2026-03-04T10:12:14.538" v="3717" actId="13244"/>
          <ac:spMkLst>
            <pc:docMk/>
            <pc:sldMk cId="1932820297" sldId="2147473499"/>
            <ac:spMk id="10" creationId="{6180FAFE-13BD-91F0-63CD-BDEF452BF5BE}"/>
          </ac:spMkLst>
        </pc:spChg>
        <pc:spChg chg="ord">
          <ac:chgData name="Theis Ziegler" userId="1d0357a8-3efe-41fa-839c-7601d995f2eb" providerId="ADAL" clId="{DF415A0B-A0B9-4C60-9114-93ED0130F608}" dt="2026-03-04T10:12:08.037" v="3716" actId="13244"/>
          <ac:spMkLst>
            <pc:docMk/>
            <pc:sldMk cId="1932820297" sldId="2147473499"/>
            <ac:spMk id="12" creationId="{81B1528D-0510-31CA-19B6-97107ADBB083}"/>
          </ac:spMkLst>
        </pc:spChg>
        <pc:spChg chg="ord">
          <ac:chgData name="Theis Ziegler" userId="1d0357a8-3efe-41fa-839c-7601d995f2eb" providerId="ADAL" clId="{DF415A0B-A0B9-4C60-9114-93ED0130F608}" dt="2026-03-04T10:12:08.037" v="3716" actId="13244"/>
          <ac:spMkLst>
            <pc:docMk/>
            <pc:sldMk cId="1932820297" sldId="2147473499"/>
            <ac:spMk id="15" creationId="{2800D031-15B3-822F-14BE-F3382DBCB6D5}"/>
          </ac:spMkLst>
        </pc:spChg>
        <pc:spChg chg="ord">
          <ac:chgData name="Theis Ziegler" userId="1d0357a8-3efe-41fa-839c-7601d995f2eb" providerId="ADAL" clId="{DF415A0B-A0B9-4C60-9114-93ED0130F608}" dt="2026-03-04T10:12:23.590" v="3718" actId="13244"/>
          <ac:spMkLst>
            <pc:docMk/>
            <pc:sldMk cId="1932820297" sldId="2147473499"/>
            <ac:spMk id="16" creationId="{1C4C6637-2A22-BBF1-577E-75CB0A191DF8}"/>
          </ac:spMkLst>
        </pc:spChg>
      </pc:sldChg>
      <pc:sldChg chg="delSp modSp mod">
        <pc:chgData name="Theis Ziegler" userId="1d0357a8-3efe-41fa-839c-7601d995f2eb" providerId="ADAL" clId="{DF415A0B-A0B9-4C60-9114-93ED0130F608}" dt="2026-03-04T09:14:44.681" v="3192" actId="962"/>
        <pc:sldMkLst>
          <pc:docMk/>
          <pc:sldMk cId="1196760268" sldId="2147473503"/>
        </pc:sldMkLst>
        <pc:spChg chg="mod topLvl">
          <ac:chgData name="Theis Ziegler" userId="1d0357a8-3efe-41fa-839c-7601d995f2eb" providerId="ADAL" clId="{DF415A0B-A0B9-4C60-9114-93ED0130F608}" dt="2026-03-04T09:13:36.601" v="3188" actId="165"/>
          <ac:spMkLst>
            <pc:docMk/>
            <pc:sldMk cId="1196760268" sldId="2147473503"/>
            <ac:spMk id="7" creationId="{577F5868-B65F-B823-B83A-8BF7040D84F8}"/>
          </ac:spMkLst>
        </pc:spChg>
        <pc:spChg chg="mod topLvl">
          <ac:chgData name="Theis Ziegler" userId="1d0357a8-3efe-41fa-839c-7601d995f2eb" providerId="ADAL" clId="{DF415A0B-A0B9-4C60-9114-93ED0130F608}" dt="2026-03-04T09:13:36.601" v="3188" actId="165"/>
          <ac:spMkLst>
            <pc:docMk/>
            <pc:sldMk cId="1196760268" sldId="2147473503"/>
            <ac:spMk id="8" creationId="{1C1FE6EF-E7F4-8056-A6CE-6DF4667CF127}"/>
          </ac:spMkLst>
        </pc:spChg>
        <pc:spChg chg="mod topLvl">
          <ac:chgData name="Theis Ziegler" userId="1d0357a8-3efe-41fa-839c-7601d995f2eb" providerId="ADAL" clId="{DF415A0B-A0B9-4C60-9114-93ED0130F608}" dt="2026-03-04T09:13:49.155" v="3190" actId="165"/>
          <ac:spMkLst>
            <pc:docMk/>
            <pc:sldMk cId="1196760268" sldId="2147473503"/>
            <ac:spMk id="10" creationId="{245A5EF8-A99D-20FE-33D5-9ECC35435F3C}"/>
          </ac:spMkLst>
        </pc:spChg>
        <pc:spChg chg="mod topLvl">
          <ac:chgData name="Theis Ziegler" userId="1d0357a8-3efe-41fa-839c-7601d995f2eb" providerId="ADAL" clId="{DF415A0B-A0B9-4C60-9114-93ED0130F608}" dt="2026-03-04T09:13:49.155" v="3190" actId="165"/>
          <ac:spMkLst>
            <pc:docMk/>
            <pc:sldMk cId="1196760268" sldId="2147473503"/>
            <ac:spMk id="11" creationId="{2A62C7CF-158C-8C2F-37FB-92BEA87ED047}"/>
          </ac:spMkLst>
        </pc:spChg>
        <pc:spChg chg="mod">
          <ac:chgData name="Theis Ziegler" userId="1d0357a8-3efe-41fa-839c-7601d995f2eb" providerId="ADAL" clId="{DF415A0B-A0B9-4C60-9114-93ED0130F608}" dt="2026-03-04T09:14:44.681" v="3192" actId="962"/>
          <ac:spMkLst>
            <pc:docMk/>
            <pc:sldMk cId="1196760268" sldId="2147473503"/>
            <ac:spMk id="16" creationId="{338CDE29-657D-43F1-6CA6-9E79D4B4AC2F}"/>
          </ac:spMkLst>
        </pc:spChg>
        <pc:spChg chg="ord">
          <ac:chgData name="Theis Ziegler" userId="1d0357a8-3efe-41fa-839c-7601d995f2eb" providerId="ADAL" clId="{DF415A0B-A0B9-4C60-9114-93ED0130F608}" dt="2026-03-04T09:13:41.575" v="3189" actId="13244"/>
          <ac:spMkLst>
            <pc:docMk/>
            <pc:sldMk cId="1196760268" sldId="2147473503"/>
            <ac:spMk id="51" creationId="{068ED8CD-A0FC-00CB-258B-DE2F211205B2}"/>
          </ac:spMkLst>
        </pc:spChg>
      </pc:sldChg>
      <pc:sldChg chg="delSp modSp mod">
        <pc:chgData name="Theis Ziegler" userId="1d0357a8-3efe-41fa-839c-7601d995f2eb" providerId="ADAL" clId="{DF415A0B-A0B9-4C60-9114-93ED0130F608}" dt="2026-03-04T08:57:21.774" v="3129" actId="13244"/>
        <pc:sldMkLst>
          <pc:docMk/>
          <pc:sldMk cId="3213698071" sldId="2147473505"/>
        </pc:sldMkLst>
        <pc:spChg chg="mod topLvl">
          <ac:chgData name="Theis Ziegler" userId="1d0357a8-3efe-41fa-839c-7601d995f2eb" providerId="ADAL" clId="{DF415A0B-A0B9-4C60-9114-93ED0130F608}" dt="2026-03-04T08:57:05.496" v="3127" actId="165"/>
          <ac:spMkLst>
            <pc:docMk/>
            <pc:sldMk cId="3213698071" sldId="2147473505"/>
            <ac:spMk id="7" creationId="{468CFDCD-16A2-1D4B-C96C-0554B4C9615D}"/>
          </ac:spMkLst>
        </pc:spChg>
        <pc:spChg chg="mod topLvl">
          <ac:chgData name="Theis Ziegler" userId="1d0357a8-3efe-41fa-839c-7601d995f2eb" providerId="ADAL" clId="{DF415A0B-A0B9-4C60-9114-93ED0130F608}" dt="2026-03-04T08:57:05.496" v="3127" actId="165"/>
          <ac:spMkLst>
            <pc:docMk/>
            <pc:sldMk cId="3213698071" sldId="2147473505"/>
            <ac:spMk id="8" creationId="{8CBCE4F8-5CD4-B4F1-5503-89181C68CF1F}"/>
          </ac:spMkLst>
        </pc:spChg>
        <pc:spChg chg="mod topLvl">
          <ac:chgData name="Theis Ziegler" userId="1d0357a8-3efe-41fa-839c-7601d995f2eb" providerId="ADAL" clId="{DF415A0B-A0B9-4C60-9114-93ED0130F608}" dt="2026-03-04T08:57:10.588" v="3128" actId="165"/>
          <ac:spMkLst>
            <pc:docMk/>
            <pc:sldMk cId="3213698071" sldId="2147473505"/>
            <ac:spMk id="10" creationId="{F4A004B5-26B0-F0C3-0180-9114D9D36CB5}"/>
          </ac:spMkLst>
        </pc:spChg>
        <pc:spChg chg="mod topLvl">
          <ac:chgData name="Theis Ziegler" userId="1d0357a8-3efe-41fa-839c-7601d995f2eb" providerId="ADAL" clId="{DF415A0B-A0B9-4C60-9114-93ED0130F608}" dt="2026-03-04T08:57:10.588" v="3128" actId="165"/>
          <ac:spMkLst>
            <pc:docMk/>
            <pc:sldMk cId="3213698071" sldId="2147473505"/>
            <ac:spMk id="11" creationId="{9AE60FA6-98B2-939D-EDFB-57FF5248BB0B}"/>
          </ac:spMkLst>
        </pc:spChg>
        <pc:spChg chg="ord">
          <ac:chgData name="Theis Ziegler" userId="1d0357a8-3efe-41fa-839c-7601d995f2eb" providerId="ADAL" clId="{DF415A0B-A0B9-4C60-9114-93ED0130F608}" dt="2026-03-04T08:57:21.774" v="3129" actId="13244"/>
          <ac:spMkLst>
            <pc:docMk/>
            <pc:sldMk cId="3213698071" sldId="2147473505"/>
            <ac:spMk id="51" creationId="{0B98FDA1-4D85-7908-A359-084007D3A1A3}"/>
          </ac:spMkLst>
        </pc:spChg>
      </pc:sldChg>
      <pc:sldChg chg="addSp modSp mod">
        <pc:chgData name="Theis Ziegler" userId="1d0357a8-3efe-41fa-839c-7601d995f2eb" providerId="ADAL" clId="{DF415A0B-A0B9-4C60-9114-93ED0130F608}" dt="2026-03-04T10:22:55.615" v="3814" actId="962"/>
        <pc:sldMkLst>
          <pc:docMk/>
          <pc:sldMk cId="1381248425" sldId="2147473509"/>
        </pc:sldMkLst>
        <pc:spChg chg="mod">
          <ac:chgData name="Theis Ziegler" userId="1d0357a8-3efe-41fa-839c-7601d995f2eb" providerId="ADAL" clId="{DF415A0B-A0B9-4C60-9114-93ED0130F608}" dt="2026-03-04T10:22:55.615" v="3814" actId="962"/>
          <ac:spMkLst>
            <pc:docMk/>
            <pc:sldMk cId="1381248425" sldId="2147473509"/>
            <ac:spMk id="2" creationId="{5D7E5A94-8EEA-FBBF-3B0A-4DEE58E743D5}"/>
          </ac:spMkLst>
        </pc:spChg>
        <pc:spChg chg="ord">
          <ac:chgData name="Theis Ziegler" userId="1d0357a8-3efe-41fa-839c-7601d995f2eb" providerId="ADAL" clId="{DF415A0B-A0B9-4C60-9114-93ED0130F608}" dt="2026-03-04T10:14:58.357" v="3731" actId="13244"/>
          <ac:spMkLst>
            <pc:docMk/>
            <pc:sldMk cId="1381248425" sldId="2147473509"/>
            <ac:spMk id="8" creationId="{F91BD60F-4C74-48CA-009D-46E3FC38552E}"/>
          </ac:spMkLst>
        </pc:spChg>
        <pc:spChg chg="ord">
          <ac:chgData name="Theis Ziegler" userId="1d0357a8-3efe-41fa-839c-7601d995f2eb" providerId="ADAL" clId="{DF415A0B-A0B9-4C60-9114-93ED0130F608}" dt="2026-03-04T10:14:48.302" v="3729" actId="13244"/>
          <ac:spMkLst>
            <pc:docMk/>
            <pc:sldMk cId="1381248425" sldId="2147473509"/>
            <ac:spMk id="9" creationId="{93BAC8EA-E7A6-5622-BF56-1CF4B411703F}"/>
          </ac:spMkLst>
        </pc:spChg>
        <pc:spChg chg="ord">
          <ac:chgData name="Theis Ziegler" userId="1d0357a8-3efe-41fa-839c-7601d995f2eb" providerId="ADAL" clId="{DF415A0B-A0B9-4C60-9114-93ED0130F608}" dt="2026-03-04T10:15:08.892" v="3732" actId="13244"/>
          <ac:spMkLst>
            <pc:docMk/>
            <pc:sldMk cId="1381248425" sldId="2147473509"/>
            <ac:spMk id="10" creationId="{005BD6A8-6316-32B5-C9E0-68D82660C648}"/>
          </ac:spMkLst>
        </pc:spChg>
        <pc:spChg chg="ord">
          <ac:chgData name="Theis Ziegler" userId="1d0357a8-3efe-41fa-839c-7601d995f2eb" providerId="ADAL" clId="{DF415A0B-A0B9-4C60-9114-93ED0130F608}" dt="2026-03-04T10:15:08.892" v="3732" actId="13244"/>
          <ac:spMkLst>
            <pc:docMk/>
            <pc:sldMk cId="1381248425" sldId="2147473509"/>
            <ac:spMk id="11" creationId="{011DE077-C83E-F979-15EB-1FFCC20F309D}"/>
          </ac:spMkLst>
        </pc:spChg>
        <pc:spChg chg="ord">
          <ac:chgData name="Theis Ziegler" userId="1d0357a8-3efe-41fa-839c-7601d995f2eb" providerId="ADAL" clId="{DF415A0B-A0B9-4C60-9114-93ED0130F608}" dt="2026-03-04T10:15:44.688" v="3738" actId="13244"/>
          <ac:spMkLst>
            <pc:docMk/>
            <pc:sldMk cId="1381248425" sldId="2147473509"/>
            <ac:spMk id="12" creationId="{B3D52B68-9A70-4B25-93C6-24115DD58B80}"/>
          </ac:spMkLst>
        </pc:spChg>
        <pc:spChg chg="ord">
          <ac:chgData name="Theis Ziegler" userId="1d0357a8-3efe-41fa-839c-7601d995f2eb" providerId="ADAL" clId="{DF415A0B-A0B9-4C60-9114-93ED0130F608}" dt="2026-03-04T10:15:23.444" v="3736" actId="13244"/>
          <ac:spMkLst>
            <pc:docMk/>
            <pc:sldMk cId="1381248425" sldId="2147473509"/>
            <ac:spMk id="13" creationId="{BDE2424A-13BD-A994-DB5E-E84A18E43E5C}"/>
          </ac:spMkLst>
        </pc:spChg>
        <pc:spChg chg="ord">
          <ac:chgData name="Theis Ziegler" userId="1d0357a8-3efe-41fa-839c-7601d995f2eb" providerId="ADAL" clId="{DF415A0B-A0B9-4C60-9114-93ED0130F608}" dt="2026-03-04T10:15:33.642" v="3737" actId="13244"/>
          <ac:spMkLst>
            <pc:docMk/>
            <pc:sldMk cId="1381248425" sldId="2147473509"/>
            <ac:spMk id="14" creationId="{F02D11DE-60B1-BC38-47B1-FC517C7E7A5A}"/>
          </ac:spMkLst>
        </pc:spChg>
        <pc:spChg chg="ord">
          <ac:chgData name="Theis Ziegler" userId="1d0357a8-3efe-41fa-839c-7601d995f2eb" providerId="ADAL" clId="{DF415A0B-A0B9-4C60-9114-93ED0130F608}" dt="2026-03-04T10:15:33.642" v="3737" actId="13244"/>
          <ac:spMkLst>
            <pc:docMk/>
            <pc:sldMk cId="1381248425" sldId="2147473509"/>
            <ac:spMk id="15" creationId="{254F4729-C5EB-6AD8-AFAA-0E42C2233109}"/>
          </ac:spMkLst>
        </pc:spChg>
        <pc:spChg chg="ord">
          <ac:chgData name="Theis Ziegler" userId="1d0357a8-3efe-41fa-839c-7601d995f2eb" providerId="ADAL" clId="{DF415A0B-A0B9-4C60-9114-93ED0130F608}" dt="2026-03-04T10:15:33.642" v="3737" actId="13244"/>
          <ac:spMkLst>
            <pc:docMk/>
            <pc:sldMk cId="1381248425" sldId="2147473509"/>
            <ac:spMk id="16" creationId="{BB4F9200-AE01-A5C4-8792-286B23D853F0}"/>
          </ac:spMkLst>
        </pc:spChg>
        <pc:spChg chg="ord">
          <ac:chgData name="Theis Ziegler" userId="1d0357a8-3efe-41fa-839c-7601d995f2eb" providerId="ADAL" clId="{DF415A0B-A0B9-4C60-9114-93ED0130F608}" dt="2026-03-04T10:16:22.625" v="3743" actId="13244"/>
          <ac:spMkLst>
            <pc:docMk/>
            <pc:sldMk cId="1381248425" sldId="2147473509"/>
            <ac:spMk id="18" creationId="{C81370D2-3E2B-0ABD-D299-A3956840F32A}"/>
          </ac:spMkLst>
        </pc:spChg>
        <pc:spChg chg="add mod ord">
          <ac:chgData name="Theis Ziegler" userId="1d0357a8-3efe-41fa-839c-7601d995f2eb" providerId="ADAL" clId="{DF415A0B-A0B9-4C60-9114-93ED0130F608}" dt="2026-03-04T10:20:52.292" v="3778" actId="13244"/>
          <ac:spMkLst>
            <pc:docMk/>
            <pc:sldMk cId="1381248425" sldId="2147473509"/>
            <ac:spMk id="19" creationId="{CBFC827F-438B-B0DB-3CB0-78651B21CAF5}"/>
          </ac:spMkLst>
        </pc:spChg>
        <pc:spChg chg="ord">
          <ac:chgData name="Theis Ziegler" userId="1d0357a8-3efe-41fa-839c-7601d995f2eb" providerId="ADAL" clId="{DF415A0B-A0B9-4C60-9114-93ED0130F608}" dt="2026-03-04T10:14:23.167" v="3725" actId="13244"/>
          <ac:spMkLst>
            <pc:docMk/>
            <pc:sldMk cId="1381248425" sldId="2147473509"/>
            <ac:spMk id="20" creationId="{58CD2221-0799-41D0-5C58-7B9EEDB84E1A}"/>
          </ac:spMkLst>
        </pc:spChg>
        <pc:spChg chg="add mod ord">
          <ac:chgData name="Theis Ziegler" userId="1d0357a8-3efe-41fa-839c-7601d995f2eb" providerId="ADAL" clId="{DF415A0B-A0B9-4C60-9114-93ED0130F608}" dt="2026-03-04T10:20:56.822" v="3779" actId="13244"/>
          <ac:spMkLst>
            <pc:docMk/>
            <pc:sldMk cId="1381248425" sldId="2147473509"/>
            <ac:spMk id="21" creationId="{CAB3C72A-7658-9D76-E451-D421BAA6AB7D}"/>
          </ac:spMkLst>
        </pc:spChg>
        <pc:spChg chg="ord">
          <ac:chgData name="Theis Ziegler" userId="1d0357a8-3efe-41fa-839c-7601d995f2eb" providerId="ADAL" clId="{DF415A0B-A0B9-4C60-9114-93ED0130F608}" dt="2026-03-04T10:14:55.638" v="3730" actId="13244"/>
          <ac:spMkLst>
            <pc:docMk/>
            <pc:sldMk cId="1381248425" sldId="2147473509"/>
            <ac:spMk id="22" creationId="{C0554361-65C3-6FB1-326D-AC6DDE2223F3}"/>
          </ac:spMkLst>
        </pc:spChg>
        <pc:spChg chg="ord">
          <ac:chgData name="Theis Ziegler" userId="1d0357a8-3efe-41fa-839c-7601d995f2eb" providerId="ADAL" clId="{DF415A0B-A0B9-4C60-9114-93ED0130F608}" dt="2026-03-04T10:14:44.298" v="3728" actId="13244"/>
          <ac:spMkLst>
            <pc:docMk/>
            <pc:sldMk cId="1381248425" sldId="2147473509"/>
            <ac:spMk id="23" creationId="{D2F00C97-C5E7-5ADD-4DA3-730B21E39768}"/>
          </ac:spMkLst>
        </pc:spChg>
        <pc:spChg chg="mod ord">
          <ac:chgData name="Theis Ziegler" userId="1d0357a8-3efe-41fa-839c-7601d995f2eb" providerId="ADAL" clId="{DF415A0B-A0B9-4C60-9114-93ED0130F608}" dt="2026-03-04T10:15:11.323" v="3733" actId="962"/>
          <ac:spMkLst>
            <pc:docMk/>
            <pc:sldMk cId="1381248425" sldId="2147473509"/>
            <ac:spMk id="24" creationId="{69A2F425-DD16-414C-FB67-671139FDF554}"/>
          </ac:spMkLst>
        </pc:spChg>
        <pc:spChg chg="mod ord">
          <ac:chgData name="Theis Ziegler" userId="1d0357a8-3efe-41fa-839c-7601d995f2eb" providerId="ADAL" clId="{DF415A0B-A0B9-4C60-9114-93ED0130F608}" dt="2026-03-04T10:15:11.838" v="3734" actId="962"/>
          <ac:spMkLst>
            <pc:docMk/>
            <pc:sldMk cId="1381248425" sldId="2147473509"/>
            <ac:spMk id="25" creationId="{6DD683FD-F4B5-322B-7140-66A124E7CE56}"/>
          </ac:spMkLst>
        </pc:spChg>
        <pc:spChg chg="ord">
          <ac:chgData name="Theis Ziegler" userId="1d0357a8-3efe-41fa-839c-7601d995f2eb" providerId="ADAL" clId="{DF415A0B-A0B9-4C60-9114-93ED0130F608}" dt="2026-03-04T10:15:47.086" v="3739" actId="13244"/>
          <ac:spMkLst>
            <pc:docMk/>
            <pc:sldMk cId="1381248425" sldId="2147473509"/>
            <ac:spMk id="26" creationId="{008DA417-06F6-0222-CC15-D49896EDA836}"/>
          </ac:spMkLst>
        </pc:spChg>
        <pc:spChg chg="ord">
          <ac:chgData name="Theis Ziegler" userId="1d0357a8-3efe-41fa-839c-7601d995f2eb" providerId="ADAL" clId="{DF415A0B-A0B9-4C60-9114-93ED0130F608}" dt="2026-03-04T10:20:03.635" v="3772" actId="13244"/>
          <ac:spMkLst>
            <pc:docMk/>
            <pc:sldMk cId="1381248425" sldId="2147473509"/>
            <ac:spMk id="27" creationId="{60323703-0AAF-9839-090E-1DCDB9119095}"/>
          </ac:spMkLst>
        </pc:spChg>
        <pc:spChg chg="ord">
          <ac:chgData name="Theis Ziegler" userId="1d0357a8-3efe-41fa-839c-7601d995f2eb" providerId="ADAL" clId="{DF415A0B-A0B9-4C60-9114-93ED0130F608}" dt="2026-03-04T10:15:58.846" v="3742" actId="13244"/>
          <ac:spMkLst>
            <pc:docMk/>
            <pc:sldMk cId="1381248425" sldId="2147473509"/>
            <ac:spMk id="28" creationId="{4A494121-3088-3E8C-6A34-5D44039F8B2A}"/>
          </ac:spMkLst>
        </pc:spChg>
        <pc:spChg chg="ord">
          <ac:chgData name="Theis Ziegler" userId="1d0357a8-3efe-41fa-839c-7601d995f2eb" providerId="ADAL" clId="{DF415A0B-A0B9-4C60-9114-93ED0130F608}" dt="2026-03-04T10:15:14.743" v="3735" actId="13244"/>
          <ac:spMkLst>
            <pc:docMk/>
            <pc:sldMk cId="1381248425" sldId="2147473509"/>
            <ac:spMk id="29" creationId="{5C80642A-BFE0-5737-BC2B-FCAD5D88958C}"/>
          </ac:spMkLst>
        </pc:spChg>
        <pc:spChg chg="mod ord">
          <ac:chgData name="Theis Ziegler" userId="1d0357a8-3efe-41fa-839c-7601d995f2eb" providerId="ADAL" clId="{DF415A0B-A0B9-4C60-9114-93ED0130F608}" dt="2026-03-04T10:15:55.675" v="3740" actId="962"/>
          <ac:spMkLst>
            <pc:docMk/>
            <pc:sldMk cId="1381248425" sldId="2147473509"/>
            <ac:spMk id="30" creationId="{6C847107-7B60-263A-CD3D-647585210712}"/>
          </ac:spMkLst>
        </pc:spChg>
        <pc:spChg chg="ord">
          <ac:chgData name="Theis Ziegler" userId="1d0357a8-3efe-41fa-839c-7601d995f2eb" providerId="ADAL" clId="{DF415A0B-A0B9-4C60-9114-93ED0130F608}" dt="2026-03-04T10:16:59.643" v="3746" actId="13244"/>
          <ac:spMkLst>
            <pc:docMk/>
            <pc:sldMk cId="1381248425" sldId="2147473509"/>
            <ac:spMk id="31" creationId="{6383404F-FF52-5600-C248-537D08646DCA}"/>
          </ac:spMkLst>
        </pc:spChg>
        <pc:spChg chg="mod ord">
          <ac:chgData name="Theis Ziegler" userId="1d0357a8-3efe-41fa-839c-7601d995f2eb" providerId="ADAL" clId="{DF415A0B-A0B9-4C60-9114-93ED0130F608}" dt="2026-03-04T10:15:56.807" v="3741" actId="962"/>
          <ac:spMkLst>
            <pc:docMk/>
            <pc:sldMk cId="1381248425" sldId="2147473509"/>
            <ac:spMk id="32" creationId="{D08D2B22-E9E2-DE03-6ACA-F9A58C55A75A}"/>
          </ac:spMkLst>
        </pc:spChg>
        <pc:spChg chg="mod ord">
          <ac:chgData name="Theis Ziegler" userId="1d0357a8-3efe-41fa-839c-7601d995f2eb" providerId="ADAL" clId="{DF415A0B-A0B9-4C60-9114-93ED0130F608}" dt="2026-03-04T10:16:57.766" v="3745" actId="962"/>
          <ac:spMkLst>
            <pc:docMk/>
            <pc:sldMk cId="1381248425" sldId="2147473509"/>
            <ac:spMk id="33" creationId="{CC6C1AAC-BF2B-4AA0-61C4-5A0667A8DD6B}"/>
          </ac:spMkLst>
        </pc:spChg>
        <pc:spChg chg="add mod ord">
          <ac:chgData name="Theis Ziegler" userId="1d0357a8-3efe-41fa-839c-7601d995f2eb" providerId="ADAL" clId="{DF415A0B-A0B9-4C60-9114-93ED0130F608}" dt="2026-03-04T10:22:51.949" v="3810" actId="13244"/>
          <ac:spMkLst>
            <pc:docMk/>
            <pc:sldMk cId="1381248425" sldId="2147473509"/>
            <ac:spMk id="34" creationId="{8857816D-041E-7B49-9692-671A932D60D6}"/>
          </ac:spMkLst>
        </pc:spChg>
        <pc:spChg chg="ord">
          <ac:chgData name="Theis Ziegler" userId="1d0357a8-3efe-41fa-839c-7601d995f2eb" providerId="ADAL" clId="{DF415A0B-A0B9-4C60-9114-93ED0130F608}" dt="2026-03-04T10:16:22.625" v="3743" actId="13244"/>
          <ac:spMkLst>
            <pc:docMk/>
            <pc:sldMk cId="1381248425" sldId="2147473509"/>
            <ac:spMk id="36" creationId="{4CA2ED67-B245-FE0D-652D-D71F27A9FC64}"/>
          </ac:spMkLst>
        </pc:spChg>
        <pc:spChg chg="ord">
          <ac:chgData name="Theis Ziegler" userId="1d0357a8-3efe-41fa-839c-7601d995f2eb" providerId="ADAL" clId="{DF415A0B-A0B9-4C60-9114-93ED0130F608}" dt="2026-03-04T10:16:22.625" v="3743" actId="13244"/>
          <ac:spMkLst>
            <pc:docMk/>
            <pc:sldMk cId="1381248425" sldId="2147473509"/>
            <ac:spMk id="37" creationId="{B5C95736-B25B-67F3-ADC8-9F85685EDBD1}"/>
          </ac:spMkLst>
        </pc:spChg>
        <pc:spChg chg="ord">
          <ac:chgData name="Theis Ziegler" userId="1d0357a8-3efe-41fa-839c-7601d995f2eb" providerId="ADAL" clId="{DF415A0B-A0B9-4C60-9114-93ED0130F608}" dt="2026-03-04T10:19:59.257" v="3771" actId="13244"/>
          <ac:spMkLst>
            <pc:docMk/>
            <pc:sldMk cId="1381248425" sldId="2147473509"/>
            <ac:spMk id="38" creationId="{A6A3CF98-3FAD-3255-3912-F1059229FEA5}"/>
          </ac:spMkLst>
        </pc:spChg>
        <pc:spChg chg="mod">
          <ac:chgData name="Theis Ziegler" userId="1d0357a8-3efe-41fa-839c-7601d995f2eb" providerId="ADAL" clId="{DF415A0B-A0B9-4C60-9114-93ED0130F608}" dt="2026-03-04T10:21:10.028" v="3789" actId="962"/>
          <ac:spMkLst>
            <pc:docMk/>
            <pc:sldMk cId="1381248425" sldId="2147473509"/>
            <ac:spMk id="39" creationId="{6898A5E5-28E6-E6C9-BF21-FFAF8B617E38}"/>
          </ac:spMkLst>
        </pc:spChg>
        <pc:spChg chg="add mod ord">
          <ac:chgData name="Theis Ziegler" userId="1d0357a8-3efe-41fa-839c-7601d995f2eb" providerId="ADAL" clId="{DF415A0B-A0B9-4C60-9114-93ED0130F608}" dt="2026-03-04T10:22:49.796" v="3809" actId="13244"/>
          <ac:spMkLst>
            <pc:docMk/>
            <pc:sldMk cId="1381248425" sldId="2147473509"/>
            <ac:spMk id="40" creationId="{53323051-C5C8-FAF7-4BA4-8A07C987B7C8}"/>
          </ac:spMkLst>
        </pc:spChg>
        <pc:spChg chg="ord">
          <ac:chgData name="Theis Ziegler" userId="1d0357a8-3efe-41fa-839c-7601d995f2eb" providerId="ADAL" clId="{DF415A0B-A0B9-4C60-9114-93ED0130F608}" dt="2026-03-04T10:21:42.382" v="3790" actId="13244"/>
          <ac:spMkLst>
            <pc:docMk/>
            <pc:sldMk cId="1381248425" sldId="2147473509"/>
            <ac:spMk id="42" creationId="{AEE4AD32-4C92-10E3-1E0E-87D0F2214D76}"/>
          </ac:spMkLst>
        </pc:spChg>
        <pc:spChg chg="ord">
          <ac:chgData name="Theis Ziegler" userId="1d0357a8-3efe-41fa-839c-7601d995f2eb" providerId="ADAL" clId="{DF415A0B-A0B9-4C60-9114-93ED0130F608}" dt="2026-03-04T10:18:58.937" v="3766" actId="13244"/>
          <ac:spMkLst>
            <pc:docMk/>
            <pc:sldMk cId="1381248425" sldId="2147473509"/>
            <ac:spMk id="44" creationId="{A191F8CA-1079-5A23-987A-E689E10C7202}"/>
          </ac:spMkLst>
        </pc:spChg>
        <pc:spChg chg="ord">
          <ac:chgData name="Theis Ziegler" userId="1d0357a8-3efe-41fa-839c-7601d995f2eb" providerId="ADAL" clId="{DF415A0B-A0B9-4C60-9114-93ED0130F608}" dt="2026-03-04T10:19:10.545" v="3769" actId="13244"/>
          <ac:spMkLst>
            <pc:docMk/>
            <pc:sldMk cId="1381248425" sldId="2147473509"/>
            <ac:spMk id="45" creationId="{A8189329-0138-748A-2D72-A7822CE5F775}"/>
          </ac:spMkLst>
        </pc:spChg>
        <pc:spChg chg="ord">
          <ac:chgData name="Theis Ziegler" userId="1d0357a8-3efe-41fa-839c-7601d995f2eb" providerId="ADAL" clId="{DF415A0B-A0B9-4C60-9114-93ED0130F608}" dt="2026-03-04T10:20:04.913" v="3773" actId="13244"/>
          <ac:spMkLst>
            <pc:docMk/>
            <pc:sldMk cId="1381248425" sldId="2147473509"/>
            <ac:spMk id="46" creationId="{6E0CBFDC-466C-F84B-4662-C54CBCF039B7}"/>
          </ac:spMkLst>
        </pc:spChg>
        <pc:spChg chg="ord">
          <ac:chgData name="Theis Ziegler" userId="1d0357a8-3efe-41fa-839c-7601d995f2eb" providerId="ADAL" clId="{DF415A0B-A0B9-4C60-9114-93ED0130F608}" dt="2026-03-04T10:17:31.604" v="3751" actId="13244"/>
          <ac:spMkLst>
            <pc:docMk/>
            <pc:sldMk cId="1381248425" sldId="2147473509"/>
            <ac:spMk id="50" creationId="{7A4FEFDF-E3F7-0006-4485-863626307CA5}"/>
          </ac:spMkLst>
        </pc:spChg>
        <pc:spChg chg="ord">
          <ac:chgData name="Theis Ziegler" userId="1d0357a8-3efe-41fa-839c-7601d995f2eb" providerId="ADAL" clId="{DF415A0B-A0B9-4C60-9114-93ED0130F608}" dt="2026-03-04T10:17:35.220" v="3752" actId="13244"/>
          <ac:spMkLst>
            <pc:docMk/>
            <pc:sldMk cId="1381248425" sldId="2147473509"/>
            <ac:spMk id="51" creationId="{58B35859-CF8A-5D9D-D760-4755876D7C51}"/>
          </ac:spMkLst>
        </pc:spChg>
        <pc:spChg chg="mod">
          <ac:chgData name="Theis Ziegler" userId="1d0357a8-3efe-41fa-839c-7601d995f2eb" providerId="ADAL" clId="{DF415A0B-A0B9-4C60-9114-93ED0130F608}" dt="2026-03-04T10:22:53.169" v="3811" actId="962"/>
          <ac:spMkLst>
            <pc:docMk/>
            <pc:sldMk cId="1381248425" sldId="2147473509"/>
            <ac:spMk id="53" creationId="{9B01D335-A20E-3325-D402-FFFF7C8A01D2}"/>
          </ac:spMkLst>
        </pc:spChg>
        <pc:spChg chg="mod ord">
          <ac:chgData name="Theis Ziegler" userId="1d0357a8-3efe-41fa-839c-7601d995f2eb" providerId="ADAL" clId="{DF415A0B-A0B9-4C60-9114-93ED0130F608}" dt="2026-03-04T10:21:47.824" v="3791" actId="962"/>
          <ac:spMkLst>
            <pc:docMk/>
            <pc:sldMk cId="1381248425" sldId="2147473509"/>
            <ac:spMk id="56" creationId="{14937074-8F70-0CC8-0B49-CCDD45600913}"/>
          </ac:spMkLst>
        </pc:spChg>
        <pc:spChg chg="ord">
          <ac:chgData name="Theis Ziegler" userId="1d0357a8-3efe-41fa-839c-7601d995f2eb" providerId="ADAL" clId="{DF415A0B-A0B9-4C60-9114-93ED0130F608}" dt="2026-03-04T10:19:09.178" v="3768" actId="13244"/>
          <ac:spMkLst>
            <pc:docMk/>
            <pc:sldMk cId="1381248425" sldId="2147473509"/>
            <ac:spMk id="57" creationId="{8F2474C8-B4FF-4F78-B5E0-2EFDBDA2F291}"/>
          </ac:spMkLst>
        </pc:spChg>
        <pc:spChg chg="ord">
          <ac:chgData name="Theis Ziegler" userId="1d0357a8-3efe-41fa-839c-7601d995f2eb" providerId="ADAL" clId="{DF415A0B-A0B9-4C60-9114-93ED0130F608}" dt="2026-03-04T10:19:11.738" v="3770" actId="13244"/>
          <ac:spMkLst>
            <pc:docMk/>
            <pc:sldMk cId="1381248425" sldId="2147473509"/>
            <ac:spMk id="59" creationId="{DF087673-2F30-187C-922A-01D42A3D306F}"/>
          </ac:spMkLst>
        </pc:spChg>
        <pc:spChg chg="ord">
          <ac:chgData name="Theis Ziegler" userId="1d0357a8-3efe-41fa-839c-7601d995f2eb" providerId="ADAL" clId="{DF415A0B-A0B9-4C60-9114-93ED0130F608}" dt="2026-03-04T10:19:59.257" v="3771" actId="13244"/>
          <ac:spMkLst>
            <pc:docMk/>
            <pc:sldMk cId="1381248425" sldId="2147473509"/>
            <ac:spMk id="61" creationId="{1863BCAB-ED24-681B-5546-2939AB800774}"/>
          </ac:spMkLst>
        </pc:spChg>
        <pc:spChg chg="ord">
          <ac:chgData name="Theis Ziegler" userId="1d0357a8-3efe-41fa-839c-7601d995f2eb" providerId="ADAL" clId="{DF415A0B-A0B9-4C60-9114-93ED0130F608}" dt="2026-03-04T10:18:04.237" v="3754" actId="13244"/>
          <ac:spMkLst>
            <pc:docMk/>
            <pc:sldMk cId="1381248425" sldId="2147473509"/>
            <ac:spMk id="128" creationId="{4B768B5B-D688-7FB7-006C-C7BFBE98A5C6}"/>
          </ac:spMkLst>
        </pc:spChg>
        <pc:spChg chg="mod">
          <ac:chgData name="Theis Ziegler" userId="1d0357a8-3efe-41fa-839c-7601d995f2eb" providerId="ADAL" clId="{DF415A0B-A0B9-4C60-9114-93ED0130F608}" dt="2026-03-04T10:13:00.504" v="3719" actId="962"/>
          <ac:spMkLst>
            <pc:docMk/>
            <pc:sldMk cId="1381248425" sldId="2147473509"/>
            <ac:spMk id="135" creationId="{649A9444-CE1E-4D1F-4D81-366251875FA7}"/>
          </ac:spMkLst>
        </pc:spChg>
        <pc:spChg chg="mod">
          <ac:chgData name="Theis Ziegler" userId="1d0357a8-3efe-41fa-839c-7601d995f2eb" providerId="ADAL" clId="{DF415A0B-A0B9-4C60-9114-93ED0130F608}" dt="2026-03-04T10:13:00.504" v="3719" actId="962"/>
          <ac:spMkLst>
            <pc:docMk/>
            <pc:sldMk cId="1381248425" sldId="2147473509"/>
            <ac:spMk id="136" creationId="{93B17C8C-C584-0B34-4C8D-BCC0F7565DFB}"/>
          </ac:spMkLst>
        </pc:spChg>
        <pc:spChg chg="mod">
          <ac:chgData name="Theis Ziegler" userId="1d0357a8-3efe-41fa-839c-7601d995f2eb" providerId="ADAL" clId="{DF415A0B-A0B9-4C60-9114-93ED0130F608}" dt="2026-03-04T10:13:00.504" v="3719" actId="962"/>
          <ac:spMkLst>
            <pc:docMk/>
            <pc:sldMk cId="1381248425" sldId="2147473509"/>
            <ac:spMk id="137" creationId="{BD2701EF-A9E2-E7AE-384D-13654524E03D}"/>
          </ac:spMkLst>
        </pc:spChg>
        <pc:spChg chg="mod">
          <ac:chgData name="Theis Ziegler" userId="1d0357a8-3efe-41fa-839c-7601d995f2eb" providerId="ADAL" clId="{DF415A0B-A0B9-4C60-9114-93ED0130F608}" dt="2026-03-04T10:13:00.504" v="3719" actId="962"/>
          <ac:spMkLst>
            <pc:docMk/>
            <pc:sldMk cId="1381248425" sldId="2147473509"/>
            <ac:spMk id="138" creationId="{EC5E456A-3A42-C4DE-0E2D-CA1588DDB770}"/>
          </ac:spMkLst>
        </pc:spChg>
        <pc:spChg chg="mod">
          <ac:chgData name="Theis Ziegler" userId="1d0357a8-3efe-41fa-839c-7601d995f2eb" providerId="ADAL" clId="{DF415A0B-A0B9-4C60-9114-93ED0130F608}" dt="2026-03-04T10:13:00.504" v="3719" actId="962"/>
          <ac:spMkLst>
            <pc:docMk/>
            <pc:sldMk cId="1381248425" sldId="2147473509"/>
            <ac:spMk id="149" creationId="{08C1DED2-7B50-A01B-8FE2-A7413909B8FE}"/>
          </ac:spMkLst>
        </pc:spChg>
        <pc:spChg chg="mod">
          <ac:chgData name="Theis Ziegler" userId="1d0357a8-3efe-41fa-839c-7601d995f2eb" providerId="ADAL" clId="{DF415A0B-A0B9-4C60-9114-93ED0130F608}" dt="2026-03-04T10:13:00.504" v="3719" actId="962"/>
          <ac:spMkLst>
            <pc:docMk/>
            <pc:sldMk cId="1381248425" sldId="2147473509"/>
            <ac:spMk id="150" creationId="{F78AE62A-A72A-649D-7250-A032E3A2F9E5}"/>
          </ac:spMkLst>
        </pc:spChg>
        <pc:spChg chg="ord">
          <ac:chgData name="Theis Ziegler" userId="1d0357a8-3efe-41fa-839c-7601d995f2eb" providerId="ADAL" clId="{DF415A0B-A0B9-4C60-9114-93ED0130F608}" dt="2026-03-04T10:22:01.963" v="3795" actId="13244"/>
          <ac:spMkLst>
            <pc:docMk/>
            <pc:sldMk cId="1381248425" sldId="2147473509"/>
            <ac:spMk id="166" creationId="{A6E202D9-C061-4B29-36D8-4917C012C685}"/>
          </ac:spMkLst>
        </pc:spChg>
        <pc:spChg chg="mod ord">
          <ac:chgData name="Theis Ziegler" userId="1d0357a8-3efe-41fa-839c-7601d995f2eb" providerId="ADAL" clId="{DF415A0B-A0B9-4C60-9114-93ED0130F608}" dt="2026-03-04T10:21:48.730" v="3792" actId="962"/>
          <ac:spMkLst>
            <pc:docMk/>
            <pc:sldMk cId="1381248425" sldId="2147473509"/>
            <ac:spMk id="167" creationId="{C6D91399-1C9A-752B-8DB7-742320C770E1}"/>
          </ac:spMkLst>
        </pc:spChg>
        <pc:spChg chg="ord">
          <ac:chgData name="Theis Ziegler" userId="1d0357a8-3efe-41fa-839c-7601d995f2eb" providerId="ADAL" clId="{DF415A0B-A0B9-4C60-9114-93ED0130F608}" dt="2026-03-04T10:22:03.760" v="3796" actId="13244"/>
          <ac:spMkLst>
            <pc:docMk/>
            <pc:sldMk cId="1381248425" sldId="2147473509"/>
            <ac:spMk id="168" creationId="{264929D3-36B7-6AB5-A239-1A45093EA202}"/>
          </ac:spMkLst>
        </pc:spChg>
        <pc:spChg chg="ord">
          <ac:chgData name="Theis Ziegler" userId="1d0357a8-3efe-41fa-839c-7601d995f2eb" providerId="ADAL" clId="{DF415A0B-A0B9-4C60-9114-93ED0130F608}" dt="2026-03-04T10:22:00.490" v="3794" actId="13244"/>
          <ac:spMkLst>
            <pc:docMk/>
            <pc:sldMk cId="1381248425" sldId="2147473509"/>
            <ac:spMk id="169" creationId="{B19AB640-8B1A-D177-A0A7-B0FD0E2FE092}"/>
          </ac:spMkLst>
        </pc:spChg>
        <pc:spChg chg="ord">
          <ac:chgData name="Theis Ziegler" userId="1d0357a8-3efe-41fa-839c-7601d995f2eb" providerId="ADAL" clId="{DF415A0B-A0B9-4C60-9114-93ED0130F608}" dt="2026-03-04T10:22:13.033" v="3797" actId="13244"/>
          <ac:spMkLst>
            <pc:docMk/>
            <pc:sldMk cId="1381248425" sldId="2147473509"/>
            <ac:spMk id="172" creationId="{C62894C5-1C33-865D-C96F-870D4DC163BD}"/>
          </ac:spMkLst>
        </pc:spChg>
        <pc:spChg chg="ord">
          <ac:chgData name="Theis Ziegler" userId="1d0357a8-3efe-41fa-839c-7601d995f2eb" providerId="ADAL" clId="{DF415A0B-A0B9-4C60-9114-93ED0130F608}" dt="2026-03-04T10:22:15.224" v="3798" actId="13244"/>
          <ac:spMkLst>
            <pc:docMk/>
            <pc:sldMk cId="1381248425" sldId="2147473509"/>
            <ac:spMk id="173" creationId="{EBF58DE1-14FC-9822-69A1-4D25523951BF}"/>
          </ac:spMkLst>
        </pc:spChg>
        <pc:spChg chg="ord">
          <ac:chgData name="Theis Ziegler" userId="1d0357a8-3efe-41fa-839c-7601d995f2eb" providerId="ADAL" clId="{DF415A0B-A0B9-4C60-9114-93ED0130F608}" dt="2026-03-04T10:22:21.793" v="3800" actId="13244"/>
          <ac:spMkLst>
            <pc:docMk/>
            <pc:sldMk cId="1381248425" sldId="2147473509"/>
            <ac:spMk id="179" creationId="{3FEC3D22-1199-5626-1147-4AAE6AE80724}"/>
          </ac:spMkLst>
        </pc:spChg>
        <pc:spChg chg="ord">
          <ac:chgData name="Theis Ziegler" userId="1d0357a8-3efe-41fa-839c-7601d995f2eb" providerId="ADAL" clId="{DF415A0B-A0B9-4C60-9114-93ED0130F608}" dt="2026-03-04T10:22:31.998" v="3804" actId="13244"/>
          <ac:spMkLst>
            <pc:docMk/>
            <pc:sldMk cId="1381248425" sldId="2147473509"/>
            <ac:spMk id="180" creationId="{BD0F6E21-0167-F5E5-1700-39393EA88292}"/>
          </ac:spMkLst>
        </pc:spChg>
        <pc:spChg chg="ord">
          <ac:chgData name="Theis Ziegler" userId="1d0357a8-3efe-41fa-839c-7601d995f2eb" providerId="ADAL" clId="{DF415A0B-A0B9-4C60-9114-93ED0130F608}" dt="2026-03-04T10:22:39.539" v="3806" actId="13244"/>
          <ac:spMkLst>
            <pc:docMk/>
            <pc:sldMk cId="1381248425" sldId="2147473509"/>
            <ac:spMk id="181" creationId="{CCA085AB-39D9-4339-4A07-E86FCCDAD6BB}"/>
          </ac:spMkLst>
        </pc:spChg>
        <pc:spChg chg="mod">
          <ac:chgData name="Theis Ziegler" userId="1d0357a8-3efe-41fa-839c-7601d995f2eb" providerId="ADAL" clId="{DF415A0B-A0B9-4C60-9114-93ED0130F608}" dt="2026-03-04T10:22:54.366" v="3812" actId="962"/>
          <ac:spMkLst>
            <pc:docMk/>
            <pc:sldMk cId="1381248425" sldId="2147473509"/>
            <ac:spMk id="182" creationId="{1CB943BC-228A-99AF-DD09-BB26CAED0A5F}"/>
          </ac:spMkLst>
        </pc:spChg>
        <pc:spChg chg="ord">
          <ac:chgData name="Theis Ziegler" userId="1d0357a8-3efe-41fa-839c-7601d995f2eb" providerId="ADAL" clId="{DF415A0B-A0B9-4C60-9114-93ED0130F608}" dt="2026-03-04T10:22:24.406" v="3801" actId="13244"/>
          <ac:spMkLst>
            <pc:docMk/>
            <pc:sldMk cId="1381248425" sldId="2147473509"/>
            <ac:spMk id="183" creationId="{94E394E2-4BC0-2442-D097-814243070AEB}"/>
          </ac:spMkLst>
        </pc:spChg>
        <pc:spChg chg="ord">
          <ac:chgData name="Theis Ziegler" userId="1d0357a8-3efe-41fa-839c-7601d995f2eb" providerId="ADAL" clId="{DF415A0B-A0B9-4C60-9114-93ED0130F608}" dt="2026-03-04T10:22:34.630" v="3805" actId="13244"/>
          <ac:spMkLst>
            <pc:docMk/>
            <pc:sldMk cId="1381248425" sldId="2147473509"/>
            <ac:spMk id="184" creationId="{FE48112A-E1B6-2A44-E106-8B90225C672C}"/>
          </ac:spMkLst>
        </pc:spChg>
        <pc:spChg chg="ord">
          <ac:chgData name="Theis Ziegler" userId="1d0357a8-3efe-41fa-839c-7601d995f2eb" providerId="ADAL" clId="{DF415A0B-A0B9-4C60-9114-93ED0130F608}" dt="2026-03-04T10:22:42.401" v="3807" actId="13244"/>
          <ac:spMkLst>
            <pc:docMk/>
            <pc:sldMk cId="1381248425" sldId="2147473509"/>
            <ac:spMk id="185" creationId="{8885AE73-E3EB-8175-1F02-F755CC9B2B79}"/>
          </ac:spMkLst>
        </pc:spChg>
        <pc:spChg chg="mod">
          <ac:chgData name="Theis Ziegler" userId="1d0357a8-3efe-41fa-839c-7601d995f2eb" providerId="ADAL" clId="{DF415A0B-A0B9-4C60-9114-93ED0130F608}" dt="2026-03-04T10:22:55.237" v="3813" actId="962"/>
          <ac:spMkLst>
            <pc:docMk/>
            <pc:sldMk cId="1381248425" sldId="2147473509"/>
            <ac:spMk id="186" creationId="{B4AA5900-84E7-500C-489E-E4FA9079E989}"/>
          </ac:spMkLst>
        </pc:spChg>
        <pc:spChg chg="ord">
          <ac:chgData name="Theis Ziegler" userId="1d0357a8-3efe-41fa-839c-7601d995f2eb" providerId="ADAL" clId="{DF415A0B-A0B9-4C60-9114-93ED0130F608}" dt="2026-03-04T10:16:46.050" v="3744" actId="13244"/>
          <ac:spMkLst>
            <pc:docMk/>
            <pc:sldMk cId="1381248425" sldId="2147473509"/>
            <ac:spMk id="187" creationId="{13EB200F-B80A-4B91-2C8F-7EE501E5ACEE}"/>
          </ac:spMkLst>
        </pc:spChg>
        <pc:spChg chg="ord">
          <ac:chgData name="Theis Ziegler" userId="1d0357a8-3efe-41fa-839c-7601d995f2eb" providerId="ADAL" clId="{DF415A0B-A0B9-4C60-9114-93ED0130F608}" dt="2026-03-04T10:13:40.238" v="3723" actId="13244"/>
          <ac:spMkLst>
            <pc:docMk/>
            <pc:sldMk cId="1381248425" sldId="2147473509"/>
            <ac:spMk id="188" creationId="{8C6AFC03-7203-BE02-1D40-523D14955362}"/>
          </ac:spMkLst>
        </pc:spChg>
        <pc:spChg chg="ord">
          <ac:chgData name="Theis Ziegler" userId="1d0357a8-3efe-41fa-839c-7601d995f2eb" providerId="ADAL" clId="{DF415A0B-A0B9-4C60-9114-93ED0130F608}" dt="2026-03-04T10:13:40.238" v="3723" actId="13244"/>
          <ac:spMkLst>
            <pc:docMk/>
            <pc:sldMk cId="1381248425" sldId="2147473509"/>
            <ac:spMk id="189" creationId="{A2BC406F-7D69-6D4A-5288-FFF7F6C045B5}"/>
          </ac:spMkLst>
        </pc:spChg>
        <pc:spChg chg="ord">
          <ac:chgData name="Theis Ziegler" userId="1d0357a8-3efe-41fa-839c-7601d995f2eb" providerId="ADAL" clId="{DF415A0B-A0B9-4C60-9114-93ED0130F608}" dt="2026-03-04T10:14:32.776" v="3727" actId="13244"/>
          <ac:spMkLst>
            <pc:docMk/>
            <pc:sldMk cId="1381248425" sldId="2147473509"/>
            <ac:spMk id="190" creationId="{6D91C36C-B401-EFE4-011E-6F07027AF9FF}"/>
          </ac:spMkLst>
        </pc:spChg>
        <pc:spChg chg="ord">
          <ac:chgData name="Theis Ziegler" userId="1d0357a8-3efe-41fa-839c-7601d995f2eb" providerId="ADAL" clId="{DF415A0B-A0B9-4C60-9114-93ED0130F608}" dt="2026-03-04T10:13:30.204" v="3721" actId="13244"/>
          <ac:spMkLst>
            <pc:docMk/>
            <pc:sldMk cId="1381248425" sldId="2147473509"/>
            <ac:spMk id="191" creationId="{04AE7F16-1367-000D-B8FD-A75CD63CE725}"/>
          </ac:spMkLst>
        </pc:spChg>
        <pc:spChg chg="mod ord">
          <ac:chgData name="Theis Ziegler" userId="1d0357a8-3efe-41fa-839c-7601d995f2eb" providerId="ADAL" clId="{DF415A0B-A0B9-4C60-9114-93ED0130F608}" dt="2026-03-04T10:13:32.103" v="3722" actId="962"/>
          <ac:spMkLst>
            <pc:docMk/>
            <pc:sldMk cId="1381248425" sldId="2147473509"/>
            <ac:spMk id="192" creationId="{94E873E2-D838-6CCE-90F7-4C898C7FD882}"/>
          </ac:spMkLst>
        </pc:spChg>
        <pc:spChg chg="mod ord">
          <ac:chgData name="Theis Ziegler" userId="1d0357a8-3efe-41fa-839c-7601d995f2eb" providerId="ADAL" clId="{DF415A0B-A0B9-4C60-9114-93ED0130F608}" dt="2026-03-04T10:14:24.492" v="3726" actId="962"/>
          <ac:spMkLst>
            <pc:docMk/>
            <pc:sldMk cId="1381248425" sldId="2147473509"/>
            <ac:spMk id="193" creationId="{E701D8D0-CAC9-1C01-8CE9-F517662D02BA}"/>
          </ac:spMkLst>
        </pc:spChg>
        <pc:spChg chg="ord">
          <ac:chgData name="Theis Ziegler" userId="1d0357a8-3efe-41fa-839c-7601d995f2eb" providerId="ADAL" clId="{DF415A0B-A0B9-4C60-9114-93ED0130F608}" dt="2026-03-04T10:20:23.971" v="3774" actId="13244"/>
          <ac:spMkLst>
            <pc:docMk/>
            <pc:sldMk cId="1381248425" sldId="2147473509"/>
            <ac:spMk id="195" creationId="{018FDBDD-5ED7-50A9-1514-FCD0D11DA85D}"/>
          </ac:spMkLst>
        </pc:spChg>
        <pc:spChg chg="ord">
          <ac:chgData name="Theis Ziegler" userId="1d0357a8-3efe-41fa-839c-7601d995f2eb" providerId="ADAL" clId="{DF415A0B-A0B9-4C60-9114-93ED0130F608}" dt="2026-03-04T10:20:23.971" v="3774" actId="13244"/>
          <ac:spMkLst>
            <pc:docMk/>
            <pc:sldMk cId="1381248425" sldId="2147473509"/>
            <ac:spMk id="196" creationId="{9D150E29-81E8-32AD-CB40-3F9E20A2249B}"/>
          </ac:spMkLst>
        </pc:spChg>
        <pc:spChg chg="ord">
          <ac:chgData name="Theis Ziegler" userId="1d0357a8-3efe-41fa-839c-7601d995f2eb" providerId="ADAL" clId="{DF415A0B-A0B9-4C60-9114-93ED0130F608}" dt="2026-03-04T10:18:11.458" v="3755" actId="13244"/>
          <ac:spMkLst>
            <pc:docMk/>
            <pc:sldMk cId="1381248425" sldId="2147473509"/>
            <ac:spMk id="197" creationId="{EA879A23-319B-2ADE-3DCB-BBF893F6A272}"/>
          </ac:spMkLst>
        </pc:spChg>
        <pc:spChg chg="ord">
          <ac:chgData name="Theis Ziegler" userId="1d0357a8-3efe-41fa-839c-7601d995f2eb" providerId="ADAL" clId="{DF415A0B-A0B9-4C60-9114-93ED0130F608}" dt="2026-03-04T10:20:28.014" v="3776" actId="13244"/>
          <ac:spMkLst>
            <pc:docMk/>
            <pc:sldMk cId="1381248425" sldId="2147473509"/>
            <ac:spMk id="198" creationId="{19D6DC0D-4B93-E90B-33D5-C10F0809CE8B}"/>
          </ac:spMkLst>
        </pc:spChg>
        <pc:spChg chg="mod ord">
          <ac:chgData name="Theis Ziegler" userId="1d0357a8-3efe-41fa-839c-7601d995f2eb" providerId="ADAL" clId="{DF415A0B-A0B9-4C60-9114-93ED0130F608}" dt="2026-03-04T10:20:26.240" v="3775" actId="962"/>
          <ac:spMkLst>
            <pc:docMk/>
            <pc:sldMk cId="1381248425" sldId="2147473509"/>
            <ac:spMk id="199" creationId="{11F475F3-5EBD-9EF8-D88D-9CA86CF7B89C}"/>
          </ac:spMkLst>
        </pc:spChg>
        <pc:spChg chg="ord">
          <ac:chgData name="Theis Ziegler" userId="1d0357a8-3efe-41fa-839c-7601d995f2eb" providerId="ADAL" clId="{DF415A0B-A0B9-4C60-9114-93ED0130F608}" dt="2026-03-04T10:18:14.506" v="3756" actId="13244"/>
          <ac:spMkLst>
            <pc:docMk/>
            <pc:sldMk cId="1381248425" sldId="2147473509"/>
            <ac:spMk id="200" creationId="{857990C7-CD71-8F41-D137-8CB4376D3DB4}"/>
          </ac:spMkLst>
        </pc:spChg>
        <pc:spChg chg="ord">
          <ac:chgData name="Theis Ziegler" userId="1d0357a8-3efe-41fa-839c-7601d995f2eb" providerId="ADAL" clId="{DF415A0B-A0B9-4C60-9114-93ED0130F608}" dt="2026-03-04T10:18:27.611" v="3758" actId="13244"/>
          <ac:spMkLst>
            <pc:docMk/>
            <pc:sldMk cId="1381248425" sldId="2147473509"/>
            <ac:spMk id="201" creationId="{3CA1123F-F4FF-FBEC-8C31-C4A6C7D674C3}"/>
          </ac:spMkLst>
        </pc:spChg>
        <pc:spChg chg="ord">
          <ac:chgData name="Theis Ziegler" userId="1d0357a8-3efe-41fa-839c-7601d995f2eb" providerId="ADAL" clId="{DF415A0B-A0B9-4C60-9114-93ED0130F608}" dt="2026-03-04T10:18:31.636" v="3759" actId="13244"/>
          <ac:spMkLst>
            <pc:docMk/>
            <pc:sldMk cId="1381248425" sldId="2147473509"/>
            <ac:spMk id="202" creationId="{83FF818D-5EE2-AD8A-C394-061EC309D5DC}"/>
          </ac:spMkLst>
        </pc:spChg>
        <pc:spChg chg="ord">
          <ac:chgData name="Theis Ziegler" userId="1d0357a8-3efe-41fa-839c-7601d995f2eb" providerId="ADAL" clId="{DF415A0B-A0B9-4C60-9114-93ED0130F608}" dt="2026-03-04T10:18:42.479" v="3761" actId="13244"/>
          <ac:spMkLst>
            <pc:docMk/>
            <pc:sldMk cId="1381248425" sldId="2147473509"/>
            <ac:spMk id="203" creationId="{CD777C2B-E349-B675-983D-33A7C64E83F2}"/>
          </ac:spMkLst>
        </pc:spChg>
        <pc:spChg chg="ord">
          <ac:chgData name="Theis Ziegler" userId="1d0357a8-3efe-41fa-839c-7601d995f2eb" providerId="ADAL" clId="{DF415A0B-A0B9-4C60-9114-93ED0130F608}" dt="2026-03-04T10:18:42.479" v="3761" actId="13244"/>
          <ac:spMkLst>
            <pc:docMk/>
            <pc:sldMk cId="1381248425" sldId="2147473509"/>
            <ac:spMk id="204" creationId="{96C30643-EF6B-964C-29CD-A61C122FA554}"/>
          </ac:spMkLst>
        </pc:spChg>
        <pc:spChg chg="ord">
          <ac:chgData name="Theis Ziegler" userId="1d0357a8-3efe-41fa-839c-7601d995f2eb" providerId="ADAL" clId="{DF415A0B-A0B9-4C60-9114-93ED0130F608}" dt="2026-03-04T10:18:23.743" v="3757" actId="13244"/>
          <ac:spMkLst>
            <pc:docMk/>
            <pc:sldMk cId="1381248425" sldId="2147473509"/>
            <ac:spMk id="205" creationId="{8C33EA62-6FDA-FC53-F92E-98B33C56E816}"/>
          </ac:spMkLst>
        </pc:spChg>
        <pc:spChg chg="ord">
          <ac:chgData name="Theis Ziegler" userId="1d0357a8-3efe-41fa-839c-7601d995f2eb" providerId="ADAL" clId="{DF415A0B-A0B9-4C60-9114-93ED0130F608}" dt="2026-03-04T10:18:33.568" v="3760" actId="13244"/>
          <ac:spMkLst>
            <pc:docMk/>
            <pc:sldMk cId="1381248425" sldId="2147473509"/>
            <ac:spMk id="206" creationId="{E382684C-D362-CF32-C5B9-91933FFD2A93}"/>
          </ac:spMkLst>
        </pc:spChg>
        <pc:spChg chg="ord">
          <ac:chgData name="Theis Ziegler" userId="1d0357a8-3efe-41fa-839c-7601d995f2eb" providerId="ADAL" clId="{DF415A0B-A0B9-4C60-9114-93ED0130F608}" dt="2026-03-04T10:18:46.630" v="3763" actId="13244"/>
          <ac:spMkLst>
            <pc:docMk/>
            <pc:sldMk cId="1381248425" sldId="2147473509"/>
            <ac:spMk id="207" creationId="{2C8BA6AB-1E44-5A04-8ABB-D96069A4E69F}"/>
          </ac:spMkLst>
        </pc:spChg>
        <pc:spChg chg="mod ord">
          <ac:chgData name="Theis Ziegler" userId="1d0357a8-3efe-41fa-839c-7601d995f2eb" providerId="ADAL" clId="{DF415A0B-A0B9-4C60-9114-93ED0130F608}" dt="2026-03-04T10:18:44.739" v="3762" actId="962"/>
          <ac:spMkLst>
            <pc:docMk/>
            <pc:sldMk cId="1381248425" sldId="2147473509"/>
            <ac:spMk id="208" creationId="{F16F8B9A-64BF-DF5F-01F0-D89212EA40EF}"/>
          </ac:spMkLst>
        </pc:spChg>
        <pc:spChg chg="ord">
          <ac:chgData name="Theis Ziegler" userId="1d0357a8-3efe-41fa-839c-7601d995f2eb" providerId="ADAL" clId="{DF415A0B-A0B9-4C60-9114-93ED0130F608}" dt="2026-03-04T10:17:10.357" v="3747" actId="13244"/>
          <ac:spMkLst>
            <pc:docMk/>
            <pc:sldMk cId="1381248425" sldId="2147473509"/>
            <ac:spMk id="210" creationId="{E5F3AB82-41C9-B62F-A682-3BABA3A5A45E}"/>
          </ac:spMkLst>
        </pc:spChg>
        <pc:spChg chg="ord">
          <ac:chgData name="Theis Ziegler" userId="1d0357a8-3efe-41fa-839c-7601d995f2eb" providerId="ADAL" clId="{DF415A0B-A0B9-4C60-9114-93ED0130F608}" dt="2026-03-04T10:17:15.988" v="3748" actId="13244"/>
          <ac:spMkLst>
            <pc:docMk/>
            <pc:sldMk cId="1381248425" sldId="2147473509"/>
            <ac:spMk id="211" creationId="{B5413315-0F3D-932D-F7C7-95BF49EFEFE5}"/>
          </ac:spMkLst>
        </pc:spChg>
        <pc:spChg chg="ord">
          <ac:chgData name="Theis Ziegler" userId="1d0357a8-3efe-41fa-839c-7601d995f2eb" providerId="ADAL" clId="{DF415A0B-A0B9-4C60-9114-93ED0130F608}" dt="2026-03-04T10:17:23.870" v="3749" actId="13244"/>
          <ac:spMkLst>
            <pc:docMk/>
            <pc:sldMk cId="1381248425" sldId="2147473509"/>
            <ac:spMk id="213" creationId="{05A214AF-9428-F39F-E34E-A53573F10981}"/>
          </ac:spMkLst>
        </pc:spChg>
        <pc:spChg chg="ord">
          <ac:chgData name="Theis Ziegler" userId="1d0357a8-3efe-41fa-839c-7601d995f2eb" providerId="ADAL" clId="{DF415A0B-A0B9-4C60-9114-93ED0130F608}" dt="2026-03-04T10:17:26.440" v="3750" actId="13244"/>
          <ac:spMkLst>
            <pc:docMk/>
            <pc:sldMk cId="1381248425" sldId="2147473509"/>
            <ac:spMk id="214" creationId="{F359767A-66DB-C0F5-A48C-33FA24BE0159}"/>
          </ac:spMkLst>
        </pc:spChg>
      </pc:sldChg>
      <pc:sldChg chg="modSp mod">
        <pc:chgData name="Theis Ziegler" userId="1d0357a8-3efe-41fa-839c-7601d995f2eb" providerId="ADAL" clId="{DF415A0B-A0B9-4C60-9114-93ED0130F608}" dt="2026-03-04T09:13:13.130" v="3187" actId="13244"/>
        <pc:sldMkLst>
          <pc:docMk/>
          <pc:sldMk cId="1722399117" sldId="2147473510"/>
        </pc:sldMkLst>
        <pc:spChg chg="mod">
          <ac:chgData name="Theis Ziegler" userId="1d0357a8-3efe-41fa-839c-7601d995f2eb" providerId="ADAL" clId="{DF415A0B-A0B9-4C60-9114-93ED0130F608}" dt="2026-03-04T09:12:56.561" v="3186" actId="13244"/>
          <ac:spMkLst>
            <pc:docMk/>
            <pc:sldMk cId="1722399117" sldId="2147473510"/>
            <ac:spMk id="7" creationId="{E264A101-6ADE-F66D-EE97-592A827CE73E}"/>
          </ac:spMkLst>
        </pc:spChg>
        <pc:spChg chg="mod">
          <ac:chgData name="Theis Ziegler" userId="1d0357a8-3efe-41fa-839c-7601d995f2eb" providerId="ADAL" clId="{DF415A0B-A0B9-4C60-9114-93ED0130F608}" dt="2026-03-04T09:12:56.561" v="3186" actId="13244"/>
          <ac:spMkLst>
            <pc:docMk/>
            <pc:sldMk cId="1722399117" sldId="2147473510"/>
            <ac:spMk id="8" creationId="{14CB9A25-F859-81C6-426A-3A69F745BFA5}"/>
          </ac:spMkLst>
        </pc:spChg>
        <pc:spChg chg="mod">
          <ac:chgData name="Theis Ziegler" userId="1d0357a8-3efe-41fa-839c-7601d995f2eb" providerId="ADAL" clId="{DF415A0B-A0B9-4C60-9114-93ED0130F608}" dt="2026-03-04T09:12:56.561" v="3186" actId="13244"/>
          <ac:spMkLst>
            <pc:docMk/>
            <pc:sldMk cId="1722399117" sldId="2147473510"/>
            <ac:spMk id="9" creationId="{AF277DB5-12A0-40CA-DC7E-B164EF09224C}"/>
          </ac:spMkLst>
        </pc:spChg>
        <pc:spChg chg="mod">
          <ac:chgData name="Theis Ziegler" userId="1d0357a8-3efe-41fa-839c-7601d995f2eb" providerId="ADAL" clId="{DF415A0B-A0B9-4C60-9114-93ED0130F608}" dt="2026-03-04T09:12:56.561" v="3186" actId="13244"/>
          <ac:spMkLst>
            <pc:docMk/>
            <pc:sldMk cId="1722399117" sldId="2147473510"/>
            <ac:spMk id="10" creationId="{24413EB4-BA7D-C1CE-CC58-5D56993D8AF6}"/>
          </ac:spMkLst>
        </pc:spChg>
        <pc:spChg chg="ord">
          <ac:chgData name="Theis Ziegler" userId="1d0357a8-3efe-41fa-839c-7601d995f2eb" providerId="ADAL" clId="{DF415A0B-A0B9-4C60-9114-93ED0130F608}" dt="2026-03-04T09:11:03.357" v="3174" actId="13244"/>
          <ac:spMkLst>
            <pc:docMk/>
            <pc:sldMk cId="1722399117" sldId="2147473510"/>
            <ac:spMk id="13" creationId="{71702035-E165-2AAF-E363-F8C00DDCC000}"/>
          </ac:spMkLst>
        </pc:spChg>
        <pc:spChg chg="mod">
          <ac:chgData name="Theis Ziegler" userId="1d0357a8-3efe-41fa-839c-7601d995f2eb" providerId="ADAL" clId="{DF415A0B-A0B9-4C60-9114-93ED0130F608}" dt="2026-03-04T09:11:27.958" v="3179" actId="13244"/>
          <ac:spMkLst>
            <pc:docMk/>
            <pc:sldMk cId="1722399117" sldId="2147473510"/>
            <ac:spMk id="14" creationId="{DDE2F654-5EE4-26ED-E739-3F4D7371414D}"/>
          </ac:spMkLst>
        </pc:spChg>
        <pc:spChg chg="mod">
          <ac:chgData name="Theis Ziegler" userId="1d0357a8-3efe-41fa-839c-7601d995f2eb" providerId="ADAL" clId="{DF415A0B-A0B9-4C60-9114-93ED0130F608}" dt="2026-03-04T09:12:56.561" v="3186" actId="13244"/>
          <ac:spMkLst>
            <pc:docMk/>
            <pc:sldMk cId="1722399117" sldId="2147473510"/>
            <ac:spMk id="15" creationId="{B56919DE-4B06-BEEA-D7B0-4025B7453F7F}"/>
          </ac:spMkLst>
        </pc:spChg>
        <pc:spChg chg="mod">
          <ac:chgData name="Theis Ziegler" userId="1d0357a8-3efe-41fa-839c-7601d995f2eb" providerId="ADAL" clId="{DF415A0B-A0B9-4C60-9114-93ED0130F608}" dt="2026-03-04T09:12:56.561" v="3186" actId="13244"/>
          <ac:spMkLst>
            <pc:docMk/>
            <pc:sldMk cId="1722399117" sldId="2147473510"/>
            <ac:spMk id="17" creationId="{A4B63BF9-7FC9-0E13-07F2-9601BD6DFF1E}"/>
          </ac:spMkLst>
        </pc:spChg>
        <pc:spChg chg="mod">
          <ac:chgData name="Theis Ziegler" userId="1d0357a8-3efe-41fa-839c-7601d995f2eb" providerId="ADAL" clId="{DF415A0B-A0B9-4C60-9114-93ED0130F608}" dt="2026-03-04T09:12:56.561" v="3186" actId="13244"/>
          <ac:spMkLst>
            <pc:docMk/>
            <pc:sldMk cId="1722399117" sldId="2147473510"/>
            <ac:spMk id="21" creationId="{19EDDB7D-CCF6-7841-377A-BBD47D754422}"/>
          </ac:spMkLst>
        </pc:spChg>
        <pc:spChg chg="mod">
          <ac:chgData name="Theis Ziegler" userId="1d0357a8-3efe-41fa-839c-7601d995f2eb" providerId="ADAL" clId="{DF415A0B-A0B9-4C60-9114-93ED0130F608}" dt="2026-03-04T09:12:56.561" v="3186" actId="13244"/>
          <ac:spMkLst>
            <pc:docMk/>
            <pc:sldMk cId="1722399117" sldId="2147473510"/>
            <ac:spMk id="22" creationId="{CFB19EC8-8BB2-853F-0789-ACD04179B540}"/>
          </ac:spMkLst>
        </pc:spChg>
        <pc:spChg chg="mod">
          <ac:chgData name="Theis Ziegler" userId="1d0357a8-3efe-41fa-839c-7601d995f2eb" providerId="ADAL" clId="{DF415A0B-A0B9-4C60-9114-93ED0130F608}" dt="2026-03-04T09:11:16.714" v="3176" actId="13244"/>
          <ac:spMkLst>
            <pc:docMk/>
            <pc:sldMk cId="1722399117" sldId="2147473510"/>
            <ac:spMk id="23" creationId="{66F120DA-D2EA-396D-207C-7253BEDB5107}"/>
          </ac:spMkLst>
        </pc:spChg>
        <pc:spChg chg="mod">
          <ac:chgData name="Theis Ziegler" userId="1d0357a8-3efe-41fa-839c-7601d995f2eb" providerId="ADAL" clId="{DF415A0B-A0B9-4C60-9114-93ED0130F608}" dt="2026-03-04T09:11:19.576" v="3177" actId="13244"/>
          <ac:spMkLst>
            <pc:docMk/>
            <pc:sldMk cId="1722399117" sldId="2147473510"/>
            <ac:spMk id="24" creationId="{44ABA416-FC4D-62D3-E90C-D044319BD8A5}"/>
          </ac:spMkLst>
        </pc:spChg>
        <pc:spChg chg="mod">
          <ac:chgData name="Theis Ziegler" userId="1d0357a8-3efe-41fa-839c-7601d995f2eb" providerId="ADAL" clId="{DF415A0B-A0B9-4C60-9114-93ED0130F608}" dt="2026-03-04T09:11:12.922" v="3175" actId="13244"/>
          <ac:spMkLst>
            <pc:docMk/>
            <pc:sldMk cId="1722399117" sldId="2147473510"/>
            <ac:spMk id="25" creationId="{F9569F1B-3D19-C0A8-C84D-4F153C72E10E}"/>
          </ac:spMkLst>
        </pc:spChg>
        <pc:spChg chg="mod">
          <ac:chgData name="Theis Ziegler" userId="1d0357a8-3efe-41fa-839c-7601d995f2eb" providerId="ADAL" clId="{DF415A0B-A0B9-4C60-9114-93ED0130F608}" dt="2026-03-04T09:11:24.796" v="3178" actId="13244"/>
          <ac:spMkLst>
            <pc:docMk/>
            <pc:sldMk cId="1722399117" sldId="2147473510"/>
            <ac:spMk id="26" creationId="{C5EAA5E9-A2D1-5D00-5A16-B3F5B0813054}"/>
          </ac:spMkLst>
        </pc:spChg>
        <pc:spChg chg="ord">
          <ac:chgData name="Theis Ziegler" userId="1d0357a8-3efe-41fa-839c-7601d995f2eb" providerId="ADAL" clId="{DF415A0B-A0B9-4C60-9114-93ED0130F608}" dt="2026-03-04T09:11:38.314" v="3181" actId="13244"/>
          <ac:spMkLst>
            <pc:docMk/>
            <pc:sldMk cId="1722399117" sldId="2147473510"/>
            <ac:spMk id="27" creationId="{FA9BEA57-245B-D921-6F36-C575D086E3B0}"/>
          </ac:spMkLst>
        </pc:spChg>
        <pc:spChg chg="ord">
          <ac:chgData name="Theis Ziegler" userId="1d0357a8-3efe-41fa-839c-7601d995f2eb" providerId="ADAL" clId="{DF415A0B-A0B9-4C60-9114-93ED0130F608}" dt="2026-03-04T09:11:34.612" v="3180" actId="13244"/>
          <ac:spMkLst>
            <pc:docMk/>
            <pc:sldMk cId="1722399117" sldId="2147473510"/>
            <ac:spMk id="28" creationId="{F771381E-7051-340C-7198-DA977E50B19D}"/>
          </ac:spMkLst>
        </pc:spChg>
        <pc:spChg chg="mod">
          <ac:chgData name="Theis Ziegler" userId="1d0357a8-3efe-41fa-839c-7601d995f2eb" providerId="ADAL" clId="{DF415A0B-A0B9-4C60-9114-93ED0130F608}" dt="2026-03-04T09:12:56.561" v="3186" actId="13244"/>
          <ac:spMkLst>
            <pc:docMk/>
            <pc:sldMk cId="1722399117" sldId="2147473510"/>
            <ac:spMk id="31" creationId="{80D5FB4E-8A91-66D9-A712-20CCC0C4B83A}"/>
          </ac:spMkLst>
        </pc:spChg>
        <pc:spChg chg="mod">
          <ac:chgData name="Theis Ziegler" userId="1d0357a8-3efe-41fa-839c-7601d995f2eb" providerId="ADAL" clId="{DF415A0B-A0B9-4C60-9114-93ED0130F608}" dt="2026-03-04T09:12:44.703" v="3185" actId="13244"/>
          <ac:spMkLst>
            <pc:docMk/>
            <pc:sldMk cId="1722399117" sldId="2147473510"/>
            <ac:spMk id="33" creationId="{1E72D121-9EA1-99A9-5A6E-50C24ECD5981}"/>
          </ac:spMkLst>
        </pc:spChg>
        <pc:spChg chg="mod">
          <ac:chgData name="Theis Ziegler" userId="1d0357a8-3efe-41fa-839c-7601d995f2eb" providerId="ADAL" clId="{DF415A0B-A0B9-4C60-9114-93ED0130F608}" dt="2026-03-04T09:12:44.703" v="3185" actId="13244"/>
          <ac:spMkLst>
            <pc:docMk/>
            <pc:sldMk cId="1722399117" sldId="2147473510"/>
            <ac:spMk id="34" creationId="{41DD11AA-7465-56DC-EB58-07A202F4E1BA}"/>
          </ac:spMkLst>
        </pc:spChg>
        <pc:spChg chg="ord">
          <ac:chgData name="Theis Ziegler" userId="1d0357a8-3efe-41fa-839c-7601d995f2eb" providerId="ADAL" clId="{DF415A0B-A0B9-4C60-9114-93ED0130F608}" dt="2026-03-04T09:09:26.954" v="3173" actId="13244"/>
          <ac:spMkLst>
            <pc:docMk/>
            <pc:sldMk cId="1722399117" sldId="2147473510"/>
            <ac:spMk id="38" creationId="{3C7D89C0-6860-921E-DF88-80B2C2793C57}"/>
          </ac:spMkLst>
        </pc:spChg>
        <pc:spChg chg="mod">
          <ac:chgData name="Theis Ziegler" userId="1d0357a8-3efe-41fa-839c-7601d995f2eb" providerId="ADAL" clId="{DF415A0B-A0B9-4C60-9114-93ED0130F608}" dt="2026-03-04T09:12:44.703" v="3185" actId="13244"/>
          <ac:spMkLst>
            <pc:docMk/>
            <pc:sldMk cId="1722399117" sldId="2147473510"/>
            <ac:spMk id="40" creationId="{0B90D4B0-D64D-F8D8-F8B1-BE42A1C84966}"/>
          </ac:spMkLst>
        </pc:spChg>
        <pc:spChg chg="mod">
          <ac:chgData name="Theis Ziegler" userId="1d0357a8-3efe-41fa-839c-7601d995f2eb" providerId="ADAL" clId="{DF415A0B-A0B9-4C60-9114-93ED0130F608}" dt="2026-03-04T09:12:44.703" v="3185" actId="13244"/>
          <ac:spMkLst>
            <pc:docMk/>
            <pc:sldMk cId="1722399117" sldId="2147473510"/>
            <ac:spMk id="41" creationId="{814C2582-F83C-C326-FBF1-DE4182272009}"/>
          </ac:spMkLst>
        </pc:spChg>
        <pc:spChg chg="mod">
          <ac:chgData name="Theis Ziegler" userId="1d0357a8-3efe-41fa-839c-7601d995f2eb" providerId="ADAL" clId="{DF415A0B-A0B9-4C60-9114-93ED0130F608}" dt="2026-03-04T09:12:44.703" v="3185" actId="13244"/>
          <ac:spMkLst>
            <pc:docMk/>
            <pc:sldMk cId="1722399117" sldId="2147473510"/>
            <ac:spMk id="42" creationId="{EA827CDB-DA35-DD1C-679F-A75879AE967C}"/>
          </ac:spMkLst>
        </pc:spChg>
        <pc:spChg chg="mod">
          <ac:chgData name="Theis Ziegler" userId="1d0357a8-3efe-41fa-839c-7601d995f2eb" providerId="ADAL" clId="{DF415A0B-A0B9-4C60-9114-93ED0130F608}" dt="2026-03-04T09:12:44.703" v="3185" actId="13244"/>
          <ac:spMkLst>
            <pc:docMk/>
            <pc:sldMk cId="1722399117" sldId="2147473510"/>
            <ac:spMk id="43" creationId="{33CB58FA-ACEB-375D-FD4A-3DEE414EA5F9}"/>
          </ac:spMkLst>
        </pc:spChg>
        <pc:spChg chg="mod">
          <ac:chgData name="Theis Ziegler" userId="1d0357a8-3efe-41fa-839c-7601d995f2eb" providerId="ADAL" clId="{DF415A0B-A0B9-4C60-9114-93ED0130F608}" dt="2026-03-04T09:12:44.703" v="3185" actId="13244"/>
          <ac:spMkLst>
            <pc:docMk/>
            <pc:sldMk cId="1722399117" sldId="2147473510"/>
            <ac:spMk id="44" creationId="{F88F5F90-67E1-6389-0D6C-2C36EB8BC4CB}"/>
          </ac:spMkLst>
        </pc:spChg>
        <pc:spChg chg="mod">
          <ac:chgData name="Theis Ziegler" userId="1d0357a8-3efe-41fa-839c-7601d995f2eb" providerId="ADAL" clId="{DF415A0B-A0B9-4C60-9114-93ED0130F608}" dt="2026-03-04T09:12:44.703" v="3185" actId="13244"/>
          <ac:spMkLst>
            <pc:docMk/>
            <pc:sldMk cId="1722399117" sldId="2147473510"/>
            <ac:spMk id="45" creationId="{B0832453-678C-50B1-2543-63A389379684}"/>
          </ac:spMkLst>
        </pc:spChg>
        <pc:spChg chg="mod">
          <ac:chgData name="Theis Ziegler" userId="1d0357a8-3efe-41fa-839c-7601d995f2eb" providerId="ADAL" clId="{DF415A0B-A0B9-4C60-9114-93ED0130F608}" dt="2026-03-04T09:12:44.703" v="3185" actId="13244"/>
          <ac:spMkLst>
            <pc:docMk/>
            <pc:sldMk cId="1722399117" sldId="2147473510"/>
            <ac:spMk id="46" creationId="{65719769-11CF-3480-9227-59F5A3816B71}"/>
          </ac:spMkLst>
        </pc:spChg>
        <pc:spChg chg="mod">
          <ac:chgData name="Theis Ziegler" userId="1d0357a8-3efe-41fa-839c-7601d995f2eb" providerId="ADAL" clId="{DF415A0B-A0B9-4C60-9114-93ED0130F608}" dt="2026-03-04T09:12:07.680" v="3182" actId="13244"/>
          <ac:spMkLst>
            <pc:docMk/>
            <pc:sldMk cId="1722399117" sldId="2147473510"/>
            <ac:spMk id="56" creationId="{0BC26C98-E891-0ED6-2028-3EC49CA078D2}"/>
          </ac:spMkLst>
        </pc:spChg>
        <pc:spChg chg="mod">
          <ac:chgData name="Theis Ziegler" userId="1d0357a8-3efe-41fa-839c-7601d995f2eb" providerId="ADAL" clId="{DF415A0B-A0B9-4C60-9114-93ED0130F608}" dt="2026-03-04T09:12:07.680" v="3182" actId="13244"/>
          <ac:spMkLst>
            <pc:docMk/>
            <pc:sldMk cId="1722399117" sldId="2147473510"/>
            <ac:spMk id="57" creationId="{24FBEEBB-5C17-F915-1218-E07E57E3598C}"/>
          </ac:spMkLst>
        </pc:spChg>
        <pc:spChg chg="mod">
          <ac:chgData name="Theis Ziegler" userId="1d0357a8-3efe-41fa-839c-7601d995f2eb" providerId="ADAL" clId="{DF415A0B-A0B9-4C60-9114-93ED0130F608}" dt="2026-03-04T09:12:07.680" v="3182" actId="13244"/>
          <ac:spMkLst>
            <pc:docMk/>
            <pc:sldMk cId="1722399117" sldId="2147473510"/>
            <ac:spMk id="59" creationId="{6B129F21-C6CD-D97F-A28F-FC5F029CABB8}"/>
          </ac:spMkLst>
        </pc:spChg>
        <pc:spChg chg="mod">
          <ac:chgData name="Theis Ziegler" userId="1d0357a8-3efe-41fa-839c-7601d995f2eb" providerId="ADAL" clId="{DF415A0B-A0B9-4C60-9114-93ED0130F608}" dt="2026-03-04T09:12:07.680" v="3182" actId="13244"/>
          <ac:spMkLst>
            <pc:docMk/>
            <pc:sldMk cId="1722399117" sldId="2147473510"/>
            <ac:spMk id="65" creationId="{BBE8360C-77F4-6FF6-E624-88913C0DACA5}"/>
          </ac:spMkLst>
        </pc:spChg>
        <pc:spChg chg="ord">
          <ac:chgData name="Theis Ziegler" userId="1d0357a8-3efe-41fa-839c-7601d995f2eb" providerId="ADAL" clId="{DF415A0B-A0B9-4C60-9114-93ED0130F608}" dt="2026-03-04T09:13:13.130" v="3187" actId="13244"/>
          <ac:spMkLst>
            <pc:docMk/>
            <pc:sldMk cId="1722399117" sldId="2147473510"/>
            <ac:spMk id="70" creationId="{971BE5F1-7F01-FB92-AAF9-D8DBAA11C905}"/>
          </ac:spMkLst>
        </pc:spChg>
        <pc:spChg chg="mod">
          <ac:chgData name="Theis Ziegler" userId="1d0357a8-3efe-41fa-839c-7601d995f2eb" providerId="ADAL" clId="{DF415A0B-A0B9-4C60-9114-93ED0130F608}" dt="2026-03-04T09:12:07.680" v="3182" actId="13244"/>
          <ac:spMkLst>
            <pc:docMk/>
            <pc:sldMk cId="1722399117" sldId="2147473510"/>
            <ac:spMk id="71" creationId="{3076A776-346F-41E2-AB3F-36FD07465CBD}"/>
          </ac:spMkLst>
        </pc:spChg>
        <pc:spChg chg="mod">
          <ac:chgData name="Theis Ziegler" userId="1d0357a8-3efe-41fa-839c-7601d995f2eb" providerId="ADAL" clId="{DF415A0B-A0B9-4C60-9114-93ED0130F608}" dt="2026-03-04T09:12:24.487" v="3184" actId="13244"/>
          <ac:spMkLst>
            <pc:docMk/>
            <pc:sldMk cId="1722399117" sldId="2147473510"/>
            <ac:spMk id="84" creationId="{CBEC1E4F-AF54-A189-385C-50517BB6204A}"/>
          </ac:spMkLst>
        </pc:spChg>
        <pc:spChg chg="mod">
          <ac:chgData name="Theis Ziegler" userId="1d0357a8-3efe-41fa-839c-7601d995f2eb" providerId="ADAL" clId="{DF415A0B-A0B9-4C60-9114-93ED0130F608}" dt="2026-03-04T09:12:24.487" v="3184" actId="13244"/>
          <ac:spMkLst>
            <pc:docMk/>
            <pc:sldMk cId="1722399117" sldId="2147473510"/>
            <ac:spMk id="85" creationId="{191A884E-CDF8-B68E-8CBE-F2EE9B4F7A29}"/>
          </ac:spMkLst>
        </pc:spChg>
        <pc:spChg chg="mod">
          <ac:chgData name="Theis Ziegler" userId="1d0357a8-3efe-41fa-839c-7601d995f2eb" providerId="ADAL" clId="{DF415A0B-A0B9-4C60-9114-93ED0130F608}" dt="2026-03-04T09:12:24.487" v="3184" actId="13244"/>
          <ac:spMkLst>
            <pc:docMk/>
            <pc:sldMk cId="1722399117" sldId="2147473510"/>
            <ac:spMk id="86" creationId="{86A3A428-8253-1418-233A-DBE849171E98}"/>
          </ac:spMkLst>
        </pc:spChg>
        <pc:spChg chg="mod">
          <ac:chgData name="Theis Ziegler" userId="1d0357a8-3efe-41fa-839c-7601d995f2eb" providerId="ADAL" clId="{DF415A0B-A0B9-4C60-9114-93ED0130F608}" dt="2026-03-04T09:12:24.487" v="3184" actId="13244"/>
          <ac:spMkLst>
            <pc:docMk/>
            <pc:sldMk cId="1722399117" sldId="2147473510"/>
            <ac:spMk id="87" creationId="{1D1C89B2-DBE9-90B3-93F5-8DF049BC69B0}"/>
          </ac:spMkLst>
        </pc:spChg>
      </pc:sldChg>
      <pc:sldChg chg="modSp mod">
        <pc:chgData name="Theis Ziegler" userId="1d0357a8-3efe-41fa-839c-7601d995f2eb" providerId="ADAL" clId="{DF415A0B-A0B9-4C60-9114-93ED0130F608}" dt="2026-03-04T08:55:27.308" v="3121" actId="13244"/>
        <pc:sldMkLst>
          <pc:docMk/>
          <pc:sldMk cId="3442482748" sldId="2147473512"/>
        </pc:sldMkLst>
        <pc:spChg chg="ord">
          <ac:chgData name="Theis Ziegler" userId="1d0357a8-3efe-41fa-839c-7601d995f2eb" providerId="ADAL" clId="{DF415A0B-A0B9-4C60-9114-93ED0130F608}" dt="2026-03-04T08:55:27.308" v="3121" actId="13244"/>
          <ac:spMkLst>
            <pc:docMk/>
            <pc:sldMk cId="3442482748" sldId="2147473512"/>
            <ac:spMk id="12" creationId="{F2E4FEE4-576B-6C78-032F-E8DF66576DF6}"/>
          </ac:spMkLst>
        </pc:spChg>
      </pc:sldChg>
      <pc:sldChg chg="delSp modSp mod">
        <pc:chgData name="Theis Ziegler" userId="1d0357a8-3efe-41fa-839c-7601d995f2eb" providerId="ADAL" clId="{DF415A0B-A0B9-4C60-9114-93ED0130F608}" dt="2026-03-04T09:55:14.873" v="3529" actId="962"/>
        <pc:sldMkLst>
          <pc:docMk/>
          <pc:sldMk cId="1426751763" sldId="2147473514"/>
        </pc:sldMkLst>
        <pc:spChg chg="ord">
          <ac:chgData name="Theis Ziegler" userId="1d0357a8-3efe-41fa-839c-7601d995f2eb" providerId="ADAL" clId="{DF415A0B-A0B9-4C60-9114-93ED0130F608}" dt="2026-03-04T09:53:49.776" v="3515" actId="13244"/>
          <ac:spMkLst>
            <pc:docMk/>
            <pc:sldMk cId="1426751763" sldId="2147473514"/>
            <ac:spMk id="5" creationId="{F7081F6C-FB5E-8B15-49E8-793C3D3D3A5E}"/>
          </ac:spMkLst>
        </pc:spChg>
        <pc:spChg chg="mod">
          <ac:chgData name="Theis Ziegler" userId="1d0357a8-3efe-41fa-839c-7601d995f2eb" providerId="ADAL" clId="{DF415A0B-A0B9-4C60-9114-93ED0130F608}" dt="2026-03-04T09:53:22.597" v="3510" actId="13244"/>
          <ac:spMkLst>
            <pc:docMk/>
            <pc:sldMk cId="1426751763" sldId="2147473514"/>
            <ac:spMk id="8" creationId="{83CD5FDC-C9A5-7003-16A2-CA5E1D8E26FD}"/>
          </ac:spMkLst>
        </pc:spChg>
        <pc:spChg chg="mod topLvl">
          <ac:chgData name="Theis Ziegler" userId="1d0357a8-3efe-41fa-839c-7601d995f2eb" providerId="ADAL" clId="{DF415A0B-A0B9-4C60-9114-93ED0130F608}" dt="2026-03-04T09:54:40.075" v="3523" actId="962"/>
          <ac:spMkLst>
            <pc:docMk/>
            <pc:sldMk cId="1426751763" sldId="2147473514"/>
            <ac:spMk id="27" creationId="{F061E58B-85C8-60C5-661C-8CF6DDDFEFC9}"/>
          </ac:spMkLst>
        </pc:spChg>
        <pc:spChg chg="mod topLvl">
          <ac:chgData name="Theis Ziegler" userId="1d0357a8-3efe-41fa-839c-7601d995f2eb" providerId="ADAL" clId="{DF415A0B-A0B9-4C60-9114-93ED0130F608}" dt="2026-03-04T09:54:46.825" v="3524" actId="962"/>
          <ac:spMkLst>
            <pc:docMk/>
            <pc:sldMk cId="1426751763" sldId="2147473514"/>
            <ac:spMk id="28" creationId="{71091805-D4FE-E388-5990-AD87F358C14C}"/>
          </ac:spMkLst>
        </pc:spChg>
        <pc:spChg chg="mod topLvl">
          <ac:chgData name="Theis Ziegler" userId="1d0357a8-3efe-41fa-839c-7601d995f2eb" providerId="ADAL" clId="{DF415A0B-A0B9-4C60-9114-93ED0130F608}" dt="2026-03-04T09:54:40.075" v="3523" actId="962"/>
          <ac:spMkLst>
            <pc:docMk/>
            <pc:sldMk cId="1426751763" sldId="2147473514"/>
            <ac:spMk id="30" creationId="{B2207B9D-F74C-E78F-EE94-C236F9E617BF}"/>
          </ac:spMkLst>
        </pc:spChg>
        <pc:spChg chg="mod topLvl">
          <ac:chgData name="Theis Ziegler" userId="1d0357a8-3efe-41fa-839c-7601d995f2eb" providerId="ADAL" clId="{DF415A0B-A0B9-4C60-9114-93ED0130F608}" dt="2026-03-04T09:54:46.825" v="3524" actId="962"/>
          <ac:spMkLst>
            <pc:docMk/>
            <pc:sldMk cId="1426751763" sldId="2147473514"/>
            <ac:spMk id="31" creationId="{8D37560C-C1FB-0FB7-34A0-E1922011F384}"/>
          </ac:spMkLst>
        </pc:spChg>
        <pc:spChg chg="mod topLvl">
          <ac:chgData name="Theis Ziegler" userId="1d0357a8-3efe-41fa-839c-7601d995f2eb" providerId="ADAL" clId="{DF415A0B-A0B9-4C60-9114-93ED0130F608}" dt="2026-03-04T09:54:40.075" v="3523" actId="962"/>
          <ac:spMkLst>
            <pc:docMk/>
            <pc:sldMk cId="1426751763" sldId="2147473514"/>
            <ac:spMk id="32" creationId="{E764AB56-F7AC-3E81-B799-76F81D02B35A}"/>
          </ac:spMkLst>
        </pc:spChg>
        <pc:spChg chg="mod">
          <ac:chgData name="Theis Ziegler" userId="1d0357a8-3efe-41fa-839c-7601d995f2eb" providerId="ADAL" clId="{DF415A0B-A0B9-4C60-9114-93ED0130F608}" dt="2026-03-04T09:54:35.267" v="3522" actId="165"/>
          <ac:spMkLst>
            <pc:docMk/>
            <pc:sldMk cId="1426751763" sldId="2147473514"/>
            <ac:spMk id="39" creationId="{361D8EBB-3575-366F-9EE0-38119E9998EE}"/>
          </ac:spMkLst>
        </pc:spChg>
        <pc:spChg chg="mod">
          <ac:chgData name="Theis Ziegler" userId="1d0357a8-3efe-41fa-839c-7601d995f2eb" providerId="ADAL" clId="{DF415A0B-A0B9-4C60-9114-93ED0130F608}" dt="2026-03-04T09:53:32.312" v="3512" actId="962"/>
          <ac:spMkLst>
            <pc:docMk/>
            <pc:sldMk cId="1426751763" sldId="2147473514"/>
            <ac:spMk id="45" creationId="{273B8E42-EE91-D1F3-1A12-A1447BD50E43}"/>
          </ac:spMkLst>
        </pc:spChg>
        <pc:spChg chg="mod">
          <ac:chgData name="Theis Ziegler" userId="1d0357a8-3efe-41fa-839c-7601d995f2eb" providerId="ADAL" clId="{DF415A0B-A0B9-4C60-9114-93ED0130F608}" dt="2026-03-04T09:54:35.267" v="3522" actId="165"/>
          <ac:spMkLst>
            <pc:docMk/>
            <pc:sldMk cId="1426751763" sldId="2147473514"/>
            <ac:spMk id="58" creationId="{3CA79017-6413-C8AE-706A-F9D166DC7329}"/>
          </ac:spMkLst>
        </pc:spChg>
        <pc:spChg chg="mod">
          <ac:chgData name="Theis Ziegler" userId="1d0357a8-3efe-41fa-839c-7601d995f2eb" providerId="ADAL" clId="{DF415A0B-A0B9-4C60-9114-93ED0130F608}" dt="2026-03-04T09:54:35.267" v="3522" actId="165"/>
          <ac:spMkLst>
            <pc:docMk/>
            <pc:sldMk cId="1426751763" sldId="2147473514"/>
            <ac:spMk id="59" creationId="{C3025C2F-D280-C50E-9B8C-92E4B18F7C1F}"/>
          </ac:spMkLst>
        </pc:spChg>
        <pc:spChg chg="mod">
          <ac:chgData name="Theis Ziegler" userId="1d0357a8-3efe-41fa-839c-7601d995f2eb" providerId="ADAL" clId="{DF415A0B-A0B9-4C60-9114-93ED0130F608}" dt="2026-03-04T09:54:35.267" v="3522" actId="165"/>
          <ac:spMkLst>
            <pc:docMk/>
            <pc:sldMk cId="1426751763" sldId="2147473514"/>
            <ac:spMk id="60" creationId="{D10E6A99-8C68-C74E-727C-B95CEEA89AD8}"/>
          </ac:spMkLst>
        </pc:spChg>
        <pc:spChg chg="mod">
          <ac:chgData name="Theis Ziegler" userId="1d0357a8-3efe-41fa-839c-7601d995f2eb" providerId="ADAL" clId="{DF415A0B-A0B9-4C60-9114-93ED0130F608}" dt="2026-03-04T09:53:32.312" v="3512" actId="962"/>
          <ac:spMkLst>
            <pc:docMk/>
            <pc:sldMk cId="1426751763" sldId="2147473514"/>
            <ac:spMk id="84" creationId="{8090A0E7-8A59-6B7E-BE49-0C1E52178AE7}"/>
          </ac:spMkLst>
        </pc:spChg>
        <pc:spChg chg="ord">
          <ac:chgData name="Theis Ziegler" userId="1d0357a8-3efe-41fa-839c-7601d995f2eb" providerId="ADAL" clId="{DF415A0B-A0B9-4C60-9114-93ED0130F608}" dt="2026-03-04T09:54:52.219" v="3525" actId="13244"/>
          <ac:spMkLst>
            <pc:docMk/>
            <pc:sldMk cId="1426751763" sldId="2147473514"/>
            <ac:spMk id="134" creationId="{97D2EAD3-B347-17A7-0BB0-05E19F2AF2A1}"/>
          </ac:spMkLst>
        </pc:spChg>
        <pc:spChg chg="mod">
          <ac:chgData name="Theis Ziegler" userId="1d0357a8-3efe-41fa-839c-7601d995f2eb" providerId="ADAL" clId="{DF415A0B-A0B9-4C60-9114-93ED0130F608}" dt="2026-03-04T09:53:26.505" v="3511" actId="13244"/>
          <ac:spMkLst>
            <pc:docMk/>
            <pc:sldMk cId="1426751763" sldId="2147473514"/>
            <ac:spMk id="324" creationId="{3F504154-1CDE-FD5C-07A6-76637338D210}"/>
          </ac:spMkLst>
        </pc:spChg>
        <pc:spChg chg="mod ord">
          <ac:chgData name="Theis Ziegler" userId="1d0357a8-3efe-41fa-839c-7601d995f2eb" providerId="ADAL" clId="{DF415A0B-A0B9-4C60-9114-93ED0130F608}" dt="2026-03-04T09:54:20.454" v="3519" actId="13244"/>
          <ac:spMkLst>
            <pc:docMk/>
            <pc:sldMk cId="1426751763" sldId="2147473514"/>
            <ac:spMk id="335" creationId="{6DC69A25-A5BD-351D-369D-92A26FD3E677}"/>
          </ac:spMkLst>
        </pc:spChg>
        <pc:spChg chg="mod ord">
          <ac:chgData name="Theis Ziegler" userId="1d0357a8-3efe-41fa-839c-7601d995f2eb" providerId="ADAL" clId="{DF415A0B-A0B9-4C60-9114-93ED0130F608}" dt="2026-03-04T09:54:21.677" v="3520" actId="13244"/>
          <ac:spMkLst>
            <pc:docMk/>
            <pc:sldMk cId="1426751763" sldId="2147473514"/>
            <ac:spMk id="346" creationId="{278396E9-2A8F-FCDC-100B-6CBF96C8B784}"/>
          </ac:spMkLst>
        </pc:spChg>
        <pc:spChg chg="mod ord">
          <ac:chgData name="Theis Ziegler" userId="1d0357a8-3efe-41fa-839c-7601d995f2eb" providerId="ADAL" clId="{DF415A0B-A0B9-4C60-9114-93ED0130F608}" dt="2026-03-04T09:54:08.477" v="3518" actId="962"/>
          <ac:spMkLst>
            <pc:docMk/>
            <pc:sldMk cId="1426751763" sldId="2147473514"/>
            <ac:spMk id="357" creationId="{AD2BEB6C-7235-886D-D3D9-C0BE62040384}"/>
          </ac:spMkLst>
        </pc:spChg>
        <pc:spChg chg="mod topLvl">
          <ac:chgData name="Theis Ziegler" userId="1d0357a8-3efe-41fa-839c-7601d995f2eb" providerId="ADAL" clId="{DF415A0B-A0B9-4C60-9114-93ED0130F608}" dt="2026-03-04T09:55:08.301" v="3526" actId="165"/>
          <ac:spMkLst>
            <pc:docMk/>
            <pc:sldMk cId="1426751763" sldId="2147473514"/>
            <ac:spMk id="360" creationId="{A9B57378-2142-2D56-B4DF-2C9D06EC881B}"/>
          </ac:spMkLst>
        </pc:spChg>
        <pc:spChg chg="mod">
          <ac:chgData name="Theis Ziegler" userId="1d0357a8-3efe-41fa-839c-7601d995f2eb" providerId="ADAL" clId="{DF415A0B-A0B9-4C60-9114-93ED0130F608}" dt="2026-03-04T09:55:08.301" v="3526" actId="165"/>
          <ac:spMkLst>
            <pc:docMk/>
            <pc:sldMk cId="1426751763" sldId="2147473514"/>
            <ac:spMk id="362" creationId="{382CE904-536B-94B0-047A-59A5203417E3}"/>
          </ac:spMkLst>
        </pc:spChg>
        <pc:spChg chg="mod">
          <ac:chgData name="Theis Ziegler" userId="1d0357a8-3efe-41fa-839c-7601d995f2eb" providerId="ADAL" clId="{DF415A0B-A0B9-4C60-9114-93ED0130F608}" dt="2026-03-04T09:55:08.301" v="3526" actId="165"/>
          <ac:spMkLst>
            <pc:docMk/>
            <pc:sldMk cId="1426751763" sldId="2147473514"/>
            <ac:spMk id="363" creationId="{EBE11CCB-389E-1481-3324-D73572D1931E}"/>
          </ac:spMkLst>
        </pc:spChg>
        <pc:spChg chg="mod topLvl">
          <ac:chgData name="Theis Ziegler" userId="1d0357a8-3efe-41fa-839c-7601d995f2eb" providerId="ADAL" clId="{DF415A0B-A0B9-4C60-9114-93ED0130F608}" dt="2026-03-04T09:55:08.301" v="3526" actId="165"/>
          <ac:spMkLst>
            <pc:docMk/>
            <pc:sldMk cId="1426751763" sldId="2147473514"/>
            <ac:spMk id="365" creationId="{EEE4FF3C-2C59-1E59-51BB-598692B2A499}"/>
          </ac:spMkLst>
        </pc:spChg>
        <pc:spChg chg="mod">
          <ac:chgData name="Theis Ziegler" userId="1d0357a8-3efe-41fa-839c-7601d995f2eb" providerId="ADAL" clId="{DF415A0B-A0B9-4C60-9114-93ED0130F608}" dt="2026-03-04T09:55:08.301" v="3526" actId="165"/>
          <ac:spMkLst>
            <pc:docMk/>
            <pc:sldMk cId="1426751763" sldId="2147473514"/>
            <ac:spMk id="367" creationId="{7C635716-6755-AD52-7845-10477375EFD9}"/>
          </ac:spMkLst>
        </pc:spChg>
        <pc:spChg chg="mod">
          <ac:chgData name="Theis Ziegler" userId="1d0357a8-3efe-41fa-839c-7601d995f2eb" providerId="ADAL" clId="{DF415A0B-A0B9-4C60-9114-93ED0130F608}" dt="2026-03-04T09:55:08.301" v="3526" actId="165"/>
          <ac:spMkLst>
            <pc:docMk/>
            <pc:sldMk cId="1426751763" sldId="2147473514"/>
            <ac:spMk id="368" creationId="{7C50D47D-6400-8F6E-DE77-AC68FBB15181}"/>
          </ac:spMkLst>
        </pc:spChg>
        <pc:spChg chg="mod topLvl">
          <ac:chgData name="Theis Ziegler" userId="1d0357a8-3efe-41fa-839c-7601d995f2eb" providerId="ADAL" clId="{DF415A0B-A0B9-4C60-9114-93ED0130F608}" dt="2026-03-04T09:55:08.301" v="3526" actId="165"/>
          <ac:spMkLst>
            <pc:docMk/>
            <pc:sldMk cId="1426751763" sldId="2147473514"/>
            <ac:spMk id="370" creationId="{43A7D610-CF9E-6A71-80A1-D544158C4398}"/>
          </ac:spMkLst>
        </pc:spChg>
        <pc:spChg chg="mod">
          <ac:chgData name="Theis Ziegler" userId="1d0357a8-3efe-41fa-839c-7601d995f2eb" providerId="ADAL" clId="{DF415A0B-A0B9-4C60-9114-93ED0130F608}" dt="2026-03-04T09:55:08.301" v="3526" actId="165"/>
          <ac:spMkLst>
            <pc:docMk/>
            <pc:sldMk cId="1426751763" sldId="2147473514"/>
            <ac:spMk id="372" creationId="{B71F3487-690B-731F-5FE4-D4421836D875}"/>
          </ac:spMkLst>
        </pc:spChg>
        <pc:spChg chg="mod">
          <ac:chgData name="Theis Ziegler" userId="1d0357a8-3efe-41fa-839c-7601d995f2eb" providerId="ADAL" clId="{DF415A0B-A0B9-4C60-9114-93ED0130F608}" dt="2026-03-04T09:55:08.301" v="3526" actId="165"/>
          <ac:spMkLst>
            <pc:docMk/>
            <pc:sldMk cId="1426751763" sldId="2147473514"/>
            <ac:spMk id="373" creationId="{3B02D7B2-7714-9C06-A43F-19DA3D31ED9C}"/>
          </ac:spMkLst>
        </pc:spChg>
        <pc:spChg chg="ord">
          <ac:chgData name="Theis Ziegler" userId="1d0357a8-3efe-41fa-839c-7601d995f2eb" providerId="ADAL" clId="{DF415A0B-A0B9-4C60-9114-93ED0130F608}" dt="2026-03-04T09:53:37.536" v="3513" actId="13244"/>
          <ac:spMkLst>
            <pc:docMk/>
            <pc:sldMk cId="1426751763" sldId="2147473514"/>
            <ac:spMk id="374" creationId="{9278950A-285C-C486-8E47-F99B6671DEC3}"/>
          </ac:spMkLst>
        </pc:spChg>
        <pc:grpChg chg="ord">
          <ac:chgData name="Theis Ziegler" userId="1d0357a8-3efe-41fa-839c-7601d995f2eb" providerId="ADAL" clId="{DF415A0B-A0B9-4C60-9114-93ED0130F608}" dt="2026-03-04T09:53:45.129" v="3514" actId="13244"/>
          <ac:grpSpMkLst>
            <pc:docMk/>
            <pc:sldMk cId="1426751763" sldId="2147473514"/>
            <ac:grpSpMk id="4" creationId="{7E04DE81-BB54-C962-3947-81E268EC78EA}"/>
          </ac:grpSpMkLst>
        </pc:grpChg>
        <pc:grpChg chg="mod">
          <ac:chgData name="Theis Ziegler" userId="1d0357a8-3efe-41fa-839c-7601d995f2eb" providerId="ADAL" clId="{DF415A0B-A0B9-4C60-9114-93ED0130F608}" dt="2026-03-04T09:54:40.075" v="3523" actId="962"/>
          <ac:grpSpMkLst>
            <pc:docMk/>
            <pc:sldMk cId="1426751763" sldId="2147473514"/>
            <ac:grpSpMk id="29" creationId="{C1DEF187-1DCF-24BC-F4FF-650DCB261C21}"/>
          </ac:grpSpMkLst>
        </pc:grpChg>
        <pc:grpChg chg="mod ord">
          <ac:chgData name="Theis Ziegler" userId="1d0357a8-3efe-41fa-839c-7601d995f2eb" providerId="ADAL" clId="{DF415A0B-A0B9-4C60-9114-93ED0130F608}" dt="2026-03-04T09:54:08.477" v="3518" actId="962"/>
          <ac:grpSpMkLst>
            <pc:docMk/>
            <pc:sldMk cId="1426751763" sldId="2147473514"/>
            <ac:grpSpMk id="325" creationId="{826D784A-E00F-790C-4C80-7B218FD0F2B3}"/>
          </ac:grpSpMkLst>
        </pc:grpChg>
        <pc:grpChg chg="mod ord">
          <ac:chgData name="Theis Ziegler" userId="1d0357a8-3efe-41fa-839c-7601d995f2eb" providerId="ADAL" clId="{DF415A0B-A0B9-4C60-9114-93ED0130F608}" dt="2026-03-04T09:54:08.477" v="3518" actId="962"/>
          <ac:grpSpMkLst>
            <pc:docMk/>
            <pc:sldMk cId="1426751763" sldId="2147473514"/>
            <ac:grpSpMk id="336" creationId="{EF919527-6D55-D40C-E9F5-45EDD1793BF2}"/>
          </ac:grpSpMkLst>
        </pc:grpChg>
        <pc:grpChg chg="mod ord">
          <ac:chgData name="Theis Ziegler" userId="1d0357a8-3efe-41fa-839c-7601d995f2eb" providerId="ADAL" clId="{DF415A0B-A0B9-4C60-9114-93ED0130F608}" dt="2026-03-04T09:54:25.626" v="3521" actId="13244"/>
          <ac:grpSpMkLst>
            <pc:docMk/>
            <pc:sldMk cId="1426751763" sldId="2147473514"/>
            <ac:grpSpMk id="347" creationId="{14882C18-F5C7-0538-7038-12C72D3368AA}"/>
          </ac:grpSpMkLst>
        </pc:grpChg>
        <pc:grpChg chg="mod">
          <ac:chgData name="Theis Ziegler" userId="1d0357a8-3efe-41fa-839c-7601d995f2eb" providerId="ADAL" clId="{DF415A0B-A0B9-4C60-9114-93ED0130F608}" dt="2026-03-04T09:55:13.381" v="3527" actId="962"/>
          <ac:grpSpMkLst>
            <pc:docMk/>
            <pc:sldMk cId="1426751763" sldId="2147473514"/>
            <ac:grpSpMk id="361" creationId="{FAA37F02-81F8-A897-E25E-4A0953A9A2C5}"/>
          </ac:grpSpMkLst>
        </pc:grpChg>
        <pc:grpChg chg="mod">
          <ac:chgData name="Theis Ziegler" userId="1d0357a8-3efe-41fa-839c-7601d995f2eb" providerId="ADAL" clId="{DF415A0B-A0B9-4C60-9114-93ED0130F608}" dt="2026-03-04T09:55:14.096" v="3528" actId="962"/>
          <ac:grpSpMkLst>
            <pc:docMk/>
            <pc:sldMk cId="1426751763" sldId="2147473514"/>
            <ac:grpSpMk id="366" creationId="{663383E0-2611-30F8-9E1D-2BC34D038F47}"/>
          </ac:grpSpMkLst>
        </pc:grpChg>
        <pc:grpChg chg="mod topLvl">
          <ac:chgData name="Theis Ziegler" userId="1d0357a8-3efe-41fa-839c-7601d995f2eb" providerId="ADAL" clId="{DF415A0B-A0B9-4C60-9114-93ED0130F608}" dt="2026-03-04T09:55:14.873" v="3529" actId="962"/>
          <ac:grpSpMkLst>
            <pc:docMk/>
            <pc:sldMk cId="1426751763" sldId="2147473514"/>
            <ac:grpSpMk id="371" creationId="{F979CF66-B149-CB3E-F9C2-F2A412891C75}"/>
          </ac:grpSpMkLst>
        </pc:grpChg>
      </pc:sldChg>
      <pc:sldChg chg="addSp delSp modSp mod">
        <pc:chgData name="Theis Ziegler" userId="1d0357a8-3efe-41fa-839c-7601d995f2eb" providerId="ADAL" clId="{DF415A0B-A0B9-4C60-9114-93ED0130F608}" dt="2026-03-04T09:44:20.072" v="3457" actId="962"/>
        <pc:sldMkLst>
          <pc:docMk/>
          <pc:sldMk cId="160529385" sldId="2147473517"/>
        </pc:sldMkLst>
        <pc:spChg chg="ord">
          <ac:chgData name="Theis Ziegler" userId="1d0357a8-3efe-41fa-839c-7601d995f2eb" providerId="ADAL" clId="{DF415A0B-A0B9-4C60-9114-93ED0130F608}" dt="2026-03-04T09:42:35.172" v="3443" actId="13244"/>
          <ac:spMkLst>
            <pc:docMk/>
            <pc:sldMk cId="160529385" sldId="2147473517"/>
            <ac:spMk id="5" creationId="{D7B1A848-92C0-7D0E-05FD-3E6EA56A0573}"/>
          </ac:spMkLst>
        </pc:spChg>
        <pc:spChg chg="ord">
          <ac:chgData name="Theis Ziegler" userId="1d0357a8-3efe-41fa-839c-7601d995f2eb" providerId="ADAL" clId="{DF415A0B-A0B9-4C60-9114-93ED0130F608}" dt="2026-03-04T09:38:26.756" v="3415" actId="13244"/>
          <ac:spMkLst>
            <pc:docMk/>
            <pc:sldMk cId="160529385" sldId="2147473517"/>
            <ac:spMk id="8" creationId="{D2EA92E5-329D-B337-7D40-1EE496647762}"/>
          </ac:spMkLst>
        </pc:spChg>
        <pc:spChg chg="mod">
          <ac:chgData name="Theis Ziegler" userId="1d0357a8-3efe-41fa-839c-7601d995f2eb" providerId="ADAL" clId="{DF415A0B-A0B9-4C60-9114-93ED0130F608}" dt="2026-03-04T09:38:23.180" v="3414" actId="13244"/>
          <ac:spMkLst>
            <pc:docMk/>
            <pc:sldMk cId="160529385" sldId="2147473517"/>
            <ac:spMk id="12" creationId="{962607C5-AC0A-4471-EC56-FDDCD869F762}"/>
          </ac:spMkLst>
        </pc:spChg>
        <pc:spChg chg="mod ord topLvl">
          <ac:chgData name="Theis Ziegler" userId="1d0357a8-3efe-41fa-839c-7601d995f2eb" providerId="ADAL" clId="{DF415A0B-A0B9-4C60-9114-93ED0130F608}" dt="2026-03-04T09:43:01.344" v="3450" actId="962"/>
          <ac:spMkLst>
            <pc:docMk/>
            <pc:sldMk cId="160529385" sldId="2147473517"/>
            <ac:spMk id="18" creationId="{AF6468EE-160B-FE90-6AED-AAAD4CDA3F81}"/>
          </ac:spMkLst>
        </pc:spChg>
        <pc:spChg chg="mod topLvl">
          <ac:chgData name="Theis Ziegler" userId="1d0357a8-3efe-41fa-839c-7601d995f2eb" providerId="ADAL" clId="{DF415A0B-A0B9-4C60-9114-93ED0130F608}" dt="2026-03-04T09:42:12.080" v="3433" actId="962"/>
          <ac:spMkLst>
            <pc:docMk/>
            <pc:sldMk cId="160529385" sldId="2147473517"/>
            <ac:spMk id="24" creationId="{E7484CF0-BC7E-3025-FBC9-C8BD534E1CAB}"/>
          </ac:spMkLst>
        </pc:spChg>
        <pc:spChg chg="mod topLvl">
          <ac:chgData name="Theis Ziegler" userId="1d0357a8-3efe-41fa-839c-7601d995f2eb" providerId="ADAL" clId="{DF415A0B-A0B9-4C60-9114-93ED0130F608}" dt="2026-03-04T09:42:12.080" v="3433" actId="962"/>
          <ac:spMkLst>
            <pc:docMk/>
            <pc:sldMk cId="160529385" sldId="2147473517"/>
            <ac:spMk id="25" creationId="{D7AD2297-9422-F058-CE9E-B3AD64F57CCF}"/>
          </ac:spMkLst>
        </pc:spChg>
        <pc:spChg chg="mod ord">
          <ac:chgData name="Theis Ziegler" userId="1d0357a8-3efe-41fa-839c-7601d995f2eb" providerId="ADAL" clId="{DF415A0B-A0B9-4C60-9114-93ED0130F608}" dt="2026-03-04T09:42:22.635" v="3436" actId="962"/>
          <ac:spMkLst>
            <pc:docMk/>
            <pc:sldMk cId="160529385" sldId="2147473517"/>
            <ac:spMk id="26" creationId="{94B8A07F-5BD1-DB71-3639-D1BD749D08FB}"/>
          </ac:spMkLst>
        </pc:spChg>
        <pc:spChg chg="mod">
          <ac:chgData name="Theis Ziegler" userId="1d0357a8-3efe-41fa-839c-7601d995f2eb" providerId="ADAL" clId="{DF415A0B-A0B9-4C60-9114-93ED0130F608}" dt="2026-03-04T09:42:12.080" v="3433" actId="962"/>
          <ac:spMkLst>
            <pc:docMk/>
            <pc:sldMk cId="160529385" sldId="2147473517"/>
            <ac:spMk id="27" creationId="{71B49C80-736D-AE66-59A0-ED4932CE4D60}"/>
          </ac:spMkLst>
        </pc:spChg>
        <pc:spChg chg="mod ord">
          <ac:chgData name="Theis Ziegler" userId="1d0357a8-3efe-41fa-839c-7601d995f2eb" providerId="ADAL" clId="{DF415A0B-A0B9-4C60-9114-93ED0130F608}" dt="2026-03-04T09:42:22.983" v="3438" actId="962"/>
          <ac:spMkLst>
            <pc:docMk/>
            <pc:sldMk cId="160529385" sldId="2147473517"/>
            <ac:spMk id="28" creationId="{3AFD6AD8-6A96-59D6-20DA-3D6D8072A981}"/>
          </ac:spMkLst>
        </pc:spChg>
        <pc:spChg chg="mod topLvl">
          <ac:chgData name="Theis Ziegler" userId="1d0357a8-3efe-41fa-839c-7601d995f2eb" providerId="ADAL" clId="{DF415A0B-A0B9-4C60-9114-93ED0130F608}" dt="2026-03-04T09:42:12.080" v="3433" actId="962"/>
          <ac:spMkLst>
            <pc:docMk/>
            <pc:sldMk cId="160529385" sldId="2147473517"/>
            <ac:spMk id="30" creationId="{41619E5C-975A-26DF-B606-C11B7E714DF2}"/>
          </ac:spMkLst>
        </pc:spChg>
        <pc:spChg chg="mod ord topLvl">
          <ac:chgData name="Theis Ziegler" userId="1d0357a8-3efe-41fa-839c-7601d995f2eb" providerId="ADAL" clId="{DF415A0B-A0B9-4C60-9114-93ED0130F608}" dt="2026-03-04T09:42:23.536" v="3440" actId="962"/>
          <ac:spMkLst>
            <pc:docMk/>
            <pc:sldMk cId="160529385" sldId="2147473517"/>
            <ac:spMk id="31" creationId="{DD6E5A41-8A38-340A-20CC-5E8C7354579A}"/>
          </ac:spMkLst>
        </pc:spChg>
        <pc:spChg chg="mod topLvl">
          <ac:chgData name="Theis Ziegler" userId="1d0357a8-3efe-41fa-839c-7601d995f2eb" providerId="ADAL" clId="{DF415A0B-A0B9-4C60-9114-93ED0130F608}" dt="2026-03-04T09:42:12.080" v="3433" actId="962"/>
          <ac:spMkLst>
            <pc:docMk/>
            <pc:sldMk cId="160529385" sldId="2147473517"/>
            <ac:spMk id="32" creationId="{57BC4C16-9BAB-9DAA-305E-3CE9B9523A46}"/>
          </ac:spMkLst>
        </pc:spChg>
        <pc:spChg chg="mod topLvl">
          <ac:chgData name="Theis Ziegler" userId="1d0357a8-3efe-41fa-839c-7601d995f2eb" providerId="ADAL" clId="{DF415A0B-A0B9-4C60-9114-93ED0130F608}" dt="2026-03-04T09:42:12.080" v="3433" actId="962"/>
          <ac:spMkLst>
            <pc:docMk/>
            <pc:sldMk cId="160529385" sldId="2147473517"/>
            <ac:spMk id="33" creationId="{F7AE54D0-0939-0237-E80C-EC463B6FC840}"/>
          </ac:spMkLst>
        </pc:spChg>
        <pc:spChg chg="mod ord">
          <ac:chgData name="Theis Ziegler" userId="1d0357a8-3efe-41fa-839c-7601d995f2eb" providerId="ADAL" clId="{DF415A0B-A0B9-4C60-9114-93ED0130F608}" dt="2026-03-04T09:42:24.009" v="3442" actId="962"/>
          <ac:spMkLst>
            <pc:docMk/>
            <pc:sldMk cId="160529385" sldId="2147473517"/>
            <ac:spMk id="34" creationId="{7CB19A86-2857-128B-85A3-7B89AAEECE68}"/>
          </ac:spMkLst>
        </pc:spChg>
        <pc:spChg chg="mod">
          <ac:chgData name="Theis Ziegler" userId="1d0357a8-3efe-41fa-839c-7601d995f2eb" providerId="ADAL" clId="{DF415A0B-A0B9-4C60-9114-93ED0130F608}" dt="2026-03-04T09:42:46.004" v="3444" actId="165"/>
          <ac:spMkLst>
            <pc:docMk/>
            <pc:sldMk cId="160529385" sldId="2147473517"/>
            <ac:spMk id="35" creationId="{F84C7BD1-B0A6-2FB5-F23C-470517594929}"/>
          </ac:spMkLst>
        </pc:spChg>
        <pc:spChg chg="mod topLvl">
          <ac:chgData name="Theis Ziegler" userId="1d0357a8-3efe-41fa-839c-7601d995f2eb" providerId="ADAL" clId="{DF415A0B-A0B9-4C60-9114-93ED0130F608}" dt="2026-03-04T09:42:12.080" v="3433" actId="962"/>
          <ac:spMkLst>
            <pc:docMk/>
            <pc:sldMk cId="160529385" sldId="2147473517"/>
            <ac:spMk id="36" creationId="{39A934D6-A2A7-E32E-8898-147E085EF9CE}"/>
          </ac:spMkLst>
        </pc:spChg>
        <pc:spChg chg="mod">
          <ac:chgData name="Theis Ziegler" userId="1d0357a8-3efe-41fa-839c-7601d995f2eb" providerId="ADAL" clId="{DF415A0B-A0B9-4C60-9114-93ED0130F608}" dt="2026-03-04T09:42:46.004" v="3444" actId="165"/>
          <ac:spMkLst>
            <pc:docMk/>
            <pc:sldMk cId="160529385" sldId="2147473517"/>
            <ac:spMk id="37" creationId="{94704641-A6D0-A699-755F-00F9EE4CE5ED}"/>
          </ac:spMkLst>
        </pc:spChg>
        <pc:spChg chg="mod">
          <ac:chgData name="Theis Ziegler" userId="1d0357a8-3efe-41fa-839c-7601d995f2eb" providerId="ADAL" clId="{DF415A0B-A0B9-4C60-9114-93ED0130F608}" dt="2026-03-04T09:42:01.449" v="3432" actId="165"/>
          <ac:spMkLst>
            <pc:docMk/>
            <pc:sldMk cId="160529385" sldId="2147473517"/>
            <ac:spMk id="39" creationId="{2A3A7DCD-CB54-018F-C907-6928737AAD3F}"/>
          </ac:spMkLst>
        </pc:spChg>
        <pc:spChg chg="mod ord topLvl">
          <ac:chgData name="Theis Ziegler" userId="1d0357a8-3efe-41fa-839c-7601d995f2eb" providerId="ADAL" clId="{DF415A0B-A0B9-4C60-9114-93ED0130F608}" dt="2026-03-04T09:43:01.764" v="3452" actId="962"/>
          <ac:spMkLst>
            <pc:docMk/>
            <pc:sldMk cId="160529385" sldId="2147473517"/>
            <ac:spMk id="40" creationId="{4A1B3CFF-FB51-8C00-CD43-A098147F1E79}"/>
          </ac:spMkLst>
        </pc:spChg>
        <pc:spChg chg="mod">
          <ac:chgData name="Theis Ziegler" userId="1d0357a8-3efe-41fa-839c-7601d995f2eb" providerId="ADAL" clId="{DF415A0B-A0B9-4C60-9114-93ED0130F608}" dt="2026-03-04T09:42:46.004" v="3444" actId="165"/>
          <ac:spMkLst>
            <pc:docMk/>
            <pc:sldMk cId="160529385" sldId="2147473517"/>
            <ac:spMk id="42" creationId="{73BC29F1-BFB5-5EAF-CF35-E8EF13BB9D48}"/>
          </ac:spMkLst>
        </pc:spChg>
        <pc:spChg chg="mod">
          <ac:chgData name="Theis Ziegler" userId="1d0357a8-3efe-41fa-839c-7601d995f2eb" providerId="ADAL" clId="{DF415A0B-A0B9-4C60-9114-93ED0130F608}" dt="2026-03-04T09:42:46.004" v="3444" actId="165"/>
          <ac:spMkLst>
            <pc:docMk/>
            <pc:sldMk cId="160529385" sldId="2147473517"/>
            <ac:spMk id="43" creationId="{529C8694-406E-5F2A-76D5-381A9757F32F}"/>
          </ac:spMkLst>
        </pc:spChg>
        <pc:spChg chg="mod ord">
          <ac:chgData name="Theis Ziegler" userId="1d0357a8-3efe-41fa-839c-7601d995f2eb" providerId="ADAL" clId="{DF415A0B-A0B9-4C60-9114-93ED0130F608}" dt="2026-03-04T09:38:38.221" v="3418" actId="962"/>
          <ac:spMkLst>
            <pc:docMk/>
            <pc:sldMk cId="160529385" sldId="2147473517"/>
            <ac:spMk id="45" creationId="{E839C9FE-A505-6F14-F7C4-4E61DD7510A7}"/>
          </ac:spMkLst>
        </pc:spChg>
        <pc:spChg chg="ord">
          <ac:chgData name="Theis Ziegler" userId="1d0357a8-3efe-41fa-839c-7601d995f2eb" providerId="ADAL" clId="{DF415A0B-A0B9-4C60-9114-93ED0130F608}" dt="2026-03-04T09:38:52.056" v="3420" actId="13244"/>
          <ac:spMkLst>
            <pc:docMk/>
            <pc:sldMk cId="160529385" sldId="2147473517"/>
            <ac:spMk id="51" creationId="{4FC09AF0-2F44-E642-D14D-73DA2AEF053F}"/>
          </ac:spMkLst>
        </pc:spChg>
        <pc:spChg chg="mod">
          <ac:chgData name="Theis Ziegler" userId="1d0357a8-3efe-41fa-839c-7601d995f2eb" providerId="ADAL" clId="{DF415A0B-A0B9-4C60-9114-93ED0130F608}" dt="2026-03-04T09:42:01.449" v="3432" actId="165"/>
          <ac:spMkLst>
            <pc:docMk/>
            <pc:sldMk cId="160529385" sldId="2147473517"/>
            <ac:spMk id="58" creationId="{7D2310F1-2CBE-A0C1-1FAA-233B2D479563}"/>
          </ac:spMkLst>
        </pc:spChg>
        <pc:spChg chg="mod">
          <ac:chgData name="Theis Ziegler" userId="1d0357a8-3efe-41fa-839c-7601d995f2eb" providerId="ADAL" clId="{DF415A0B-A0B9-4C60-9114-93ED0130F608}" dt="2026-03-04T09:42:01.449" v="3432" actId="165"/>
          <ac:spMkLst>
            <pc:docMk/>
            <pc:sldMk cId="160529385" sldId="2147473517"/>
            <ac:spMk id="59" creationId="{1D1DF6E4-9860-4EE2-F007-22DBC3D30A76}"/>
          </ac:spMkLst>
        </pc:spChg>
        <pc:spChg chg="mod">
          <ac:chgData name="Theis Ziegler" userId="1d0357a8-3efe-41fa-839c-7601d995f2eb" providerId="ADAL" clId="{DF415A0B-A0B9-4C60-9114-93ED0130F608}" dt="2026-03-04T09:38:44.353" v="3419" actId="962"/>
          <ac:spMkLst>
            <pc:docMk/>
            <pc:sldMk cId="160529385" sldId="2147473517"/>
            <ac:spMk id="84" creationId="{0AA81100-43AC-E0DF-09E9-CD8ABF7D04FC}"/>
          </ac:spMkLst>
        </pc:spChg>
        <pc:spChg chg="ord">
          <ac:chgData name="Theis Ziegler" userId="1d0357a8-3efe-41fa-839c-7601d995f2eb" providerId="ADAL" clId="{DF415A0B-A0B9-4C60-9114-93ED0130F608}" dt="2026-03-04T09:41:11.715" v="3425" actId="13244"/>
          <ac:spMkLst>
            <pc:docMk/>
            <pc:sldMk cId="160529385" sldId="2147473517"/>
            <ac:spMk id="230" creationId="{1FC8971A-7611-4B76-1784-4313C7ED9823}"/>
          </ac:spMkLst>
        </pc:spChg>
        <pc:spChg chg="ord">
          <ac:chgData name="Theis Ziegler" userId="1d0357a8-3efe-41fa-839c-7601d995f2eb" providerId="ADAL" clId="{DF415A0B-A0B9-4C60-9114-93ED0130F608}" dt="2026-03-04T09:41:15.247" v="3426" actId="13244"/>
          <ac:spMkLst>
            <pc:docMk/>
            <pc:sldMk cId="160529385" sldId="2147473517"/>
            <ac:spMk id="242" creationId="{82BAA869-CD9F-E951-48DE-1B79A37D6DF1}"/>
          </ac:spMkLst>
        </pc:spChg>
        <pc:spChg chg="ord">
          <ac:chgData name="Theis Ziegler" userId="1d0357a8-3efe-41fa-839c-7601d995f2eb" providerId="ADAL" clId="{DF415A0B-A0B9-4C60-9114-93ED0130F608}" dt="2026-03-04T09:41:19.061" v="3427" actId="13244"/>
          <ac:spMkLst>
            <pc:docMk/>
            <pc:sldMk cId="160529385" sldId="2147473517"/>
            <ac:spMk id="254" creationId="{DCCF0A8C-246D-90B4-A568-8FDD710A5C42}"/>
          </ac:spMkLst>
        </pc:spChg>
        <pc:spChg chg="mod ord topLvl">
          <ac:chgData name="Theis Ziegler" userId="1d0357a8-3efe-41fa-839c-7601d995f2eb" providerId="ADAL" clId="{DF415A0B-A0B9-4C60-9114-93ED0130F608}" dt="2026-03-04T09:43:00.958" v="3448" actId="962"/>
          <ac:spMkLst>
            <pc:docMk/>
            <pc:sldMk cId="160529385" sldId="2147473517"/>
            <ac:spMk id="300" creationId="{9DF8FB29-FB4B-C35F-7323-909D26BD75F0}"/>
          </ac:spMkLst>
        </pc:spChg>
        <pc:spChg chg="mod">
          <ac:chgData name="Theis Ziegler" userId="1d0357a8-3efe-41fa-839c-7601d995f2eb" providerId="ADAL" clId="{DF415A0B-A0B9-4C60-9114-93ED0130F608}" dt="2026-03-04T09:42:46.004" v="3444" actId="165"/>
          <ac:spMkLst>
            <pc:docMk/>
            <pc:sldMk cId="160529385" sldId="2147473517"/>
            <ac:spMk id="302" creationId="{26E15774-4DA2-1A74-BA2C-D0AEF2AB288C}"/>
          </ac:spMkLst>
        </pc:spChg>
        <pc:spChg chg="mod">
          <ac:chgData name="Theis Ziegler" userId="1d0357a8-3efe-41fa-839c-7601d995f2eb" providerId="ADAL" clId="{DF415A0B-A0B9-4C60-9114-93ED0130F608}" dt="2026-03-04T09:42:46.004" v="3444" actId="165"/>
          <ac:spMkLst>
            <pc:docMk/>
            <pc:sldMk cId="160529385" sldId="2147473517"/>
            <ac:spMk id="303" creationId="{54614544-CA4C-4E4B-B67D-80F4A3A74EE5}"/>
          </ac:spMkLst>
        </pc:spChg>
        <pc:grpChg chg="mod ord">
          <ac:chgData name="Theis Ziegler" userId="1d0357a8-3efe-41fa-839c-7601d995f2eb" providerId="ADAL" clId="{DF415A0B-A0B9-4C60-9114-93ED0130F608}" dt="2026-03-04T09:41:08.132" v="3424" actId="13244"/>
          <ac:grpSpMkLst>
            <pc:docMk/>
            <pc:sldMk cId="160529385" sldId="2147473517"/>
            <ac:grpSpMk id="10" creationId="{E94D54CD-18C5-672B-92F2-FE3FE35B0447}"/>
          </ac:grpSpMkLst>
        </pc:grpChg>
        <pc:grpChg chg="mod">
          <ac:chgData name="Theis Ziegler" userId="1d0357a8-3efe-41fa-839c-7601d995f2eb" providerId="ADAL" clId="{DF415A0B-A0B9-4C60-9114-93ED0130F608}" dt="2026-03-04T09:42:50.493" v="3445" actId="962"/>
          <ac:grpSpMkLst>
            <pc:docMk/>
            <pc:sldMk cId="160529385" sldId="2147473517"/>
            <ac:grpSpMk id="19" creationId="{6C083B90-72DB-D763-77A1-86F3F0D31049}"/>
          </ac:grpSpMkLst>
        </pc:grpChg>
        <pc:grpChg chg="mod">
          <ac:chgData name="Theis Ziegler" userId="1d0357a8-3efe-41fa-839c-7601d995f2eb" providerId="ADAL" clId="{DF415A0B-A0B9-4C60-9114-93ED0130F608}" dt="2026-03-04T09:42:50.493" v="3445" actId="962"/>
          <ac:grpSpMkLst>
            <pc:docMk/>
            <pc:sldMk cId="160529385" sldId="2147473517"/>
            <ac:grpSpMk id="41" creationId="{3056909F-DCC8-6373-530E-7859EFA36D55}"/>
          </ac:grpSpMkLst>
        </pc:grpChg>
        <pc:grpChg chg="mod">
          <ac:chgData name="Theis Ziegler" userId="1d0357a8-3efe-41fa-839c-7601d995f2eb" providerId="ADAL" clId="{DF415A0B-A0B9-4C60-9114-93ED0130F608}" dt="2026-03-04T09:44:20.072" v="3457" actId="962"/>
          <ac:grpSpMkLst>
            <pc:docMk/>
            <pc:sldMk cId="160529385" sldId="2147473517"/>
            <ac:grpSpMk id="229" creationId="{3214738E-704E-C092-8656-B14D552E1265}"/>
          </ac:grpSpMkLst>
        </pc:grpChg>
        <pc:grpChg chg="mod">
          <ac:chgData name="Theis Ziegler" userId="1d0357a8-3efe-41fa-839c-7601d995f2eb" providerId="ADAL" clId="{DF415A0B-A0B9-4C60-9114-93ED0130F608}" dt="2026-03-04T09:42:50.493" v="3445" actId="962"/>
          <ac:grpSpMkLst>
            <pc:docMk/>
            <pc:sldMk cId="160529385" sldId="2147473517"/>
            <ac:grpSpMk id="301" creationId="{7B647108-B0E6-70B9-AB3A-B90DFBB9F817}"/>
          </ac:grpSpMkLst>
        </pc:grpChg>
      </pc:sldChg>
      <pc:sldChg chg="modSp mod">
        <pc:chgData name="Theis Ziegler" userId="1d0357a8-3efe-41fa-839c-7601d995f2eb" providerId="ADAL" clId="{DF415A0B-A0B9-4C60-9114-93ED0130F608}" dt="2026-03-04T10:11:18.577" v="3713" actId="962"/>
        <pc:sldMkLst>
          <pc:docMk/>
          <pc:sldMk cId="3759908978" sldId="2147473521"/>
        </pc:sldMkLst>
        <pc:spChg chg="ord">
          <ac:chgData name="Theis Ziegler" userId="1d0357a8-3efe-41fa-839c-7601d995f2eb" providerId="ADAL" clId="{DF415A0B-A0B9-4C60-9114-93ED0130F608}" dt="2026-03-04T10:10:56.888" v="3709" actId="13244"/>
          <ac:spMkLst>
            <pc:docMk/>
            <pc:sldMk cId="3759908978" sldId="2147473521"/>
            <ac:spMk id="3" creationId="{5B85C046-9814-F373-B028-359F587BC5BB}"/>
          </ac:spMkLst>
        </pc:spChg>
        <pc:spChg chg="ord">
          <ac:chgData name="Theis Ziegler" userId="1d0357a8-3efe-41fa-839c-7601d995f2eb" providerId="ADAL" clId="{DF415A0B-A0B9-4C60-9114-93ED0130F608}" dt="2026-03-04T10:10:59.079" v="3710" actId="13244"/>
          <ac:spMkLst>
            <pc:docMk/>
            <pc:sldMk cId="3759908978" sldId="2147473521"/>
            <ac:spMk id="5" creationId="{29ADD3EC-7D4B-6E02-3DDA-58579F0C293C}"/>
          </ac:spMkLst>
        </pc:spChg>
        <pc:spChg chg="ord">
          <ac:chgData name="Theis Ziegler" userId="1d0357a8-3efe-41fa-839c-7601d995f2eb" providerId="ADAL" clId="{DF415A0B-A0B9-4C60-9114-93ED0130F608}" dt="2026-03-04T10:11:06.299" v="3711" actId="13244"/>
          <ac:spMkLst>
            <pc:docMk/>
            <pc:sldMk cId="3759908978" sldId="2147473521"/>
            <ac:spMk id="49" creationId="{0B446093-AB52-514F-A8BA-64CED2AE5C44}"/>
          </ac:spMkLst>
        </pc:spChg>
        <pc:spChg chg="ord">
          <ac:chgData name="Theis Ziegler" userId="1d0357a8-3efe-41fa-839c-7601d995f2eb" providerId="ADAL" clId="{DF415A0B-A0B9-4C60-9114-93ED0130F608}" dt="2026-03-04T10:11:06.299" v="3711" actId="13244"/>
          <ac:spMkLst>
            <pc:docMk/>
            <pc:sldMk cId="3759908978" sldId="2147473521"/>
            <ac:spMk id="114" creationId="{CBE6FEB5-57F0-0436-846E-09A3BE3AD10F}"/>
          </ac:spMkLst>
        </pc:spChg>
        <pc:spChg chg="ord">
          <ac:chgData name="Theis Ziegler" userId="1d0357a8-3efe-41fa-839c-7601d995f2eb" providerId="ADAL" clId="{DF415A0B-A0B9-4C60-9114-93ED0130F608}" dt="2026-03-04T10:11:06.299" v="3711" actId="13244"/>
          <ac:spMkLst>
            <pc:docMk/>
            <pc:sldMk cId="3759908978" sldId="2147473521"/>
            <ac:spMk id="115" creationId="{E7444918-268F-EAF3-A7FE-54EC7CA52F7F}"/>
          </ac:spMkLst>
        </pc:spChg>
        <pc:picChg chg="mod">
          <ac:chgData name="Theis Ziegler" userId="1d0357a8-3efe-41fa-839c-7601d995f2eb" providerId="ADAL" clId="{DF415A0B-A0B9-4C60-9114-93ED0130F608}" dt="2026-03-04T10:11:18.169" v="3712" actId="962"/>
          <ac:picMkLst>
            <pc:docMk/>
            <pc:sldMk cId="3759908978" sldId="2147473521"/>
            <ac:picMk id="4" creationId="{750BEBD1-8967-A078-6CA5-C3D623880DC9}"/>
          </ac:picMkLst>
        </pc:picChg>
        <pc:picChg chg="mod">
          <ac:chgData name="Theis Ziegler" userId="1d0357a8-3efe-41fa-839c-7601d995f2eb" providerId="ADAL" clId="{DF415A0B-A0B9-4C60-9114-93ED0130F608}" dt="2026-03-04T10:11:18.577" v="3713" actId="962"/>
          <ac:picMkLst>
            <pc:docMk/>
            <pc:sldMk cId="3759908978" sldId="2147473521"/>
            <ac:picMk id="6" creationId="{C6FA4BE2-78FC-E26C-52E4-07D12035C827}"/>
          </ac:picMkLst>
        </pc:picChg>
      </pc:sldChg>
      <pc:sldMasterChg chg="modSp mod modSldLayout">
        <pc:chgData name="Theis Ziegler" userId="1d0357a8-3efe-41fa-839c-7601d995f2eb" providerId="ADAL" clId="{DF415A0B-A0B9-4C60-9114-93ED0130F608}" dt="2026-03-27T08:52:25.184" v="4459" actId="139"/>
        <pc:sldMasterMkLst>
          <pc:docMk/>
          <pc:sldMasterMk cId="4062072059" sldId="2147483771"/>
        </pc:sldMasterMkLst>
        <pc:spChg chg="mod">
          <ac:chgData name="Theis Ziegler" userId="1d0357a8-3efe-41fa-839c-7601d995f2eb" providerId="ADAL" clId="{DF415A0B-A0B9-4C60-9114-93ED0130F608}" dt="2026-03-27T08:52:24.678" v="4433" actId="139"/>
          <ac:spMkLst>
            <pc:docMk/>
            <pc:sldMasterMk cId="4062072059" sldId="2147483771"/>
            <ac:spMk id="14" creationId="{134A23C1-0E96-D4EA-D334-6C357822C34E}"/>
          </ac:spMkLst>
        </pc:spChg>
        <pc:sldLayoutChg chg="modSp mod">
          <pc:chgData name="Theis Ziegler" userId="1d0357a8-3efe-41fa-839c-7601d995f2eb" providerId="ADAL" clId="{DF415A0B-A0B9-4C60-9114-93ED0130F608}" dt="2026-03-27T08:52:24.778" v="4435" actId="139"/>
          <pc:sldLayoutMkLst>
            <pc:docMk/>
            <pc:sldMasterMk cId="4062072059" sldId="2147483771"/>
            <pc:sldLayoutMk cId="3181667658" sldId="2147483795"/>
          </pc:sldLayoutMkLst>
          <pc:spChg chg="mod">
            <ac:chgData name="Theis Ziegler" userId="1d0357a8-3efe-41fa-839c-7601d995f2eb" providerId="ADAL" clId="{DF415A0B-A0B9-4C60-9114-93ED0130F608}" dt="2026-03-27T08:52:24.778" v="4435" actId="139"/>
            <ac:spMkLst>
              <pc:docMk/>
              <pc:sldMasterMk cId="4062072059" sldId="2147483771"/>
              <pc:sldLayoutMk cId="3181667658" sldId="2147483795"/>
              <ac:spMk id="17" creationId="{765EE0E0-F8F9-40AA-BA21-5319E31C2736}"/>
            </ac:spMkLst>
          </pc:spChg>
        </pc:sldLayoutChg>
        <pc:sldLayoutChg chg="modSp mod">
          <pc:chgData name="Theis Ziegler" userId="1d0357a8-3efe-41fa-839c-7601d995f2eb" providerId="ADAL" clId="{DF415A0B-A0B9-4C60-9114-93ED0130F608}" dt="2026-03-27T08:52:24.893" v="4443" actId="139"/>
          <pc:sldLayoutMkLst>
            <pc:docMk/>
            <pc:sldMasterMk cId="4062072059" sldId="2147483771"/>
            <pc:sldLayoutMk cId="277305366" sldId="2147483800"/>
          </pc:sldLayoutMkLst>
          <pc:spChg chg="mod">
            <ac:chgData name="Theis Ziegler" userId="1d0357a8-3efe-41fa-839c-7601d995f2eb" providerId="ADAL" clId="{DF415A0B-A0B9-4C60-9114-93ED0130F608}" dt="2026-03-27T08:52:24.893" v="4443" actId="139"/>
            <ac:spMkLst>
              <pc:docMk/>
              <pc:sldMasterMk cId="4062072059" sldId="2147483771"/>
              <pc:sldLayoutMk cId="277305366" sldId="2147483800"/>
              <ac:spMk id="2" creationId="{8901F19C-00DF-080E-BE3B-A06051CA14B8}"/>
            </ac:spMkLst>
          </pc:spChg>
          <pc:spChg chg="mod modVis">
            <ac:chgData name="Theis Ziegler" userId="1d0357a8-3efe-41fa-839c-7601d995f2eb" providerId="ADAL" clId="{DF415A0B-A0B9-4C60-9114-93ED0130F608}" dt="2026-03-27T08:52:24.844" v="4437" actId="139"/>
            <ac:spMkLst>
              <pc:docMk/>
              <pc:sldMasterMk cId="4062072059" sldId="2147483771"/>
              <pc:sldLayoutMk cId="277305366" sldId="2147483800"/>
              <ac:spMk id="15" creationId="{B584A4AE-89E3-E9CE-6BAB-1487A7C6C289}"/>
            </ac:spMkLst>
          </pc:spChg>
          <pc:spChg chg="mod">
            <ac:chgData name="Theis Ziegler" userId="1d0357a8-3efe-41fa-839c-7601d995f2eb" providerId="ADAL" clId="{DF415A0B-A0B9-4C60-9114-93ED0130F608}" dt="2026-03-27T08:52:24.850" v="4439" actId="139"/>
            <ac:spMkLst>
              <pc:docMk/>
              <pc:sldMasterMk cId="4062072059" sldId="2147483771"/>
              <pc:sldLayoutMk cId="277305366" sldId="2147483800"/>
              <ac:spMk id="17" creationId="{32CA410F-2F8F-D647-36B7-E066817EA6CB}"/>
            </ac:spMkLst>
          </pc:spChg>
          <pc:spChg chg="mod">
            <ac:chgData name="Theis Ziegler" userId="1d0357a8-3efe-41fa-839c-7601d995f2eb" providerId="ADAL" clId="{DF415A0B-A0B9-4C60-9114-93ED0130F608}" dt="2026-03-27T08:52:24.881" v="4441" actId="139"/>
            <ac:spMkLst>
              <pc:docMk/>
              <pc:sldMasterMk cId="4062072059" sldId="2147483771"/>
              <pc:sldLayoutMk cId="277305366" sldId="2147483800"/>
              <ac:spMk id="18" creationId="{BE665671-15A8-8F7C-DFB9-BC6BD5FB40EC}"/>
            </ac:spMkLst>
          </pc:spChg>
        </pc:sldLayoutChg>
        <pc:sldLayoutChg chg="modSp mod">
          <pc:chgData name="Theis Ziegler" userId="1d0357a8-3efe-41fa-839c-7601d995f2eb" providerId="ADAL" clId="{DF415A0B-A0B9-4C60-9114-93ED0130F608}" dt="2026-03-27T08:52:24.917" v="4445" actId="139"/>
          <pc:sldLayoutMkLst>
            <pc:docMk/>
            <pc:sldMasterMk cId="4062072059" sldId="2147483771"/>
            <pc:sldLayoutMk cId="317380234" sldId="2147483804"/>
          </pc:sldLayoutMkLst>
          <pc:spChg chg="mod">
            <ac:chgData name="Theis Ziegler" userId="1d0357a8-3efe-41fa-839c-7601d995f2eb" providerId="ADAL" clId="{DF415A0B-A0B9-4C60-9114-93ED0130F608}" dt="2026-03-27T08:52:24.917" v="4445" actId="139"/>
            <ac:spMkLst>
              <pc:docMk/>
              <pc:sldMasterMk cId="4062072059" sldId="2147483771"/>
              <pc:sldLayoutMk cId="317380234" sldId="2147483804"/>
              <ac:spMk id="12" creationId="{FD9CFC47-A7DE-4052-85A4-195DFC7ED710}"/>
            </ac:spMkLst>
          </pc:spChg>
        </pc:sldLayoutChg>
        <pc:sldLayoutChg chg="modSp mod">
          <pc:chgData name="Theis Ziegler" userId="1d0357a8-3efe-41fa-839c-7601d995f2eb" providerId="ADAL" clId="{DF415A0B-A0B9-4C60-9114-93ED0130F608}" dt="2026-03-27T08:52:24.937" v="4447" actId="139"/>
          <pc:sldLayoutMkLst>
            <pc:docMk/>
            <pc:sldMasterMk cId="4062072059" sldId="2147483771"/>
            <pc:sldLayoutMk cId="3569314465" sldId="2147483805"/>
          </pc:sldLayoutMkLst>
          <pc:spChg chg="mod">
            <ac:chgData name="Theis Ziegler" userId="1d0357a8-3efe-41fa-839c-7601d995f2eb" providerId="ADAL" clId="{DF415A0B-A0B9-4C60-9114-93ED0130F608}" dt="2026-03-27T08:52:24.937" v="4447" actId="139"/>
            <ac:spMkLst>
              <pc:docMk/>
              <pc:sldMasterMk cId="4062072059" sldId="2147483771"/>
              <pc:sldLayoutMk cId="3569314465" sldId="2147483805"/>
              <ac:spMk id="12" creationId="{F3D323A7-E77D-4AA0-B4B7-2C78C9599641}"/>
            </ac:spMkLst>
          </pc:spChg>
        </pc:sldLayoutChg>
        <pc:sldLayoutChg chg="modSp mod">
          <pc:chgData name="Theis Ziegler" userId="1d0357a8-3efe-41fa-839c-7601d995f2eb" providerId="ADAL" clId="{DF415A0B-A0B9-4C60-9114-93ED0130F608}" dt="2026-03-27T08:52:24.947" v="4449" actId="139"/>
          <pc:sldLayoutMkLst>
            <pc:docMk/>
            <pc:sldMasterMk cId="4062072059" sldId="2147483771"/>
            <pc:sldLayoutMk cId="935781164" sldId="2147483806"/>
          </pc:sldLayoutMkLst>
          <pc:spChg chg="mod">
            <ac:chgData name="Theis Ziegler" userId="1d0357a8-3efe-41fa-839c-7601d995f2eb" providerId="ADAL" clId="{DF415A0B-A0B9-4C60-9114-93ED0130F608}" dt="2026-03-27T08:52:24.947" v="4449" actId="139"/>
            <ac:spMkLst>
              <pc:docMk/>
              <pc:sldMasterMk cId="4062072059" sldId="2147483771"/>
              <pc:sldLayoutMk cId="935781164" sldId="2147483806"/>
              <ac:spMk id="12" creationId="{DF54FF09-93BA-41CC-AFB4-BDF4C91CA9B1}"/>
            </ac:spMkLst>
          </pc:spChg>
        </pc:sldLayoutChg>
        <pc:sldLayoutChg chg="modSp mod">
          <pc:chgData name="Theis Ziegler" userId="1d0357a8-3efe-41fa-839c-7601d995f2eb" providerId="ADAL" clId="{DF415A0B-A0B9-4C60-9114-93ED0130F608}" dt="2026-03-27T08:52:24.973" v="4451" actId="139"/>
          <pc:sldLayoutMkLst>
            <pc:docMk/>
            <pc:sldMasterMk cId="4062072059" sldId="2147483771"/>
            <pc:sldLayoutMk cId="1576751484" sldId="2147483807"/>
          </pc:sldLayoutMkLst>
          <pc:spChg chg="mod">
            <ac:chgData name="Theis Ziegler" userId="1d0357a8-3efe-41fa-839c-7601d995f2eb" providerId="ADAL" clId="{DF415A0B-A0B9-4C60-9114-93ED0130F608}" dt="2026-03-27T08:52:24.973" v="4451" actId="139"/>
            <ac:spMkLst>
              <pc:docMk/>
              <pc:sldMasterMk cId="4062072059" sldId="2147483771"/>
              <pc:sldLayoutMk cId="1576751484" sldId="2147483807"/>
              <ac:spMk id="12" creationId="{50D0E46F-A3EA-4535-8DC2-340BA31A1F0A}"/>
            </ac:spMkLst>
          </pc:spChg>
        </pc:sldLayoutChg>
        <pc:sldLayoutChg chg="modSp mod">
          <pc:chgData name="Theis Ziegler" userId="1d0357a8-3efe-41fa-839c-7601d995f2eb" providerId="ADAL" clId="{DF415A0B-A0B9-4C60-9114-93ED0130F608}" dt="2026-03-27T08:52:24.990" v="4453" actId="139"/>
          <pc:sldLayoutMkLst>
            <pc:docMk/>
            <pc:sldMasterMk cId="4062072059" sldId="2147483771"/>
            <pc:sldLayoutMk cId="190029171" sldId="2147483808"/>
          </pc:sldLayoutMkLst>
          <pc:spChg chg="mod">
            <ac:chgData name="Theis Ziegler" userId="1d0357a8-3efe-41fa-839c-7601d995f2eb" providerId="ADAL" clId="{DF415A0B-A0B9-4C60-9114-93ED0130F608}" dt="2026-03-27T08:52:24.990" v="4453" actId="139"/>
            <ac:spMkLst>
              <pc:docMk/>
              <pc:sldMasterMk cId="4062072059" sldId="2147483771"/>
              <pc:sldLayoutMk cId="190029171" sldId="2147483808"/>
              <ac:spMk id="12" creationId="{093F4C7E-BD8C-4CF1-84CD-0543921C4E96}"/>
            </ac:spMkLst>
          </pc:spChg>
        </pc:sldLayoutChg>
        <pc:sldLayoutChg chg="modSp mod">
          <pc:chgData name="Theis Ziegler" userId="1d0357a8-3efe-41fa-839c-7601d995f2eb" providerId="ADAL" clId="{DF415A0B-A0B9-4C60-9114-93ED0130F608}" dt="2026-03-27T08:52:25.152" v="4455" actId="139"/>
          <pc:sldLayoutMkLst>
            <pc:docMk/>
            <pc:sldMasterMk cId="4062072059" sldId="2147483771"/>
            <pc:sldLayoutMk cId="555341100" sldId="2147483828"/>
          </pc:sldLayoutMkLst>
          <pc:spChg chg="mod">
            <ac:chgData name="Theis Ziegler" userId="1d0357a8-3efe-41fa-839c-7601d995f2eb" providerId="ADAL" clId="{DF415A0B-A0B9-4C60-9114-93ED0130F608}" dt="2026-03-27T08:52:25.152" v="4455" actId="139"/>
            <ac:spMkLst>
              <pc:docMk/>
              <pc:sldMasterMk cId="4062072059" sldId="2147483771"/>
              <pc:sldLayoutMk cId="555341100" sldId="2147483828"/>
              <ac:spMk id="21" creationId="{F20CF9DC-5B12-4927-98D5-BD3DBD780223}"/>
            </ac:spMkLst>
          </pc:spChg>
        </pc:sldLayoutChg>
        <pc:sldLayoutChg chg="modSp mod">
          <pc:chgData name="Theis Ziegler" userId="1d0357a8-3efe-41fa-839c-7601d995f2eb" providerId="ADAL" clId="{DF415A0B-A0B9-4C60-9114-93ED0130F608}" dt="2026-03-27T08:52:25.181" v="4457" actId="139"/>
          <pc:sldLayoutMkLst>
            <pc:docMk/>
            <pc:sldMasterMk cId="4062072059" sldId="2147483771"/>
            <pc:sldLayoutMk cId="31490356" sldId="2147483855"/>
          </pc:sldLayoutMkLst>
          <pc:spChg chg="mod">
            <ac:chgData name="Theis Ziegler" userId="1d0357a8-3efe-41fa-839c-7601d995f2eb" providerId="ADAL" clId="{DF415A0B-A0B9-4C60-9114-93ED0130F608}" dt="2026-03-27T08:52:25.181" v="4457" actId="139"/>
            <ac:spMkLst>
              <pc:docMk/>
              <pc:sldMasterMk cId="4062072059" sldId="2147483771"/>
              <pc:sldLayoutMk cId="31490356" sldId="2147483855"/>
              <ac:spMk id="11" creationId="{E85933CF-2E07-4D4E-9911-F315F4A8C593}"/>
            </ac:spMkLst>
          </pc:spChg>
        </pc:sldLayoutChg>
        <pc:sldLayoutChg chg="modSp mod">
          <pc:chgData name="Theis Ziegler" userId="1d0357a8-3efe-41fa-839c-7601d995f2eb" providerId="ADAL" clId="{DF415A0B-A0B9-4C60-9114-93ED0130F608}" dt="2026-03-27T08:52:25.184" v="4459" actId="139"/>
          <pc:sldLayoutMkLst>
            <pc:docMk/>
            <pc:sldMasterMk cId="4062072059" sldId="2147483771"/>
            <pc:sldLayoutMk cId="2403087012" sldId="2147483856"/>
          </pc:sldLayoutMkLst>
          <pc:spChg chg="mod">
            <ac:chgData name="Theis Ziegler" userId="1d0357a8-3efe-41fa-839c-7601d995f2eb" providerId="ADAL" clId="{DF415A0B-A0B9-4C60-9114-93ED0130F608}" dt="2026-03-27T08:52:25.184" v="4459" actId="139"/>
            <ac:spMkLst>
              <pc:docMk/>
              <pc:sldMasterMk cId="4062072059" sldId="2147483771"/>
              <pc:sldLayoutMk cId="2403087012" sldId="2147483856"/>
              <ac:spMk id="11" creationId="{9BA48053-1A5D-4A47-AE95-11FBDA3C42CE}"/>
            </ac:spMkLst>
          </pc:spChg>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21582" cy="495348"/>
          </a:xfrm>
          <a:prstGeom prst="rect">
            <a:avLst/>
          </a:prstGeom>
        </p:spPr>
        <p:txBody>
          <a:bodyPr vert="horz" lIns="91440" tIns="45720" rIns="91440" bIns="45720" rtlCol="0"/>
          <a:lstStyle>
            <a:lvl1pPr algn="l">
              <a:defRPr sz="1200"/>
            </a:lvl1pPr>
          </a:lstStyle>
          <a:p>
            <a:endParaRPr lang="en-GB"/>
          </a:p>
        </p:txBody>
      </p:sp>
      <p:sp>
        <p:nvSpPr>
          <p:cNvPr id="4" name="Footer Placeholder 3"/>
          <p:cNvSpPr>
            <a:spLocks noGrp="1"/>
          </p:cNvSpPr>
          <p:nvPr>
            <p:ph type="ftr" sz="quarter" idx="2"/>
          </p:nvPr>
        </p:nvSpPr>
        <p:spPr>
          <a:xfrm>
            <a:off x="0" y="9377317"/>
            <a:ext cx="2921582" cy="49534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p:cNvSpPr>
            <a:spLocks noGrp="1"/>
          </p:cNvSpPr>
          <p:nvPr>
            <p:ph type="sldNum" sz="quarter" idx="3"/>
          </p:nvPr>
        </p:nvSpPr>
        <p:spPr>
          <a:xfrm>
            <a:off x="3818971" y="9377317"/>
            <a:ext cx="2921582" cy="495347"/>
          </a:xfrm>
          <a:prstGeom prst="rect">
            <a:avLst/>
          </a:prstGeom>
        </p:spPr>
        <p:txBody>
          <a:bodyPr vert="horz" lIns="91440" tIns="45720" rIns="91440" bIns="45720" rtlCol="0" anchor="b"/>
          <a:lstStyle>
            <a:lvl1pPr algn="r">
              <a:defRPr sz="1200"/>
            </a:lvl1pPr>
          </a:lstStyle>
          <a:p>
            <a:fld id="{F545B0AC-3C21-415C-AE16-0BF48B073E90}" type="slidenum">
              <a:rPr lang="en-GB" smtClean="0"/>
              <a:t>‹#›</a:t>
            </a:fld>
            <a:endParaRPr lang="en-GB"/>
          </a:p>
        </p:txBody>
      </p:sp>
    </p:spTree>
    <p:extLst>
      <p:ext uri="{BB962C8B-B14F-4D97-AF65-F5344CB8AC3E}">
        <p14:creationId xmlns:p14="http://schemas.microsoft.com/office/powerpoint/2010/main" val="2358758057"/>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21582" cy="49534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18971" y="0"/>
            <a:ext cx="2921582" cy="495348"/>
          </a:xfrm>
          <a:prstGeom prst="rect">
            <a:avLst/>
          </a:prstGeom>
        </p:spPr>
        <p:txBody>
          <a:bodyPr vert="horz" lIns="91440" tIns="45720" rIns="91440" bIns="45720" rtlCol="0"/>
          <a:lstStyle>
            <a:lvl1pPr algn="r">
              <a:defRPr sz="1200"/>
            </a:lvl1pPr>
          </a:lstStyle>
          <a:p>
            <a:fld id="{6BE91546-E539-4711-8823-DA5C7B480360}" type="datetimeFigureOut">
              <a:rPr lang="en-GB" smtClean="0"/>
              <a:t>27/03/2026</a:t>
            </a:fld>
            <a:endParaRPr lang="en-GB"/>
          </a:p>
        </p:txBody>
      </p:sp>
      <p:sp>
        <p:nvSpPr>
          <p:cNvPr id="4" name="Slide Image Placeholder 3"/>
          <p:cNvSpPr>
            <a:spLocks noGrp="1" noRot="1" noChangeAspect="1"/>
          </p:cNvSpPr>
          <p:nvPr>
            <p:ph type="sldImg" idx="2"/>
          </p:nvPr>
        </p:nvSpPr>
        <p:spPr>
          <a:xfrm>
            <a:off x="409575" y="1233488"/>
            <a:ext cx="5922963" cy="3332162"/>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74212" y="4751219"/>
            <a:ext cx="5393690" cy="3887361"/>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9377317"/>
            <a:ext cx="2921582" cy="49534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18971" y="9377317"/>
            <a:ext cx="2921582" cy="495347"/>
          </a:xfrm>
          <a:prstGeom prst="rect">
            <a:avLst/>
          </a:prstGeom>
        </p:spPr>
        <p:txBody>
          <a:bodyPr vert="horz" lIns="91440" tIns="45720" rIns="91440" bIns="45720" rtlCol="0" anchor="b"/>
          <a:lstStyle>
            <a:lvl1pPr algn="r">
              <a:defRPr sz="1200"/>
            </a:lvl1pPr>
          </a:lstStyle>
          <a:p>
            <a:fld id="{4398B954-2888-4EEA-BC75-22288D66EB13}" type="slidenum">
              <a:rPr lang="en-GB" smtClean="0"/>
              <a:t>‹#›</a:t>
            </a:fld>
            <a:endParaRPr lang="en-GB"/>
          </a:p>
        </p:txBody>
      </p:sp>
    </p:spTree>
    <p:extLst>
      <p:ext uri="{BB962C8B-B14F-4D97-AF65-F5344CB8AC3E}">
        <p14:creationId xmlns:p14="http://schemas.microsoft.com/office/powerpoint/2010/main" val="2678759266"/>
      </p:ext>
    </p:extLst>
  </p:cSld>
  <p:clrMap bg1="lt1" tx1="dk1" bg2="lt2" tx2="dk2" accent1="accent1" accent2="accent2" accent3="accent3" accent4="accent4" accent5="accent5" accent6="accent6" hlink="hlink" folHlink="folHlink"/>
  <p:notesStyle>
    <a:lvl1pPr marL="0" algn="l" defTabSz="1039307" rtl="0" eaLnBrk="1" latinLnBrk="0" hangingPunct="1">
      <a:defRPr sz="1400" kern="1200">
        <a:solidFill>
          <a:schemeClr val="tx1"/>
        </a:solidFill>
        <a:latin typeface="+mn-lt"/>
        <a:ea typeface="+mn-ea"/>
        <a:cs typeface="+mn-cs"/>
      </a:defRPr>
    </a:lvl1pPr>
    <a:lvl2pPr marL="519654" algn="l" defTabSz="1039307" rtl="0" eaLnBrk="1" latinLnBrk="0" hangingPunct="1">
      <a:defRPr sz="1400" kern="1200">
        <a:solidFill>
          <a:schemeClr val="tx1"/>
        </a:solidFill>
        <a:latin typeface="+mn-lt"/>
        <a:ea typeface="+mn-ea"/>
        <a:cs typeface="+mn-cs"/>
      </a:defRPr>
    </a:lvl2pPr>
    <a:lvl3pPr marL="1039307" algn="l" defTabSz="1039307" rtl="0" eaLnBrk="1" latinLnBrk="0" hangingPunct="1">
      <a:defRPr sz="1400" kern="1200">
        <a:solidFill>
          <a:schemeClr val="tx1"/>
        </a:solidFill>
        <a:latin typeface="+mn-lt"/>
        <a:ea typeface="+mn-ea"/>
        <a:cs typeface="+mn-cs"/>
      </a:defRPr>
    </a:lvl3pPr>
    <a:lvl4pPr marL="1558961" algn="l" defTabSz="1039307" rtl="0" eaLnBrk="1" latinLnBrk="0" hangingPunct="1">
      <a:defRPr sz="1400" kern="1200">
        <a:solidFill>
          <a:schemeClr val="tx1"/>
        </a:solidFill>
        <a:latin typeface="+mn-lt"/>
        <a:ea typeface="+mn-ea"/>
        <a:cs typeface="+mn-cs"/>
      </a:defRPr>
    </a:lvl4pPr>
    <a:lvl5pPr marL="2078614" algn="l" defTabSz="1039307" rtl="0" eaLnBrk="1" latinLnBrk="0" hangingPunct="1">
      <a:defRPr sz="1400" kern="1200">
        <a:solidFill>
          <a:schemeClr val="tx1"/>
        </a:solidFill>
        <a:latin typeface="+mn-lt"/>
        <a:ea typeface="+mn-ea"/>
        <a:cs typeface="+mn-cs"/>
      </a:defRPr>
    </a:lvl5pPr>
    <a:lvl6pPr marL="2598268" algn="l" defTabSz="1039307" rtl="0" eaLnBrk="1" latinLnBrk="0" hangingPunct="1">
      <a:defRPr sz="1400" kern="1200">
        <a:solidFill>
          <a:schemeClr val="tx1"/>
        </a:solidFill>
        <a:latin typeface="+mn-lt"/>
        <a:ea typeface="+mn-ea"/>
        <a:cs typeface="+mn-cs"/>
      </a:defRPr>
    </a:lvl6pPr>
    <a:lvl7pPr marL="3117921" algn="l" defTabSz="1039307" rtl="0" eaLnBrk="1" latinLnBrk="0" hangingPunct="1">
      <a:defRPr sz="1400" kern="1200">
        <a:solidFill>
          <a:schemeClr val="tx1"/>
        </a:solidFill>
        <a:latin typeface="+mn-lt"/>
        <a:ea typeface="+mn-ea"/>
        <a:cs typeface="+mn-cs"/>
      </a:defRPr>
    </a:lvl7pPr>
    <a:lvl8pPr marL="3637575" algn="l" defTabSz="1039307" rtl="0" eaLnBrk="1" latinLnBrk="0" hangingPunct="1">
      <a:defRPr sz="1400" kern="1200">
        <a:solidFill>
          <a:schemeClr val="tx1"/>
        </a:solidFill>
        <a:latin typeface="+mn-lt"/>
        <a:ea typeface="+mn-ea"/>
        <a:cs typeface="+mn-cs"/>
      </a:defRPr>
    </a:lvl8pPr>
    <a:lvl9pPr marL="4157228" algn="l" defTabSz="1039307"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4</a:t>
            </a:fld>
            <a:endParaRPr lang="en-GB"/>
          </a:p>
        </p:txBody>
      </p:sp>
    </p:spTree>
    <p:extLst>
      <p:ext uri="{BB962C8B-B14F-4D97-AF65-F5344CB8AC3E}">
        <p14:creationId xmlns:p14="http://schemas.microsoft.com/office/powerpoint/2010/main" val="393280401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D2ECDA2-A513-2FEB-6ECC-965E6139209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E800190-5B5F-C0BE-A055-68C2E2B7B46F}"/>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EA7BAA91-C64B-1CF3-BD11-D37922F7605A}"/>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9EAFA9C8-4D2C-1104-AAA3-EA4F40C40CFB}"/>
              </a:ext>
            </a:extLst>
          </p:cNvPr>
          <p:cNvSpPr>
            <a:spLocks noGrp="1"/>
          </p:cNvSpPr>
          <p:nvPr>
            <p:ph type="sldNum" sz="quarter" idx="5"/>
          </p:nvPr>
        </p:nvSpPr>
        <p:spPr/>
        <p:txBody>
          <a:bodyPr/>
          <a:lstStyle/>
          <a:p>
            <a:fld id="{4398B954-2888-4EEA-BC75-22288D66EB13}" type="slidenum">
              <a:rPr lang="en-GB" smtClean="0"/>
              <a:t>17</a:t>
            </a:fld>
            <a:endParaRPr lang="en-GB"/>
          </a:p>
        </p:txBody>
      </p:sp>
    </p:spTree>
    <p:extLst>
      <p:ext uri="{BB962C8B-B14F-4D97-AF65-F5344CB8AC3E}">
        <p14:creationId xmlns:p14="http://schemas.microsoft.com/office/powerpoint/2010/main" val="86979519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4F3B42-96BB-5A99-7677-F4C63D137EC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A4DB6AF-A358-6EE2-A1DB-AEFBA82A9183}"/>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2990DDF0-70A0-5F78-3B78-9AAD8DA149E2}"/>
              </a:ext>
            </a:extLst>
          </p:cNvPr>
          <p:cNvSpPr>
            <a:spLocks noGrp="1"/>
          </p:cNvSpPr>
          <p:nvPr>
            <p:ph type="body" idx="1"/>
          </p:nvPr>
        </p:nvSpPr>
        <p:spPr/>
        <p:txBody>
          <a:bodyPr/>
          <a:lstStyle/>
          <a:p>
            <a:endParaRPr lang="en-DK"/>
          </a:p>
        </p:txBody>
      </p:sp>
      <p:sp>
        <p:nvSpPr>
          <p:cNvPr id="4" name="Slide Number Placeholder 3">
            <a:extLst>
              <a:ext uri="{FF2B5EF4-FFF2-40B4-BE49-F238E27FC236}">
                <a16:creationId xmlns:a16="http://schemas.microsoft.com/office/drawing/2014/main" id="{381486C2-D9A7-938B-2AE0-512E28CA6C45}"/>
              </a:ext>
            </a:extLst>
          </p:cNvPr>
          <p:cNvSpPr>
            <a:spLocks noGrp="1"/>
          </p:cNvSpPr>
          <p:nvPr>
            <p:ph type="sldNum" sz="quarter" idx="5"/>
          </p:nvPr>
        </p:nvSpPr>
        <p:spPr/>
        <p:txBody>
          <a:bodyPr/>
          <a:lstStyle/>
          <a:p>
            <a:fld id="{4398B954-2888-4EEA-BC75-22288D66EB13}" type="slidenum">
              <a:rPr lang="en-GB" smtClean="0"/>
              <a:t>19</a:t>
            </a:fld>
            <a:endParaRPr lang="en-GB"/>
          </a:p>
        </p:txBody>
      </p:sp>
    </p:spTree>
    <p:extLst>
      <p:ext uri="{BB962C8B-B14F-4D97-AF65-F5344CB8AC3E}">
        <p14:creationId xmlns:p14="http://schemas.microsoft.com/office/powerpoint/2010/main" val="30170185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GB"/>
          </a:p>
        </p:txBody>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20</a:t>
            </a:fld>
            <a:endParaRPr lang="en-GB"/>
          </a:p>
        </p:txBody>
      </p:sp>
    </p:spTree>
    <p:extLst>
      <p:ext uri="{BB962C8B-B14F-4D97-AF65-F5344CB8AC3E}">
        <p14:creationId xmlns:p14="http://schemas.microsoft.com/office/powerpoint/2010/main" val="419264922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7AA0C59-2920-B7B0-BBD9-2A2A31C523A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E29D29-833A-CB42-8829-C9909C5126C4}"/>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94651CF1-3F85-2E0F-2339-2D686210129C}"/>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DC231307-ADCA-DB6C-BAC5-58416E5AC8BE}"/>
              </a:ext>
            </a:extLst>
          </p:cNvPr>
          <p:cNvSpPr>
            <a:spLocks noGrp="1"/>
          </p:cNvSpPr>
          <p:nvPr>
            <p:ph type="sldNum" sz="quarter" idx="5"/>
          </p:nvPr>
        </p:nvSpPr>
        <p:spPr/>
        <p:txBody>
          <a:bodyPr/>
          <a:lstStyle/>
          <a:p>
            <a:fld id="{4398B954-2888-4EEA-BC75-22288D66EB13}" type="slidenum">
              <a:rPr lang="en-GB" smtClean="0"/>
              <a:t>22</a:t>
            </a:fld>
            <a:endParaRPr lang="en-GB"/>
          </a:p>
        </p:txBody>
      </p:sp>
    </p:spTree>
    <p:extLst>
      <p:ext uri="{BB962C8B-B14F-4D97-AF65-F5344CB8AC3E}">
        <p14:creationId xmlns:p14="http://schemas.microsoft.com/office/powerpoint/2010/main" val="18182486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594E1E2-0B2E-1C8B-FF00-912289E79B2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2D3EFB7-0DE5-FA3D-7003-EDEC953BB323}"/>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92E5CDD2-F0D2-F767-BB76-1AB3E242B442}"/>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86FD1840-C043-B40B-8381-8A098E507E49}"/>
              </a:ext>
            </a:extLst>
          </p:cNvPr>
          <p:cNvSpPr>
            <a:spLocks noGrp="1"/>
          </p:cNvSpPr>
          <p:nvPr>
            <p:ph type="sldNum" sz="quarter" idx="5"/>
          </p:nvPr>
        </p:nvSpPr>
        <p:spPr/>
        <p:txBody>
          <a:bodyPr/>
          <a:lstStyle/>
          <a:p>
            <a:fld id="{4398B954-2888-4EEA-BC75-22288D66EB13}" type="slidenum">
              <a:rPr lang="en-GB" smtClean="0"/>
              <a:t>23</a:t>
            </a:fld>
            <a:endParaRPr lang="en-GB"/>
          </a:p>
        </p:txBody>
      </p:sp>
    </p:spTree>
    <p:extLst>
      <p:ext uri="{BB962C8B-B14F-4D97-AF65-F5344CB8AC3E}">
        <p14:creationId xmlns:p14="http://schemas.microsoft.com/office/powerpoint/2010/main" val="438427058"/>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1BBAB4-373F-4388-A83E-566AF1FB928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F13C462-E89E-77D7-A69F-6692F4802EE4}"/>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F5047B73-0EF2-7273-15B9-32CA415C80B3}"/>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C8FE8D31-1ACA-7671-9CC3-556F0E8B5020}"/>
              </a:ext>
            </a:extLst>
          </p:cNvPr>
          <p:cNvSpPr>
            <a:spLocks noGrp="1"/>
          </p:cNvSpPr>
          <p:nvPr>
            <p:ph type="sldNum" sz="quarter" idx="5"/>
          </p:nvPr>
        </p:nvSpPr>
        <p:spPr/>
        <p:txBody>
          <a:bodyPr/>
          <a:lstStyle/>
          <a:p>
            <a:fld id="{4398B954-2888-4EEA-BC75-22288D66EB13}" type="slidenum">
              <a:rPr lang="en-GB" smtClean="0"/>
              <a:t>24</a:t>
            </a:fld>
            <a:endParaRPr lang="en-GB"/>
          </a:p>
        </p:txBody>
      </p:sp>
    </p:spTree>
    <p:extLst>
      <p:ext uri="{BB962C8B-B14F-4D97-AF65-F5344CB8AC3E}">
        <p14:creationId xmlns:p14="http://schemas.microsoft.com/office/powerpoint/2010/main" val="90919756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F2B605-65F6-74F8-D8AE-A03D8971696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4F81240-4D1E-4BAC-65B3-AEF171E51929}"/>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7E124224-116C-F9A7-F14E-BD5C24CADABF}"/>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522DCF44-24D0-7FD2-CA06-0ED70595F06C}"/>
              </a:ext>
            </a:extLst>
          </p:cNvPr>
          <p:cNvSpPr>
            <a:spLocks noGrp="1"/>
          </p:cNvSpPr>
          <p:nvPr>
            <p:ph type="sldNum" sz="quarter" idx="5"/>
          </p:nvPr>
        </p:nvSpPr>
        <p:spPr/>
        <p:txBody>
          <a:bodyPr/>
          <a:lstStyle/>
          <a:p>
            <a:fld id="{4398B954-2888-4EEA-BC75-22288D66EB13}" type="slidenum">
              <a:rPr lang="en-GB" smtClean="0"/>
              <a:t>25</a:t>
            </a:fld>
            <a:endParaRPr lang="en-GB"/>
          </a:p>
        </p:txBody>
      </p:sp>
    </p:spTree>
    <p:extLst>
      <p:ext uri="{BB962C8B-B14F-4D97-AF65-F5344CB8AC3E}">
        <p14:creationId xmlns:p14="http://schemas.microsoft.com/office/powerpoint/2010/main" val="63206726"/>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GB"/>
          </a:p>
        </p:txBody>
      </p:sp>
      <p:sp>
        <p:nvSpPr>
          <p:cNvPr id="3" name="Notes Placeholder 2"/>
          <p:cNvSpPr>
            <a:spLocks noGrp="1"/>
          </p:cNvSpPr>
          <p:nvPr>
            <p:ph type="body" idx="1"/>
          </p:nvPr>
        </p:nvSpPr>
        <p:spPr/>
        <p:txBody>
          <a:bodyPr/>
          <a:lstStyle/>
          <a:p>
            <a:endParaRPr lang="en-DK"/>
          </a:p>
        </p:txBody>
      </p:sp>
      <p:sp>
        <p:nvSpPr>
          <p:cNvPr id="4" name="Slide Number Placeholder 3"/>
          <p:cNvSpPr>
            <a:spLocks noGrp="1"/>
          </p:cNvSpPr>
          <p:nvPr>
            <p:ph type="sldNum" sz="quarter" idx="5"/>
          </p:nvPr>
        </p:nvSpPr>
        <p:spPr/>
        <p:txBody>
          <a:bodyPr/>
          <a:lstStyle/>
          <a:p>
            <a:fld id="{4398B954-2888-4EEA-BC75-22288D66EB13}" type="slidenum">
              <a:rPr lang="en-GB" smtClean="0"/>
              <a:t>27</a:t>
            </a:fld>
            <a:endParaRPr lang="en-GB"/>
          </a:p>
        </p:txBody>
      </p:sp>
    </p:spTree>
    <p:extLst>
      <p:ext uri="{BB962C8B-B14F-4D97-AF65-F5344CB8AC3E}">
        <p14:creationId xmlns:p14="http://schemas.microsoft.com/office/powerpoint/2010/main" val="28954447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EBDD948-0D49-5EB6-AB6C-4072FDC851F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A06F636-1E74-9E8B-1271-88935823F222}"/>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1BB50DF9-0531-46D3-D5FF-9AF0BF1B840C}"/>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7E06DF3F-8A65-7340-6E94-76902D2642D4}"/>
              </a:ext>
            </a:extLst>
          </p:cNvPr>
          <p:cNvSpPr>
            <a:spLocks noGrp="1"/>
          </p:cNvSpPr>
          <p:nvPr>
            <p:ph type="sldNum" sz="quarter" idx="5"/>
          </p:nvPr>
        </p:nvSpPr>
        <p:spPr/>
        <p:txBody>
          <a:bodyPr/>
          <a:lstStyle/>
          <a:p>
            <a:fld id="{4398B954-2888-4EEA-BC75-22288D66EB13}" type="slidenum">
              <a:rPr lang="en-GB" smtClean="0"/>
              <a:t>28</a:t>
            </a:fld>
            <a:endParaRPr lang="en-GB"/>
          </a:p>
        </p:txBody>
      </p:sp>
    </p:spTree>
    <p:extLst>
      <p:ext uri="{BB962C8B-B14F-4D97-AF65-F5344CB8AC3E}">
        <p14:creationId xmlns:p14="http://schemas.microsoft.com/office/powerpoint/2010/main" val="222183417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283821E-C3A7-BB83-8043-4866CC1BCF9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1F95F71-E3F2-038E-FB50-E2367CEAB7FE}"/>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AB7C9488-9300-70E6-EC8D-B87E385D1A77}"/>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3EA021E5-E6F8-FA62-F6F2-07BE8E407279}"/>
              </a:ext>
            </a:extLst>
          </p:cNvPr>
          <p:cNvSpPr>
            <a:spLocks noGrp="1"/>
          </p:cNvSpPr>
          <p:nvPr>
            <p:ph type="sldNum" sz="quarter" idx="5"/>
          </p:nvPr>
        </p:nvSpPr>
        <p:spPr/>
        <p:txBody>
          <a:bodyPr/>
          <a:lstStyle/>
          <a:p>
            <a:fld id="{4398B954-2888-4EEA-BC75-22288D66EB13}" type="slidenum">
              <a:rPr lang="en-GB" smtClean="0"/>
              <a:t>29</a:t>
            </a:fld>
            <a:endParaRPr lang="en-GB"/>
          </a:p>
        </p:txBody>
      </p:sp>
    </p:spTree>
    <p:extLst>
      <p:ext uri="{BB962C8B-B14F-4D97-AF65-F5344CB8AC3E}">
        <p14:creationId xmlns:p14="http://schemas.microsoft.com/office/powerpoint/2010/main" val="279138141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GB"/>
          </a:p>
        </p:txBody>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5</a:t>
            </a:fld>
            <a:endParaRPr lang="en-GB"/>
          </a:p>
        </p:txBody>
      </p:sp>
    </p:spTree>
    <p:extLst>
      <p:ext uri="{BB962C8B-B14F-4D97-AF65-F5344CB8AC3E}">
        <p14:creationId xmlns:p14="http://schemas.microsoft.com/office/powerpoint/2010/main" val="59650161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E700B15-2385-7679-DC85-DA1C6C658B8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3F71D24-3309-728A-1218-5FE49339DB20}"/>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6AAB58DD-EB51-1B33-38FA-43D0DBC0FDD4}"/>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8BB70C78-BCB9-DA20-F612-4142DED174F3}"/>
              </a:ext>
            </a:extLst>
          </p:cNvPr>
          <p:cNvSpPr>
            <a:spLocks noGrp="1"/>
          </p:cNvSpPr>
          <p:nvPr>
            <p:ph type="sldNum" sz="quarter" idx="5"/>
          </p:nvPr>
        </p:nvSpPr>
        <p:spPr/>
        <p:txBody>
          <a:bodyPr/>
          <a:lstStyle/>
          <a:p>
            <a:fld id="{4398B954-2888-4EEA-BC75-22288D66EB13}" type="slidenum">
              <a:rPr lang="en-GB" smtClean="0"/>
              <a:t>30</a:t>
            </a:fld>
            <a:endParaRPr lang="en-GB"/>
          </a:p>
        </p:txBody>
      </p:sp>
    </p:spTree>
    <p:extLst>
      <p:ext uri="{BB962C8B-B14F-4D97-AF65-F5344CB8AC3E}">
        <p14:creationId xmlns:p14="http://schemas.microsoft.com/office/powerpoint/2010/main" val="25131856"/>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575CCA-074D-A85B-3EB1-516C9752705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F14A497-A78F-7B62-F549-BEE95C3DA0AA}"/>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51A8D5B6-7DDE-9B48-F817-F6DA72A53C83}"/>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1D1F9001-5B93-052B-2527-A166ECDCD646}"/>
              </a:ext>
            </a:extLst>
          </p:cNvPr>
          <p:cNvSpPr>
            <a:spLocks noGrp="1"/>
          </p:cNvSpPr>
          <p:nvPr>
            <p:ph type="sldNum" sz="quarter" idx="5"/>
          </p:nvPr>
        </p:nvSpPr>
        <p:spPr/>
        <p:txBody>
          <a:bodyPr/>
          <a:lstStyle/>
          <a:p>
            <a:fld id="{4398B954-2888-4EEA-BC75-22288D66EB13}" type="slidenum">
              <a:rPr lang="en-GB" smtClean="0"/>
              <a:t>31</a:t>
            </a:fld>
            <a:endParaRPr lang="en-GB"/>
          </a:p>
        </p:txBody>
      </p:sp>
    </p:spTree>
    <p:extLst>
      <p:ext uri="{BB962C8B-B14F-4D97-AF65-F5344CB8AC3E}">
        <p14:creationId xmlns:p14="http://schemas.microsoft.com/office/powerpoint/2010/main" val="3284121614"/>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D869DB-8750-5413-8FAA-2D7A5BC5883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C1DC55-95E4-B166-8EA9-16AE4E5C0AD8}"/>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F9159300-E822-8008-ED17-2E4F15FCD05C}"/>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338A4963-9F3B-7B04-1294-4A948F583398}"/>
              </a:ext>
            </a:extLst>
          </p:cNvPr>
          <p:cNvSpPr>
            <a:spLocks noGrp="1"/>
          </p:cNvSpPr>
          <p:nvPr>
            <p:ph type="sldNum" sz="quarter" idx="5"/>
          </p:nvPr>
        </p:nvSpPr>
        <p:spPr/>
        <p:txBody>
          <a:bodyPr/>
          <a:lstStyle/>
          <a:p>
            <a:fld id="{4398B954-2888-4EEA-BC75-22288D66EB13}" type="slidenum">
              <a:rPr lang="en-GB" smtClean="0"/>
              <a:t>32</a:t>
            </a:fld>
            <a:endParaRPr lang="en-GB"/>
          </a:p>
        </p:txBody>
      </p:sp>
    </p:spTree>
    <p:extLst>
      <p:ext uri="{BB962C8B-B14F-4D97-AF65-F5344CB8AC3E}">
        <p14:creationId xmlns:p14="http://schemas.microsoft.com/office/powerpoint/2010/main" val="994489635"/>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13358C9-6338-77C4-EADF-54958D1B18F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E9B335-7784-DA18-7DDE-1A8F4CB0633E}"/>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94568ACE-F0EB-E3AB-0AE4-936DAF426A7F}"/>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61EFD3A8-8159-73CD-3D1E-A1E6EC68B0BE}"/>
              </a:ext>
            </a:extLst>
          </p:cNvPr>
          <p:cNvSpPr>
            <a:spLocks noGrp="1"/>
          </p:cNvSpPr>
          <p:nvPr>
            <p:ph type="sldNum" sz="quarter" idx="5"/>
          </p:nvPr>
        </p:nvSpPr>
        <p:spPr/>
        <p:txBody>
          <a:bodyPr/>
          <a:lstStyle/>
          <a:p>
            <a:fld id="{4398B954-2888-4EEA-BC75-22288D66EB13}" type="slidenum">
              <a:rPr lang="en-GB" smtClean="0"/>
              <a:t>33</a:t>
            </a:fld>
            <a:endParaRPr lang="en-GB"/>
          </a:p>
        </p:txBody>
      </p:sp>
    </p:spTree>
    <p:extLst>
      <p:ext uri="{BB962C8B-B14F-4D97-AF65-F5344CB8AC3E}">
        <p14:creationId xmlns:p14="http://schemas.microsoft.com/office/powerpoint/2010/main" val="142353497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FCD316A-E37E-DEFA-03D9-AA6D5F482DB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D793E51-43D6-8BD7-DE24-BF43D97DB205}"/>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06D66F80-5AB6-4135-DDB2-1F446FAF846C}"/>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082DF94A-A4AD-15E6-627E-87251F5401C6}"/>
              </a:ext>
            </a:extLst>
          </p:cNvPr>
          <p:cNvSpPr>
            <a:spLocks noGrp="1"/>
          </p:cNvSpPr>
          <p:nvPr>
            <p:ph type="sldNum" sz="quarter" idx="5"/>
          </p:nvPr>
        </p:nvSpPr>
        <p:spPr/>
        <p:txBody>
          <a:bodyPr/>
          <a:lstStyle/>
          <a:p>
            <a:fld id="{4398B954-2888-4EEA-BC75-22288D66EB13}" type="slidenum">
              <a:rPr lang="en-GB" smtClean="0"/>
              <a:t>34</a:t>
            </a:fld>
            <a:endParaRPr lang="en-GB"/>
          </a:p>
        </p:txBody>
      </p:sp>
    </p:spTree>
    <p:extLst>
      <p:ext uri="{BB962C8B-B14F-4D97-AF65-F5344CB8AC3E}">
        <p14:creationId xmlns:p14="http://schemas.microsoft.com/office/powerpoint/2010/main" val="362435719"/>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49193D-1CC4-48C3-CA20-E677B473C01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0E74F64-9AC0-3CC8-67D8-5C18ABF10169}"/>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D7AAB914-ABB7-3147-E8F2-8A9F2BE8B6A0}"/>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C0063625-0E03-52A8-7116-2C97E1D46AB1}"/>
              </a:ext>
            </a:extLst>
          </p:cNvPr>
          <p:cNvSpPr>
            <a:spLocks noGrp="1"/>
          </p:cNvSpPr>
          <p:nvPr>
            <p:ph type="sldNum" sz="quarter" idx="5"/>
          </p:nvPr>
        </p:nvSpPr>
        <p:spPr/>
        <p:txBody>
          <a:bodyPr/>
          <a:lstStyle/>
          <a:p>
            <a:fld id="{4398B954-2888-4EEA-BC75-22288D66EB13}" type="slidenum">
              <a:rPr lang="en-GB" smtClean="0"/>
              <a:t>35</a:t>
            </a:fld>
            <a:endParaRPr lang="en-GB"/>
          </a:p>
        </p:txBody>
      </p:sp>
    </p:spTree>
    <p:extLst>
      <p:ext uri="{BB962C8B-B14F-4D97-AF65-F5344CB8AC3E}">
        <p14:creationId xmlns:p14="http://schemas.microsoft.com/office/powerpoint/2010/main" val="1872038397"/>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684D84-2A91-8DB2-81D9-D96BBF01C72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AB877EF-0F57-2A8F-F64B-C9569918D760}"/>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B76E8CB0-5971-CF04-3B78-179982B11827}"/>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53C6529F-D991-18EC-9400-96B9AF016534}"/>
              </a:ext>
            </a:extLst>
          </p:cNvPr>
          <p:cNvSpPr>
            <a:spLocks noGrp="1"/>
          </p:cNvSpPr>
          <p:nvPr>
            <p:ph type="sldNum" sz="quarter" idx="5"/>
          </p:nvPr>
        </p:nvSpPr>
        <p:spPr/>
        <p:txBody>
          <a:bodyPr/>
          <a:lstStyle/>
          <a:p>
            <a:fld id="{4398B954-2888-4EEA-BC75-22288D66EB13}" type="slidenum">
              <a:rPr lang="en-GB" smtClean="0"/>
              <a:t>36</a:t>
            </a:fld>
            <a:endParaRPr lang="en-GB"/>
          </a:p>
        </p:txBody>
      </p:sp>
    </p:spTree>
    <p:extLst>
      <p:ext uri="{BB962C8B-B14F-4D97-AF65-F5344CB8AC3E}">
        <p14:creationId xmlns:p14="http://schemas.microsoft.com/office/powerpoint/2010/main" val="106686387"/>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AC6D48C-054A-4828-43BA-3ABE3768D01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19C31D0-8B19-0DFB-C889-584F752DF000}"/>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49C91C08-26AE-62C1-8C55-7254816306F3}"/>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FD61F1FB-1134-AEF4-7A1D-5062CBF858FF}"/>
              </a:ext>
            </a:extLst>
          </p:cNvPr>
          <p:cNvSpPr>
            <a:spLocks noGrp="1"/>
          </p:cNvSpPr>
          <p:nvPr>
            <p:ph type="sldNum" sz="quarter" idx="5"/>
          </p:nvPr>
        </p:nvSpPr>
        <p:spPr/>
        <p:txBody>
          <a:bodyPr/>
          <a:lstStyle/>
          <a:p>
            <a:fld id="{4398B954-2888-4EEA-BC75-22288D66EB13}" type="slidenum">
              <a:rPr lang="en-GB" smtClean="0"/>
              <a:t>37</a:t>
            </a:fld>
            <a:endParaRPr lang="en-GB"/>
          </a:p>
        </p:txBody>
      </p:sp>
    </p:spTree>
    <p:extLst>
      <p:ext uri="{BB962C8B-B14F-4D97-AF65-F5344CB8AC3E}">
        <p14:creationId xmlns:p14="http://schemas.microsoft.com/office/powerpoint/2010/main" val="2566430043"/>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01DB7C-C2A7-7EE0-0B15-E45E7A858FD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079A390-DA59-345B-1FF9-7941695ACBF4}"/>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7CB7C81C-E554-2DF4-FC87-1918C7746654}"/>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00B98741-66B3-90D3-B819-A207973D0648}"/>
              </a:ext>
            </a:extLst>
          </p:cNvPr>
          <p:cNvSpPr>
            <a:spLocks noGrp="1"/>
          </p:cNvSpPr>
          <p:nvPr>
            <p:ph type="sldNum" sz="quarter" idx="5"/>
          </p:nvPr>
        </p:nvSpPr>
        <p:spPr/>
        <p:txBody>
          <a:bodyPr/>
          <a:lstStyle/>
          <a:p>
            <a:fld id="{4398B954-2888-4EEA-BC75-22288D66EB13}" type="slidenum">
              <a:rPr lang="en-GB" smtClean="0"/>
              <a:t>38</a:t>
            </a:fld>
            <a:endParaRPr lang="en-GB"/>
          </a:p>
        </p:txBody>
      </p:sp>
    </p:spTree>
    <p:extLst>
      <p:ext uri="{BB962C8B-B14F-4D97-AF65-F5344CB8AC3E}">
        <p14:creationId xmlns:p14="http://schemas.microsoft.com/office/powerpoint/2010/main" val="2419541887"/>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AC3B85-1188-3533-A7A8-DE39B02C9EC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071BFB2-A8CD-6891-B0DB-216515659050}"/>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BF30695D-DED0-71BC-9480-B474E0196531}"/>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BA1EC814-1DE4-2E0A-211F-3F5D7D284FB8}"/>
              </a:ext>
            </a:extLst>
          </p:cNvPr>
          <p:cNvSpPr>
            <a:spLocks noGrp="1"/>
          </p:cNvSpPr>
          <p:nvPr>
            <p:ph type="sldNum" sz="quarter" idx="5"/>
          </p:nvPr>
        </p:nvSpPr>
        <p:spPr/>
        <p:txBody>
          <a:bodyPr/>
          <a:lstStyle/>
          <a:p>
            <a:fld id="{4398B954-2888-4EEA-BC75-22288D66EB13}" type="slidenum">
              <a:rPr lang="en-GB" smtClean="0"/>
              <a:t>39</a:t>
            </a:fld>
            <a:endParaRPr lang="en-GB"/>
          </a:p>
        </p:txBody>
      </p:sp>
    </p:spTree>
    <p:extLst>
      <p:ext uri="{BB962C8B-B14F-4D97-AF65-F5344CB8AC3E}">
        <p14:creationId xmlns:p14="http://schemas.microsoft.com/office/powerpoint/2010/main" val="424686401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5222398-5A14-57EE-A505-3663A3866CA9}"/>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4BB90DA7-4941-F0EF-B060-525893EB9493}"/>
              </a:ext>
            </a:extLst>
          </p:cNvPr>
          <p:cNvSpPr>
            <a:spLocks noGrp="1" noRot="1" noChangeAspect="1"/>
          </p:cNvSpPr>
          <p:nvPr>
            <p:ph type="sldImg"/>
          </p:nvPr>
        </p:nvSpPr>
        <p:spPr/>
        <p:txBody>
          <a:bodyPr/>
          <a:lstStyle/>
          <a:p>
            <a:endParaRPr lang="en-GB"/>
          </a:p>
        </p:txBody>
      </p:sp>
      <p:sp>
        <p:nvSpPr>
          <p:cNvPr id="3" name="Pladsholder til noter 2">
            <a:extLst>
              <a:ext uri="{FF2B5EF4-FFF2-40B4-BE49-F238E27FC236}">
                <a16:creationId xmlns:a16="http://schemas.microsoft.com/office/drawing/2014/main" id="{E743542D-A883-2D4A-1E41-3485947488C1}"/>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AA1FC1D4-9BDA-07BD-8D58-535B35D3A252}"/>
              </a:ext>
            </a:extLst>
          </p:cNvPr>
          <p:cNvSpPr>
            <a:spLocks noGrp="1"/>
          </p:cNvSpPr>
          <p:nvPr>
            <p:ph type="sldNum" sz="quarter" idx="5"/>
          </p:nvPr>
        </p:nvSpPr>
        <p:spPr/>
        <p:txBody>
          <a:bodyPr/>
          <a:lstStyle/>
          <a:p>
            <a:fld id="{4398B954-2888-4EEA-BC75-22288D66EB13}" type="slidenum">
              <a:rPr lang="en-GB" smtClean="0"/>
              <a:t>7</a:t>
            </a:fld>
            <a:endParaRPr lang="en-GB"/>
          </a:p>
        </p:txBody>
      </p:sp>
    </p:spTree>
    <p:extLst>
      <p:ext uri="{BB962C8B-B14F-4D97-AF65-F5344CB8AC3E}">
        <p14:creationId xmlns:p14="http://schemas.microsoft.com/office/powerpoint/2010/main" val="1419619913"/>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A48D100-89F9-171F-0D99-2237538C891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7F32E54-F339-6DEA-23AE-689D2F83C318}"/>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4A7FB6A0-A5AB-EE5B-8F65-B6F63B623CB0}"/>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3218CCD4-B014-54FD-ACE2-CDD5A862244B}"/>
              </a:ext>
            </a:extLst>
          </p:cNvPr>
          <p:cNvSpPr>
            <a:spLocks noGrp="1"/>
          </p:cNvSpPr>
          <p:nvPr>
            <p:ph type="sldNum" sz="quarter" idx="5"/>
          </p:nvPr>
        </p:nvSpPr>
        <p:spPr/>
        <p:txBody>
          <a:bodyPr/>
          <a:lstStyle/>
          <a:p>
            <a:fld id="{4398B954-2888-4EEA-BC75-22288D66EB13}" type="slidenum">
              <a:rPr lang="en-GB" smtClean="0"/>
              <a:t>40</a:t>
            </a:fld>
            <a:endParaRPr lang="en-GB"/>
          </a:p>
        </p:txBody>
      </p:sp>
    </p:spTree>
    <p:extLst>
      <p:ext uri="{BB962C8B-B14F-4D97-AF65-F5344CB8AC3E}">
        <p14:creationId xmlns:p14="http://schemas.microsoft.com/office/powerpoint/2010/main" val="3376110890"/>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1F52EEE-33AD-1BAE-D58D-815FF9269FE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CC4B69B-D424-7CD5-C733-93EB165ADDF8}"/>
              </a:ext>
            </a:extLst>
          </p:cNvPr>
          <p:cNvSpPr>
            <a:spLocks noGrp="1" noRot="1" noChangeAspect="1"/>
          </p:cNvSpPr>
          <p:nvPr>
            <p:ph type="sldImg"/>
          </p:nvPr>
        </p:nvSpPr>
        <p:spPr/>
        <p:txBody>
          <a:bodyPr/>
          <a:lstStyle/>
          <a:p>
            <a:endParaRPr lang="en-DK"/>
          </a:p>
        </p:txBody>
      </p:sp>
      <p:sp>
        <p:nvSpPr>
          <p:cNvPr id="3" name="Notes Placeholder 2">
            <a:extLst>
              <a:ext uri="{FF2B5EF4-FFF2-40B4-BE49-F238E27FC236}">
                <a16:creationId xmlns:a16="http://schemas.microsoft.com/office/drawing/2014/main" id="{908CF929-9197-B66D-F1C3-2CB2408A5A38}"/>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A88212F1-F12C-2916-23DC-58FA9E9ED847}"/>
              </a:ext>
            </a:extLst>
          </p:cNvPr>
          <p:cNvSpPr>
            <a:spLocks noGrp="1"/>
          </p:cNvSpPr>
          <p:nvPr>
            <p:ph type="sldNum" sz="quarter" idx="5"/>
          </p:nvPr>
        </p:nvSpPr>
        <p:spPr/>
        <p:txBody>
          <a:bodyPr/>
          <a:lstStyle/>
          <a:p>
            <a:fld id="{4398B954-2888-4EEA-BC75-22288D66EB13}" type="slidenum">
              <a:rPr lang="en-GB" smtClean="0"/>
              <a:t>41</a:t>
            </a:fld>
            <a:endParaRPr lang="en-GB"/>
          </a:p>
        </p:txBody>
      </p:sp>
    </p:spTree>
    <p:extLst>
      <p:ext uri="{BB962C8B-B14F-4D97-AF65-F5344CB8AC3E}">
        <p14:creationId xmlns:p14="http://schemas.microsoft.com/office/powerpoint/2010/main" val="501845634"/>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da-DK"/>
          </a:p>
        </p:txBody>
      </p:sp>
      <p:sp>
        <p:nvSpPr>
          <p:cNvPr id="3" name="Notes Placeholder 2"/>
          <p:cNvSpPr>
            <a:spLocks noGrp="1"/>
          </p:cNvSpPr>
          <p:nvPr>
            <p:ph type="body" idx="1"/>
          </p:nvPr>
        </p:nvSpPr>
        <p:spPr/>
        <p:txBody>
          <a:bodyPr/>
          <a:lstStyle/>
          <a:p>
            <a:endParaRPr lang="en-DK"/>
          </a:p>
          <a:p>
            <a:endParaRPr lang="en-DK"/>
          </a:p>
        </p:txBody>
      </p:sp>
      <p:sp>
        <p:nvSpPr>
          <p:cNvPr id="4" name="Slide Number Placeholder 3"/>
          <p:cNvSpPr>
            <a:spLocks noGrp="1"/>
          </p:cNvSpPr>
          <p:nvPr>
            <p:ph type="sldNum" sz="quarter" idx="5"/>
          </p:nvPr>
        </p:nvSpPr>
        <p:spPr/>
        <p:txBody>
          <a:bodyPr/>
          <a:lstStyle/>
          <a:p>
            <a:fld id="{4398B954-2888-4EEA-BC75-22288D66EB13}" type="slidenum">
              <a:rPr lang="en-GB" smtClean="0"/>
              <a:t>42</a:t>
            </a:fld>
            <a:endParaRPr lang="en-GB"/>
          </a:p>
        </p:txBody>
      </p:sp>
    </p:spTree>
    <p:extLst>
      <p:ext uri="{BB962C8B-B14F-4D97-AF65-F5344CB8AC3E}">
        <p14:creationId xmlns:p14="http://schemas.microsoft.com/office/powerpoint/2010/main" val="3442395960"/>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638944D-0CF0-7E15-4957-C857B531962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E7DADF0-AF0F-7A69-A7B2-AC11AE7AA1A2}"/>
              </a:ext>
            </a:extLst>
          </p:cNvPr>
          <p:cNvSpPr>
            <a:spLocks noGrp="1" noRot="1" noChangeAspect="1"/>
          </p:cNvSpPr>
          <p:nvPr>
            <p:ph type="sldImg"/>
          </p:nvPr>
        </p:nvSpPr>
        <p:spPr/>
        <p:txBody>
          <a:bodyPr/>
          <a:lstStyle/>
          <a:p>
            <a:endParaRPr lang="da-DK"/>
          </a:p>
        </p:txBody>
      </p:sp>
      <p:sp>
        <p:nvSpPr>
          <p:cNvPr id="3" name="Notes Placeholder 2">
            <a:extLst>
              <a:ext uri="{FF2B5EF4-FFF2-40B4-BE49-F238E27FC236}">
                <a16:creationId xmlns:a16="http://schemas.microsoft.com/office/drawing/2014/main" id="{989A3ACA-453B-CF99-CA37-21693952CB5C}"/>
              </a:ext>
            </a:extLst>
          </p:cNvPr>
          <p:cNvSpPr>
            <a:spLocks noGrp="1"/>
          </p:cNvSpPr>
          <p:nvPr>
            <p:ph type="body" idx="1"/>
          </p:nvPr>
        </p:nvSpPr>
        <p:spPr/>
        <p:txBody>
          <a:bodyPr/>
          <a:lstStyle/>
          <a:p>
            <a:endParaRPr lang="en-DK"/>
          </a:p>
          <a:p>
            <a:endParaRPr lang="en-DK"/>
          </a:p>
        </p:txBody>
      </p:sp>
      <p:sp>
        <p:nvSpPr>
          <p:cNvPr id="4" name="Slide Number Placeholder 3">
            <a:extLst>
              <a:ext uri="{FF2B5EF4-FFF2-40B4-BE49-F238E27FC236}">
                <a16:creationId xmlns:a16="http://schemas.microsoft.com/office/drawing/2014/main" id="{3DA82E8D-182D-6581-24EE-D1BD1F7B7F7E}"/>
              </a:ext>
            </a:extLst>
          </p:cNvPr>
          <p:cNvSpPr>
            <a:spLocks noGrp="1"/>
          </p:cNvSpPr>
          <p:nvPr>
            <p:ph type="sldNum" sz="quarter" idx="5"/>
          </p:nvPr>
        </p:nvSpPr>
        <p:spPr/>
        <p:txBody>
          <a:bodyPr/>
          <a:lstStyle/>
          <a:p>
            <a:fld id="{4398B954-2888-4EEA-BC75-22288D66EB13}" type="slidenum">
              <a:rPr lang="en-GB" smtClean="0"/>
              <a:t>43</a:t>
            </a:fld>
            <a:endParaRPr lang="en-GB"/>
          </a:p>
        </p:txBody>
      </p:sp>
    </p:spTree>
    <p:extLst>
      <p:ext uri="{BB962C8B-B14F-4D97-AF65-F5344CB8AC3E}">
        <p14:creationId xmlns:p14="http://schemas.microsoft.com/office/powerpoint/2010/main" val="1797730531"/>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AC5943B-2833-F8F5-AD58-DB32E0A35FE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C4975B0-63E2-3963-95EC-94AF1A8EC792}"/>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68FC1C77-E604-DFC6-E6A4-25297C224D01}"/>
              </a:ext>
            </a:extLst>
          </p:cNvPr>
          <p:cNvSpPr>
            <a:spLocks noGrp="1"/>
          </p:cNvSpPr>
          <p:nvPr>
            <p:ph type="body" idx="1"/>
          </p:nvPr>
        </p:nvSpPr>
        <p:spPr/>
        <p:txBody>
          <a:bodyPr/>
          <a:lstStyle/>
          <a:p>
            <a:endParaRPr lang="en-DK"/>
          </a:p>
        </p:txBody>
      </p:sp>
      <p:sp>
        <p:nvSpPr>
          <p:cNvPr id="4" name="Slide Number Placeholder 3">
            <a:extLst>
              <a:ext uri="{FF2B5EF4-FFF2-40B4-BE49-F238E27FC236}">
                <a16:creationId xmlns:a16="http://schemas.microsoft.com/office/drawing/2014/main" id="{228D1C5E-91C1-3D3E-0CF1-91712549D2AE}"/>
              </a:ext>
            </a:extLst>
          </p:cNvPr>
          <p:cNvSpPr>
            <a:spLocks noGrp="1"/>
          </p:cNvSpPr>
          <p:nvPr>
            <p:ph type="sldNum" sz="quarter" idx="5"/>
          </p:nvPr>
        </p:nvSpPr>
        <p:spPr/>
        <p:txBody>
          <a:bodyPr/>
          <a:lstStyle/>
          <a:p>
            <a:fld id="{4398B954-2888-4EEA-BC75-22288D66EB13}" type="slidenum">
              <a:rPr lang="en-GB" smtClean="0"/>
              <a:t>45</a:t>
            </a:fld>
            <a:endParaRPr lang="en-GB"/>
          </a:p>
        </p:txBody>
      </p:sp>
    </p:spTree>
    <p:extLst>
      <p:ext uri="{BB962C8B-B14F-4D97-AF65-F5344CB8AC3E}">
        <p14:creationId xmlns:p14="http://schemas.microsoft.com/office/powerpoint/2010/main" val="3064264569"/>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5A7437-2298-B6CB-9992-DC5A850354D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71966C1-82AB-57ED-F58C-373F62D39F96}"/>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10B16E56-443B-20FE-17DA-B0A8679CD774}"/>
              </a:ext>
            </a:extLst>
          </p:cNvPr>
          <p:cNvSpPr>
            <a:spLocks noGrp="1"/>
          </p:cNvSpPr>
          <p:nvPr>
            <p:ph type="body" idx="1"/>
          </p:nvPr>
        </p:nvSpPr>
        <p:spPr/>
        <p:txBody>
          <a:bodyPr/>
          <a:lstStyle/>
          <a:p>
            <a:endParaRPr lang="en-DK"/>
          </a:p>
        </p:txBody>
      </p:sp>
      <p:sp>
        <p:nvSpPr>
          <p:cNvPr id="4" name="Slide Number Placeholder 3">
            <a:extLst>
              <a:ext uri="{FF2B5EF4-FFF2-40B4-BE49-F238E27FC236}">
                <a16:creationId xmlns:a16="http://schemas.microsoft.com/office/drawing/2014/main" id="{2E8F4B06-5EB3-F65F-1ABE-E0B095E8CDAE}"/>
              </a:ext>
            </a:extLst>
          </p:cNvPr>
          <p:cNvSpPr>
            <a:spLocks noGrp="1"/>
          </p:cNvSpPr>
          <p:nvPr>
            <p:ph type="sldNum" sz="quarter" idx="5"/>
          </p:nvPr>
        </p:nvSpPr>
        <p:spPr/>
        <p:txBody>
          <a:bodyPr/>
          <a:lstStyle/>
          <a:p>
            <a:fld id="{4398B954-2888-4EEA-BC75-22288D66EB13}" type="slidenum">
              <a:rPr lang="en-GB" smtClean="0"/>
              <a:t>46</a:t>
            </a:fld>
            <a:endParaRPr lang="en-GB"/>
          </a:p>
        </p:txBody>
      </p:sp>
    </p:spTree>
    <p:extLst>
      <p:ext uri="{BB962C8B-B14F-4D97-AF65-F5344CB8AC3E}">
        <p14:creationId xmlns:p14="http://schemas.microsoft.com/office/powerpoint/2010/main" val="36795971"/>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4398B954-2888-4EEA-BC75-22288D66EB13}" type="slidenum">
              <a:rPr lang="en-GB" smtClean="0"/>
              <a:t>49</a:t>
            </a:fld>
            <a:endParaRPr lang="en-GB"/>
          </a:p>
        </p:txBody>
      </p:sp>
    </p:spTree>
    <p:extLst>
      <p:ext uri="{BB962C8B-B14F-4D97-AF65-F5344CB8AC3E}">
        <p14:creationId xmlns:p14="http://schemas.microsoft.com/office/powerpoint/2010/main" val="236352063"/>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E4E0AD4-70A7-1201-B3C0-D865DC5A810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25E1247-8146-6E90-5945-AE23E88CFB6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8852AFA-56A5-4C88-0AF9-2CF4990D1C90}"/>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B321D81D-9BDA-1704-77C0-F1656896B82F}"/>
              </a:ext>
            </a:extLst>
          </p:cNvPr>
          <p:cNvSpPr>
            <a:spLocks noGrp="1"/>
          </p:cNvSpPr>
          <p:nvPr>
            <p:ph type="sldNum" sz="quarter" idx="5"/>
          </p:nvPr>
        </p:nvSpPr>
        <p:spPr/>
        <p:txBody>
          <a:bodyPr/>
          <a:lstStyle/>
          <a:p>
            <a:fld id="{4398B954-2888-4EEA-BC75-22288D66EB13}" type="slidenum">
              <a:rPr lang="en-GB" smtClean="0"/>
              <a:t>50</a:t>
            </a:fld>
            <a:endParaRPr lang="en-GB"/>
          </a:p>
        </p:txBody>
      </p:sp>
    </p:spTree>
    <p:extLst>
      <p:ext uri="{BB962C8B-B14F-4D97-AF65-F5344CB8AC3E}">
        <p14:creationId xmlns:p14="http://schemas.microsoft.com/office/powerpoint/2010/main" val="893100000"/>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4398B954-2888-4EEA-BC75-22288D66EB13}" type="slidenum">
              <a:rPr lang="en-GB" smtClean="0"/>
              <a:t>51</a:t>
            </a:fld>
            <a:endParaRPr lang="en-GB"/>
          </a:p>
        </p:txBody>
      </p:sp>
    </p:spTree>
    <p:extLst>
      <p:ext uri="{BB962C8B-B14F-4D97-AF65-F5344CB8AC3E}">
        <p14:creationId xmlns:p14="http://schemas.microsoft.com/office/powerpoint/2010/main" val="160458683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5808E5-1710-2081-151E-51896B41A92A}"/>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55AF1AF1-B71D-8E24-B494-A5942591666F}"/>
              </a:ext>
            </a:extLst>
          </p:cNvPr>
          <p:cNvSpPr>
            <a:spLocks noGrp="1" noRot="1" noChangeAspect="1"/>
          </p:cNvSpPr>
          <p:nvPr>
            <p:ph type="sldImg"/>
          </p:nvPr>
        </p:nvSpPr>
        <p:spPr/>
        <p:txBody>
          <a:bodyPr/>
          <a:lstStyle/>
          <a:p>
            <a:endParaRPr lang="en-GB"/>
          </a:p>
        </p:txBody>
      </p:sp>
      <p:sp>
        <p:nvSpPr>
          <p:cNvPr id="3" name="Pladsholder til noter 2">
            <a:extLst>
              <a:ext uri="{FF2B5EF4-FFF2-40B4-BE49-F238E27FC236}">
                <a16:creationId xmlns:a16="http://schemas.microsoft.com/office/drawing/2014/main" id="{BA51DC5C-7D7D-995B-E8C0-A40E67E3BD5A}"/>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02B2BD6B-4E7E-75EF-77B8-23CCF5F6E287}"/>
              </a:ext>
            </a:extLst>
          </p:cNvPr>
          <p:cNvSpPr>
            <a:spLocks noGrp="1"/>
          </p:cNvSpPr>
          <p:nvPr>
            <p:ph type="sldNum" sz="quarter" idx="5"/>
          </p:nvPr>
        </p:nvSpPr>
        <p:spPr/>
        <p:txBody>
          <a:bodyPr/>
          <a:lstStyle/>
          <a:p>
            <a:fld id="{4398B954-2888-4EEA-BC75-22288D66EB13}" type="slidenum">
              <a:rPr lang="en-GB" smtClean="0"/>
              <a:t>8</a:t>
            </a:fld>
            <a:endParaRPr lang="en-GB"/>
          </a:p>
        </p:txBody>
      </p:sp>
    </p:spTree>
    <p:extLst>
      <p:ext uri="{BB962C8B-B14F-4D97-AF65-F5344CB8AC3E}">
        <p14:creationId xmlns:p14="http://schemas.microsoft.com/office/powerpoint/2010/main" val="120493855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62FDD1-E51D-EDA2-3282-9B86681E285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F47A95F-A2BA-52EC-761F-0F56F988D39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99335E7-7D6F-689B-75D3-196C5609079D}"/>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0CFDD60C-F54A-1BEE-8273-30BE7A7FF7F9}"/>
              </a:ext>
            </a:extLst>
          </p:cNvPr>
          <p:cNvSpPr>
            <a:spLocks noGrp="1"/>
          </p:cNvSpPr>
          <p:nvPr>
            <p:ph type="sldNum" sz="quarter" idx="5"/>
          </p:nvPr>
        </p:nvSpPr>
        <p:spPr/>
        <p:txBody>
          <a:bodyPr/>
          <a:lstStyle/>
          <a:p>
            <a:fld id="{4398B954-2888-4EEA-BC75-22288D66EB13}" type="slidenum">
              <a:rPr lang="en-GB" smtClean="0"/>
              <a:t>9</a:t>
            </a:fld>
            <a:endParaRPr lang="en-GB"/>
          </a:p>
        </p:txBody>
      </p:sp>
    </p:spTree>
    <p:extLst>
      <p:ext uri="{BB962C8B-B14F-4D97-AF65-F5344CB8AC3E}">
        <p14:creationId xmlns:p14="http://schemas.microsoft.com/office/powerpoint/2010/main" val="80848985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AF1B1D7-0104-559C-E59D-01C75FF73AE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B6FA459-0076-ACD3-8AD3-E6C1AEF78ACC}"/>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474015D4-94C4-B3AF-EB77-2CC0957D49F9}"/>
              </a:ext>
            </a:extLst>
          </p:cNvPr>
          <p:cNvSpPr>
            <a:spLocks noGrp="1"/>
          </p:cNvSpPr>
          <p:nvPr>
            <p:ph type="body" idx="1"/>
          </p:nvPr>
        </p:nvSpPr>
        <p:spPr/>
        <p:txBody>
          <a:bodyPr/>
          <a:lstStyle/>
          <a:p>
            <a:endParaRPr lang="en-DK"/>
          </a:p>
        </p:txBody>
      </p:sp>
      <p:sp>
        <p:nvSpPr>
          <p:cNvPr id="4" name="Slide Number Placeholder 3">
            <a:extLst>
              <a:ext uri="{FF2B5EF4-FFF2-40B4-BE49-F238E27FC236}">
                <a16:creationId xmlns:a16="http://schemas.microsoft.com/office/drawing/2014/main" id="{951E9A74-2CB3-25D2-AEC7-546BCFC6C423}"/>
              </a:ext>
            </a:extLst>
          </p:cNvPr>
          <p:cNvSpPr>
            <a:spLocks noGrp="1"/>
          </p:cNvSpPr>
          <p:nvPr>
            <p:ph type="sldNum" sz="quarter" idx="5"/>
          </p:nvPr>
        </p:nvSpPr>
        <p:spPr/>
        <p:txBody>
          <a:bodyPr/>
          <a:lstStyle/>
          <a:p>
            <a:fld id="{4398B954-2888-4EEA-BC75-22288D66EB13}" type="slidenum">
              <a:rPr lang="en-GB" smtClean="0"/>
              <a:t>11</a:t>
            </a:fld>
            <a:endParaRPr lang="en-GB"/>
          </a:p>
        </p:txBody>
      </p:sp>
    </p:spTree>
    <p:extLst>
      <p:ext uri="{BB962C8B-B14F-4D97-AF65-F5344CB8AC3E}">
        <p14:creationId xmlns:p14="http://schemas.microsoft.com/office/powerpoint/2010/main" val="100535224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758C9CE-6064-69F8-FBDB-434EFA53D7C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1B064FE-20C5-0376-E4AE-911BDA1175AA}"/>
              </a:ext>
            </a:extLst>
          </p:cNvPr>
          <p:cNvSpPr>
            <a:spLocks noGrp="1" noRot="1" noChangeAspect="1"/>
          </p:cNvSpPr>
          <p:nvPr>
            <p:ph type="sldImg"/>
          </p:nvPr>
        </p:nvSpPr>
        <p:spPr/>
        <p:txBody>
          <a:bodyPr/>
          <a:lstStyle/>
          <a:p>
            <a:endParaRPr lang="en-GB"/>
          </a:p>
        </p:txBody>
      </p:sp>
      <p:sp>
        <p:nvSpPr>
          <p:cNvPr id="3" name="Notes Placeholder 2">
            <a:extLst>
              <a:ext uri="{FF2B5EF4-FFF2-40B4-BE49-F238E27FC236}">
                <a16:creationId xmlns:a16="http://schemas.microsoft.com/office/drawing/2014/main" id="{8B76F88D-3CB3-1D3F-AB87-81F58188B33B}"/>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31C37C8C-42EF-129D-C544-F027A41123F2}"/>
              </a:ext>
            </a:extLst>
          </p:cNvPr>
          <p:cNvSpPr>
            <a:spLocks noGrp="1"/>
          </p:cNvSpPr>
          <p:nvPr>
            <p:ph type="sldNum" sz="quarter" idx="5"/>
          </p:nvPr>
        </p:nvSpPr>
        <p:spPr/>
        <p:txBody>
          <a:bodyPr/>
          <a:lstStyle/>
          <a:p>
            <a:fld id="{4398B954-2888-4EEA-BC75-22288D66EB13}" type="slidenum">
              <a:rPr lang="en-GB" smtClean="0"/>
              <a:t>12</a:t>
            </a:fld>
            <a:endParaRPr lang="en-GB"/>
          </a:p>
        </p:txBody>
      </p:sp>
    </p:spTree>
    <p:extLst>
      <p:ext uri="{BB962C8B-B14F-4D97-AF65-F5344CB8AC3E}">
        <p14:creationId xmlns:p14="http://schemas.microsoft.com/office/powerpoint/2010/main" val="405232113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txBody>
          <a:bodyPr/>
          <a:lstStyle/>
          <a:p>
            <a:endParaRPr lang="en-GB"/>
          </a:p>
        </p:txBody>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398B954-2888-4EEA-BC75-22288D66EB13}" type="slidenum">
              <a:rPr lang="en-GB" smtClean="0"/>
              <a:t>13</a:t>
            </a:fld>
            <a:endParaRPr lang="en-GB"/>
          </a:p>
        </p:txBody>
      </p:sp>
    </p:spTree>
    <p:extLst>
      <p:ext uri="{BB962C8B-B14F-4D97-AF65-F5344CB8AC3E}">
        <p14:creationId xmlns:p14="http://schemas.microsoft.com/office/powerpoint/2010/main" val="106794206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txBody>
          <a:bodyPr/>
          <a:lstStyle/>
          <a:p>
            <a:endParaRPr lang="en-GB"/>
          </a:p>
        </p:txBody>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398B954-2888-4EEA-BC75-22288D66EB13}" type="slidenum">
              <a:rPr lang="en-GB" smtClean="0"/>
              <a:t>15</a:t>
            </a:fld>
            <a:endParaRPr lang="en-GB"/>
          </a:p>
        </p:txBody>
      </p:sp>
    </p:spTree>
    <p:extLst>
      <p:ext uri="{BB962C8B-B14F-4D97-AF65-F5344CB8AC3E}">
        <p14:creationId xmlns:p14="http://schemas.microsoft.com/office/powerpoint/2010/main" val="291066836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4.svg"/><Relationship Id="rId7" Type="http://schemas.openxmlformats.org/officeDocument/2006/relationships/hyperlink" Target="https://x.com/PA_Consulting" TargetMode="External"/><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hyperlink" Target="https://www.linkedin.com/company/pa-consulting" TargetMode="External"/><Relationship Id="rId5" Type="http://schemas.openxmlformats.org/officeDocument/2006/relationships/hyperlink" Target="https://www.paconsulting.com/" TargetMode="External"/><Relationship Id="rId4" Type="http://schemas.openxmlformats.org/officeDocument/2006/relationships/image" Target="../media/image7.pn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8.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9.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0.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1.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2.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3.emf"/><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A - Light">
    <p:spTree>
      <p:nvGrpSpPr>
        <p:cNvPr id="1" name=""/>
        <p:cNvGrpSpPr/>
        <p:nvPr/>
      </p:nvGrpSpPr>
      <p:grpSpPr>
        <a:xfrm>
          <a:off x="0" y="0"/>
          <a:ext cx="0" cy="0"/>
          <a:chOff x="0" y="0"/>
          <a:chExt cx="0" cy="0"/>
        </a:xfrm>
      </p:grpSpPr>
      <p:sp>
        <p:nvSpPr>
          <p:cNvPr id="20" name="Text Placeholder 7">
            <a:extLst>
              <a:ext uri="{FF2B5EF4-FFF2-40B4-BE49-F238E27FC236}">
                <a16:creationId xmlns:a16="http://schemas.microsoft.com/office/drawing/2014/main" id="{46EBA3F2-B810-4D50-B21A-7156FC0472E2}"/>
              </a:ext>
            </a:extLst>
          </p:cNvPr>
          <p:cNvSpPr>
            <a:spLocks noGrp="1"/>
          </p:cNvSpPr>
          <p:nvPr>
            <p:ph type="body" sz="quarter" idx="15" hasCustomPrompt="1"/>
          </p:nvPr>
        </p:nvSpPr>
        <p:spPr>
          <a:xfrm>
            <a:off x="6169025" y="1633788"/>
            <a:ext cx="5473700"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accent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da-DK" dirty="0" err="1"/>
              <a:t>Click</a:t>
            </a:r>
            <a:r>
              <a:rPr lang="da-DK" dirty="0"/>
              <a:t> to </a:t>
            </a:r>
            <a:r>
              <a:rPr lang="da-DK" dirty="0" err="1"/>
              <a:t>add</a:t>
            </a:r>
            <a:r>
              <a:rPr lang="da-DK" dirty="0"/>
              <a:t> </a:t>
            </a:r>
            <a:r>
              <a:rPr lang="da-DK" dirty="0" err="1"/>
              <a:t>title</a:t>
            </a:r>
            <a:endParaRPr lang="da-DK" dirty="0"/>
          </a:p>
        </p:txBody>
      </p:sp>
      <p:sp>
        <p:nvSpPr>
          <p:cNvPr id="14" name="Picture Placeholder 13">
            <a:extLst>
              <a:ext uri="{FF2B5EF4-FFF2-40B4-BE49-F238E27FC236}">
                <a16:creationId xmlns:a16="http://schemas.microsoft.com/office/drawing/2014/main" id="{574A3DDA-476D-454D-8939-FA8E4661D6EA}"/>
              </a:ext>
            </a:extLst>
          </p:cNvPr>
          <p:cNvSpPr>
            <a:spLocks noGrp="1"/>
          </p:cNvSpPr>
          <p:nvPr>
            <p:ph type="pic" sz="quarter" idx="19" hasCustomPrompt="1"/>
          </p:nvPr>
        </p:nvSpPr>
        <p:spPr>
          <a:xfrm>
            <a:off x="0" y="0"/>
            <a:ext cx="5089525" cy="6858000"/>
          </a:xfrm>
          <a:custGeom>
            <a:avLst/>
            <a:gdLst>
              <a:gd name="connsiteX0" fmla="*/ 0 w 5089525"/>
              <a:gd name="connsiteY0" fmla="*/ 0 h 6858000"/>
              <a:gd name="connsiteX1" fmla="*/ 4994052 w 5089525"/>
              <a:gd name="connsiteY1" fmla="*/ 0 h 6858000"/>
              <a:gd name="connsiteX2" fmla="*/ 5089525 w 5089525"/>
              <a:gd name="connsiteY2" fmla="*/ 95473 h 6858000"/>
              <a:gd name="connsiteX3" fmla="*/ 5089525 w 5089525"/>
              <a:gd name="connsiteY3" fmla="*/ 6762527 h 6858000"/>
              <a:gd name="connsiteX4" fmla="*/ 4994052 w 5089525"/>
              <a:gd name="connsiteY4" fmla="*/ 6858000 h 6858000"/>
              <a:gd name="connsiteX5" fmla="*/ 0 w 5089525"/>
              <a:gd name="connsiteY5"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89525" h="6858000">
                <a:moveTo>
                  <a:pt x="0" y="0"/>
                </a:moveTo>
                <a:lnTo>
                  <a:pt x="4994052" y="0"/>
                </a:lnTo>
                <a:cubicBezTo>
                  <a:pt x="5046780" y="0"/>
                  <a:pt x="5089525" y="42745"/>
                  <a:pt x="5089525" y="95473"/>
                </a:cubicBezTo>
                <a:lnTo>
                  <a:pt x="5089525" y="6762527"/>
                </a:lnTo>
                <a:cubicBezTo>
                  <a:pt x="5089525" y="6815255"/>
                  <a:pt x="5046780" y="6858000"/>
                  <a:pt x="4994052" y="6858000"/>
                </a:cubicBezTo>
                <a:lnTo>
                  <a:pt x="0" y="6858000"/>
                </a:lnTo>
                <a:close/>
              </a:path>
            </a:pathLst>
          </a:custGeom>
          <a:solidFill>
            <a:schemeClr val="accent1"/>
          </a:solidFill>
        </p:spPr>
        <p:txBody>
          <a:bodyPr wrap="square" lIns="36000" tIns="36000" rIns="36000" bIns="36000" anchor="ctr">
            <a:noAutofit/>
          </a:bodyPr>
          <a:lstStyle>
            <a:lvl1pPr algn="ctr">
              <a:defRPr>
                <a:solidFill>
                  <a:schemeClr val="accent4"/>
                </a:solidFill>
              </a:defRPr>
            </a:lvl1pPr>
          </a:lstStyle>
          <a:p>
            <a:r>
              <a:rPr lang="da-DK" dirty="0"/>
              <a:t>Image </a:t>
            </a:r>
            <a:r>
              <a:rPr lang="da-DK" dirty="0" err="1"/>
              <a:t>here</a:t>
            </a:r>
            <a:endParaRPr lang="da-DK" dirty="0"/>
          </a:p>
        </p:txBody>
      </p:sp>
      <p:sp>
        <p:nvSpPr>
          <p:cNvPr id="12" name="txtSecureMarker1" hidden="1"/>
          <p:cNvSpPr txBox="1"/>
          <p:nvPr userDrawn="1"/>
        </p:nvSpPr>
        <p:spPr>
          <a:xfrm>
            <a:off x="3762236" y="57491"/>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5" name="txtSecureMarker2" hidden="1"/>
          <p:cNvSpPr txBox="1"/>
          <p:nvPr userDrawn="1"/>
        </p:nvSpPr>
        <p:spPr>
          <a:xfrm>
            <a:off x="3762236" y="650988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pic>
        <p:nvPicPr>
          <p:cNvPr id="9" name="Picture 8">
            <a:extLst>
              <a:ext uri="{FF2B5EF4-FFF2-40B4-BE49-F238E27FC236}">
                <a16:creationId xmlns:a16="http://schemas.microsoft.com/office/drawing/2014/main" id="{9106B660-5BE2-4670-BCCE-2413D99E68E0}"/>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6180456" y="6050271"/>
            <a:ext cx="2045333" cy="354000"/>
          </a:xfrm>
          <a:prstGeom prst="rect">
            <a:avLst/>
          </a:prstGeom>
        </p:spPr>
      </p:pic>
      <p:pic>
        <p:nvPicPr>
          <p:cNvPr id="11" name="Graphic 10">
            <a:extLst>
              <a:ext uri="{FF2B5EF4-FFF2-40B4-BE49-F238E27FC236}">
                <a16:creationId xmlns:a16="http://schemas.microsoft.com/office/drawing/2014/main" id="{1F98CDF9-443A-4730-BD1E-9EB13F16C022}"/>
              </a:ext>
            </a:extLst>
          </p:cNvPr>
          <p:cNvPicPr>
            <a:picLocks noChangeAspect="1"/>
          </p:cNvPicPr>
          <p:nvPr userDrawn="1"/>
        </p:nvPicPr>
        <p:blipFill>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850563" y="700776"/>
            <a:ext cx="792162" cy="699572"/>
          </a:xfrm>
          <a:prstGeom prst="rect">
            <a:avLst/>
          </a:prstGeom>
        </p:spPr>
      </p:pic>
      <p:cxnSp>
        <p:nvCxnSpPr>
          <p:cNvPr id="19" name="Straight Connector 18">
            <a:extLst>
              <a:ext uri="{FF2B5EF4-FFF2-40B4-BE49-F238E27FC236}">
                <a16:creationId xmlns:a16="http://schemas.microsoft.com/office/drawing/2014/main" id="{D867FDD4-F399-46AC-8F1C-10FD6928036A}"/>
              </a:ext>
            </a:extLst>
          </p:cNvPr>
          <p:cNvCxnSpPr/>
          <p:nvPr userDrawn="1"/>
        </p:nvCxnSpPr>
        <p:spPr>
          <a:xfrm>
            <a:off x="6170929" y="4446111"/>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1" name="Text Placeholder 3">
            <a:extLst>
              <a:ext uri="{FF2B5EF4-FFF2-40B4-BE49-F238E27FC236}">
                <a16:creationId xmlns:a16="http://schemas.microsoft.com/office/drawing/2014/main" id="{9C351AAF-0341-4229-A202-8F2919664979}"/>
              </a:ext>
            </a:extLst>
          </p:cNvPr>
          <p:cNvSpPr>
            <a:spLocks noGrp="1"/>
          </p:cNvSpPr>
          <p:nvPr>
            <p:ph type="body" sz="quarter" idx="20"/>
          </p:nvPr>
        </p:nvSpPr>
        <p:spPr>
          <a:xfrm>
            <a:off x="6169025" y="4598035"/>
            <a:ext cx="5473700"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smtClean="0">
                <a:solidFill>
                  <a:schemeClr val="accent4"/>
                </a:solidFill>
                <a:latin typeface="+mn-lt"/>
                <a:ea typeface="+mn-ea"/>
                <a:cs typeface="+mn-cs"/>
              </a:defRPr>
            </a:lvl1pPr>
            <a:lvl2pPr>
              <a:defRPr b="0">
                <a:solidFill>
                  <a:schemeClr val="accent1"/>
                </a:solidFill>
              </a:defRPr>
            </a:lvl2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spTree>
    <p:extLst>
      <p:ext uri="{BB962C8B-B14F-4D97-AF65-F5344CB8AC3E}">
        <p14:creationId xmlns:p14="http://schemas.microsoft.com/office/powerpoint/2010/main" val="162259079"/>
      </p:ext>
    </p:extLst>
  </p:cSld>
  <p:clrMapOvr>
    <a:masterClrMapping/>
  </p:clrMapOvr>
  <p:transition>
    <p:fade/>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Column Text">
    <p:spTree>
      <p:nvGrpSpPr>
        <p:cNvPr id="1" name=""/>
        <p:cNvGrpSpPr/>
        <p:nvPr/>
      </p:nvGrpSpPr>
      <p:grpSpPr>
        <a:xfrm>
          <a:off x="0" y="0"/>
          <a:ext cx="0" cy="0"/>
          <a:chOff x="0" y="0"/>
          <a:chExt cx="0" cy="0"/>
        </a:xfrm>
      </p:grpSpPr>
      <p:sp>
        <p:nvSpPr>
          <p:cNvPr id="6" name="Content Placeholder 2"/>
          <p:cNvSpPr>
            <a:spLocks noGrp="1"/>
          </p:cNvSpPr>
          <p:nvPr>
            <p:ph idx="1"/>
          </p:nvPr>
        </p:nvSpPr>
        <p:spPr>
          <a:xfrm>
            <a:off x="554355" y="1634172"/>
            <a:ext cx="11088000" cy="4520548"/>
          </a:xfrm>
        </p:spPr>
        <p:txBody>
          <a:bodyPr numCol="2" spcCol="204588">
            <a:noAutofit/>
          </a:bodyPr>
          <a:lstStyle>
            <a:lvl5pPr indent="-180000">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7" name="Title 1">
            <a:extLst>
              <a:ext uri="{FF2B5EF4-FFF2-40B4-BE49-F238E27FC236}">
                <a16:creationId xmlns:a16="http://schemas.microsoft.com/office/drawing/2014/main" id="{82BFF54D-3FF3-4284-8EA5-470F17F74EDA}"/>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8" name="Straight Connector 7">
            <a:extLst>
              <a:ext uri="{FF2B5EF4-FFF2-40B4-BE49-F238E27FC236}">
                <a16:creationId xmlns:a16="http://schemas.microsoft.com/office/drawing/2014/main" id="{4A345D3F-A784-4DEC-B366-05B29D130DA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63177736"/>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hree Column Text">
    <p:spTree>
      <p:nvGrpSpPr>
        <p:cNvPr id="1" name=""/>
        <p:cNvGrpSpPr/>
        <p:nvPr/>
      </p:nvGrpSpPr>
      <p:grpSpPr>
        <a:xfrm>
          <a:off x="0" y="0"/>
          <a:ext cx="0" cy="0"/>
          <a:chOff x="0" y="0"/>
          <a:chExt cx="0" cy="0"/>
        </a:xfrm>
      </p:grpSpPr>
      <p:sp>
        <p:nvSpPr>
          <p:cNvPr id="6" name="Content Placeholder 2"/>
          <p:cNvSpPr>
            <a:spLocks noGrp="1"/>
          </p:cNvSpPr>
          <p:nvPr>
            <p:ph idx="1"/>
          </p:nvPr>
        </p:nvSpPr>
        <p:spPr>
          <a:xfrm>
            <a:off x="554355" y="1634173"/>
            <a:ext cx="11088370" cy="4531678"/>
          </a:xfrm>
        </p:spPr>
        <p:txBody>
          <a:bodyPr numCol="3" spcCol="204588">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7" name="Title 1">
            <a:extLst>
              <a:ext uri="{FF2B5EF4-FFF2-40B4-BE49-F238E27FC236}">
                <a16:creationId xmlns:a16="http://schemas.microsoft.com/office/drawing/2014/main" id="{BACF97DA-E456-46C3-9F5B-E5EA312F8DCF}"/>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8" name="Straight Connector 7">
            <a:extLst>
              <a:ext uri="{FF2B5EF4-FFF2-40B4-BE49-F238E27FC236}">
                <a16:creationId xmlns:a16="http://schemas.microsoft.com/office/drawing/2014/main" id="{F543943C-EDF5-4613-8977-9CEE97FB8AFA}"/>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83543747"/>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lumn Content A">
    <p:spTree>
      <p:nvGrpSpPr>
        <p:cNvPr id="1" name=""/>
        <p:cNvGrpSpPr/>
        <p:nvPr/>
      </p:nvGrpSpPr>
      <p:grpSpPr>
        <a:xfrm>
          <a:off x="0" y="0"/>
          <a:ext cx="0" cy="0"/>
          <a:chOff x="0" y="0"/>
          <a:chExt cx="0" cy="0"/>
        </a:xfrm>
      </p:grpSpPr>
      <p:sp>
        <p:nvSpPr>
          <p:cNvPr id="8" name="Content Placeholder 2">
            <a:extLst>
              <a:ext uri="{FF2B5EF4-FFF2-40B4-BE49-F238E27FC236}">
                <a16:creationId xmlns:a16="http://schemas.microsoft.com/office/drawing/2014/main" id="{98F711E2-08B0-42DB-87F0-A6083E6A7122}"/>
              </a:ext>
            </a:extLst>
          </p:cNvPr>
          <p:cNvSpPr>
            <a:spLocks noGrp="1"/>
          </p:cNvSpPr>
          <p:nvPr>
            <p:ph idx="1"/>
          </p:nvPr>
        </p:nvSpPr>
        <p:spPr>
          <a:xfrm>
            <a:off x="554355" y="1634172"/>
            <a:ext cx="546989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0" name="Title 1">
            <a:extLst>
              <a:ext uri="{FF2B5EF4-FFF2-40B4-BE49-F238E27FC236}">
                <a16:creationId xmlns:a16="http://schemas.microsoft.com/office/drawing/2014/main" id="{29964BA4-D90E-415B-9FB9-D7DC56156DBB}"/>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1" name="Straight Connector 10">
            <a:extLst>
              <a:ext uri="{FF2B5EF4-FFF2-40B4-BE49-F238E27FC236}">
                <a16:creationId xmlns:a16="http://schemas.microsoft.com/office/drawing/2014/main" id="{E51DAA73-0C3E-41E9-BCF6-A56A84AD9421}"/>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2" name="Content Placeholder 2">
            <a:extLst>
              <a:ext uri="{FF2B5EF4-FFF2-40B4-BE49-F238E27FC236}">
                <a16:creationId xmlns:a16="http://schemas.microsoft.com/office/drawing/2014/main" id="{0BE8E770-93DF-456F-8D40-CFB3EDCFF840}"/>
              </a:ext>
            </a:extLst>
          </p:cNvPr>
          <p:cNvSpPr>
            <a:spLocks noGrp="1"/>
          </p:cNvSpPr>
          <p:nvPr>
            <p:ph idx="10"/>
          </p:nvPr>
        </p:nvSpPr>
        <p:spPr>
          <a:xfrm>
            <a:off x="6190748" y="1634935"/>
            <a:ext cx="546989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Tree>
    <p:extLst>
      <p:ext uri="{BB962C8B-B14F-4D97-AF65-F5344CB8AC3E}">
        <p14:creationId xmlns:p14="http://schemas.microsoft.com/office/powerpoint/2010/main" val="2065409011"/>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lumn Content B">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3CF29C7B-4674-4DAE-B04B-F91558B15908}"/>
              </a:ext>
            </a:extLst>
          </p:cNvPr>
          <p:cNvSpPr>
            <a:spLocks noGrp="1"/>
          </p:cNvSpPr>
          <p:nvPr>
            <p:ph idx="1"/>
          </p:nvPr>
        </p:nvSpPr>
        <p:spPr>
          <a:xfrm>
            <a:off x="554355" y="1634172"/>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7" name="Title 1">
            <a:extLst>
              <a:ext uri="{FF2B5EF4-FFF2-40B4-BE49-F238E27FC236}">
                <a16:creationId xmlns:a16="http://schemas.microsoft.com/office/drawing/2014/main" id="{D29CFAD0-1624-4669-A1E7-75BD8E3DF5C8}"/>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9" name="Straight Connector 8">
            <a:extLst>
              <a:ext uri="{FF2B5EF4-FFF2-40B4-BE49-F238E27FC236}">
                <a16:creationId xmlns:a16="http://schemas.microsoft.com/office/drawing/2014/main" id="{317D4F0A-E9DE-4592-83A1-5221B5491DF7}"/>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0" name="Content Placeholder 2">
            <a:extLst>
              <a:ext uri="{FF2B5EF4-FFF2-40B4-BE49-F238E27FC236}">
                <a16:creationId xmlns:a16="http://schemas.microsoft.com/office/drawing/2014/main" id="{F5094310-D9BA-4810-A199-8437C636274B}"/>
              </a:ext>
            </a:extLst>
          </p:cNvPr>
          <p:cNvSpPr>
            <a:spLocks noGrp="1"/>
          </p:cNvSpPr>
          <p:nvPr>
            <p:ph idx="10"/>
          </p:nvPr>
        </p:nvSpPr>
        <p:spPr>
          <a:xfrm>
            <a:off x="4299904" y="1634172"/>
            <a:ext cx="7339012"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Tree>
    <p:extLst>
      <p:ext uri="{BB962C8B-B14F-4D97-AF65-F5344CB8AC3E}">
        <p14:creationId xmlns:p14="http://schemas.microsoft.com/office/powerpoint/2010/main" val="1506042987"/>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lumn + Image A">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7343458"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4301173"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9" name="Picture Placeholder 8">
            <a:extLst>
              <a:ext uri="{FF2B5EF4-FFF2-40B4-BE49-F238E27FC236}">
                <a16:creationId xmlns:a16="http://schemas.microsoft.com/office/drawing/2014/main" id="{7C62B605-0B91-4608-83CE-C63AB7F29F20}"/>
              </a:ext>
            </a:extLst>
          </p:cNvPr>
          <p:cNvSpPr>
            <a:spLocks noGrp="1"/>
          </p:cNvSpPr>
          <p:nvPr>
            <p:ph type="pic" sz="quarter" idx="24"/>
          </p:nvPr>
        </p:nvSpPr>
        <p:spPr>
          <a:xfrm>
            <a:off x="8042277" y="0"/>
            <a:ext cx="4152897" cy="6859588"/>
          </a:xfrm>
          <a:custGeom>
            <a:avLst/>
            <a:gdLst>
              <a:gd name="connsiteX0" fmla="*/ 103786 w 4152897"/>
              <a:gd name="connsiteY0" fmla="*/ 0 h 6859588"/>
              <a:gd name="connsiteX1" fmla="*/ 4152897 w 4152897"/>
              <a:gd name="connsiteY1" fmla="*/ 0 h 6859588"/>
              <a:gd name="connsiteX2" fmla="*/ 4152897 w 4152897"/>
              <a:gd name="connsiteY2" fmla="*/ 6859588 h 6859588"/>
              <a:gd name="connsiteX3" fmla="*/ 103786 w 4152897"/>
              <a:gd name="connsiteY3" fmla="*/ 6859588 h 6859588"/>
              <a:gd name="connsiteX4" fmla="*/ 0 w 4152897"/>
              <a:gd name="connsiteY4" fmla="*/ 6755802 h 6859588"/>
              <a:gd name="connsiteX5" fmla="*/ 0 w 4152897"/>
              <a:gd name="connsiteY5" fmla="*/ 103786 h 6859588"/>
              <a:gd name="connsiteX6" fmla="*/ 103786 w 415289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152897" h="6859588">
                <a:moveTo>
                  <a:pt x="103786" y="0"/>
                </a:moveTo>
                <a:lnTo>
                  <a:pt x="4152897" y="0"/>
                </a:lnTo>
                <a:lnTo>
                  <a:pt x="415289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spTree>
    <p:extLst>
      <p:ext uri="{BB962C8B-B14F-4D97-AF65-F5344CB8AC3E}">
        <p14:creationId xmlns:p14="http://schemas.microsoft.com/office/powerpoint/2010/main" val="3141662562"/>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wo Column + Pullout">
    <p:spTree>
      <p:nvGrpSpPr>
        <p:cNvPr id="1" name=""/>
        <p:cNvGrpSpPr/>
        <p:nvPr/>
      </p:nvGrpSpPr>
      <p:grpSpPr>
        <a:xfrm>
          <a:off x="0" y="0"/>
          <a:ext cx="0" cy="0"/>
          <a:chOff x="0" y="0"/>
          <a:chExt cx="0" cy="0"/>
        </a:xfrm>
      </p:grpSpPr>
      <p:sp>
        <p:nvSpPr>
          <p:cNvPr id="8" name="Freeform: Shape 7">
            <a:extLst>
              <a:ext uri="{FF2B5EF4-FFF2-40B4-BE49-F238E27FC236}">
                <a16:creationId xmlns:a16="http://schemas.microsoft.com/office/drawing/2014/main" id="{B15324A6-3A93-4455-A547-F02A17BDBDEE}"/>
              </a:ext>
            </a:extLst>
          </p:cNvPr>
          <p:cNvSpPr/>
          <p:nvPr userDrawn="1"/>
        </p:nvSpPr>
        <p:spPr>
          <a:xfrm>
            <a:off x="8042278" y="0"/>
            <a:ext cx="4152897" cy="6859588"/>
          </a:xfrm>
          <a:custGeom>
            <a:avLst/>
            <a:gdLst>
              <a:gd name="connsiteX0" fmla="*/ 103786 w 4152897"/>
              <a:gd name="connsiteY0" fmla="*/ 0 h 6859588"/>
              <a:gd name="connsiteX1" fmla="*/ 4152897 w 4152897"/>
              <a:gd name="connsiteY1" fmla="*/ 0 h 6859588"/>
              <a:gd name="connsiteX2" fmla="*/ 4152897 w 4152897"/>
              <a:gd name="connsiteY2" fmla="*/ 6859588 h 6859588"/>
              <a:gd name="connsiteX3" fmla="*/ 103786 w 4152897"/>
              <a:gd name="connsiteY3" fmla="*/ 6859588 h 6859588"/>
              <a:gd name="connsiteX4" fmla="*/ 0 w 4152897"/>
              <a:gd name="connsiteY4" fmla="*/ 6755802 h 6859588"/>
              <a:gd name="connsiteX5" fmla="*/ 0 w 4152897"/>
              <a:gd name="connsiteY5" fmla="*/ 103786 h 6859588"/>
              <a:gd name="connsiteX6" fmla="*/ 103786 w 415289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152897" h="6859588">
                <a:moveTo>
                  <a:pt x="103786" y="0"/>
                </a:moveTo>
                <a:lnTo>
                  <a:pt x="4152897" y="0"/>
                </a:lnTo>
                <a:lnTo>
                  <a:pt x="415289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7343458"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4301173"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7" name="Content Placeholder 2">
            <a:extLst>
              <a:ext uri="{FF2B5EF4-FFF2-40B4-BE49-F238E27FC236}">
                <a16:creationId xmlns:a16="http://schemas.microsoft.com/office/drawing/2014/main" id="{7BFFE586-221C-4FB0-B8EC-3A97F06A34CF}"/>
              </a:ext>
            </a:extLst>
          </p:cNvPr>
          <p:cNvSpPr>
            <a:spLocks noGrp="1"/>
          </p:cNvSpPr>
          <p:nvPr>
            <p:ph idx="11"/>
          </p:nvPr>
        </p:nvSpPr>
        <p:spPr>
          <a:xfrm>
            <a:off x="8257477" y="1634935"/>
            <a:ext cx="3385248" cy="4535487"/>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baseline="0">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Tree>
    <p:extLst>
      <p:ext uri="{BB962C8B-B14F-4D97-AF65-F5344CB8AC3E}">
        <p14:creationId xmlns:p14="http://schemas.microsoft.com/office/powerpoint/2010/main" val="1372446100"/>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lumn + Image B">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59" y="1634935"/>
            <a:ext cx="4533265"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921512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5237797" y="1634935"/>
            <a:ext cx="4533265"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8" name="Picture Placeholder 7">
            <a:extLst>
              <a:ext uri="{FF2B5EF4-FFF2-40B4-BE49-F238E27FC236}">
                <a16:creationId xmlns:a16="http://schemas.microsoft.com/office/drawing/2014/main" id="{37F1D043-E180-4017-8DC0-9C5E25A2C271}"/>
              </a:ext>
            </a:extLst>
          </p:cNvPr>
          <p:cNvSpPr>
            <a:spLocks noGrp="1"/>
          </p:cNvSpPr>
          <p:nvPr>
            <p:ph type="pic" sz="quarter" idx="24"/>
          </p:nvPr>
        </p:nvSpPr>
        <p:spPr>
          <a:xfrm>
            <a:off x="9913938" y="0"/>
            <a:ext cx="2281237" cy="6859588"/>
          </a:xfrm>
          <a:custGeom>
            <a:avLst/>
            <a:gdLst>
              <a:gd name="connsiteX0" fmla="*/ 103786 w 2281237"/>
              <a:gd name="connsiteY0" fmla="*/ 0 h 6859588"/>
              <a:gd name="connsiteX1" fmla="*/ 2281237 w 2281237"/>
              <a:gd name="connsiteY1" fmla="*/ 0 h 6859588"/>
              <a:gd name="connsiteX2" fmla="*/ 2281237 w 2281237"/>
              <a:gd name="connsiteY2" fmla="*/ 6859588 h 6859588"/>
              <a:gd name="connsiteX3" fmla="*/ 103786 w 2281237"/>
              <a:gd name="connsiteY3" fmla="*/ 6859588 h 6859588"/>
              <a:gd name="connsiteX4" fmla="*/ 0 w 2281237"/>
              <a:gd name="connsiteY4" fmla="*/ 6755802 h 6859588"/>
              <a:gd name="connsiteX5" fmla="*/ 0 w 2281237"/>
              <a:gd name="connsiteY5" fmla="*/ 103786 h 6859588"/>
              <a:gd name="connsiteX6" fmla="*/ 103786 w 228123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281237" h="6859588">
                <a:moveTo>
                  <a:pt x="103786" y="0"/>
                </a:moveTo>
                <a:lnTo>
                  <a:pt x="2281237" y="0"/>
                </a:lnTo>
                <a:lnTo>
                  <a:pt x="228123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spTree>
    <p:extLst>
      <p:ext uri="{BB962C8B-B14F-4D97-AF65-F5344CB8AC3E}">
        <p14:creationId xmlns:p14="http://schemas.microsoft.com/office/powerpoint/2010/main" val="2226651804"/>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hree Column Content">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4301173"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5" name="Content Placeholder 2">
            <a:extLst>
              <a:ext uri="{FF2B5EF4-FFF2-40B4-BE49-F238E27FC236}">
                <a16:creationId xmlns:a16="http://schemas.microsoft.com/office/drawing/2014/main" id="{8EDA6BAD-6394-4D9E-87B4-CF2960A727E1}"/>
              </a:ext>
            </a:extLst>
          </p:cNvPr>
          <p:cNvSpPr>
            <a:spLocks noGrp="1"/>
          </p:cNvSpPr>
          <p:nvPr>
            <p:ph idx="11"/>
          </p:nvPr>
        </p:nvSpPr>
        <p:spPr>
          <a:xfrm>
            <a:off x="8042275"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Tree>
    <p:extLst>
      <p:ext uri="{BB962C8B-B14F-4D97-AF65-F5344CB8AC3E}">
        <p14:creationId xmlns:p14="http://schemas.microsoft.com/office/powerpoint/2010/main" val="3031418449"/>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amp; Image A">
    <p:spTree>
      <p:nvGrpSpPr>
        <p:cNvPr id="1" name=""/>
        <p:cNvGrpSpPr/>
        <p:nvPr/>
      </p:nvGrpSpPr>
      <p:grpSpPr>
        <a:xfrm>
          <a:off x="0" y="0"/>
          <a:ext cx="0" cy="0"/>
          <a:chOff x="0" y="0"/>
          <a:chExt cx="0" cy="0"/>
        </a:xfrm>
      </p:grpSpPr>
      <p:sp>
        <p:nvSpPr>
          <p:cNvPr id="8" name="Content Placeholder 2">
            <a:extLst>
              <a:ext uri="{FF2B5EF4-FFF2-40B4-BE49-F238E27FC236}">
                <a16:creationId xmlns:a16="http://schemas.microsoft.com/office/drawing/2014/main" id="{84BB7EDA-4782-479C-A6A3-99A53D77AE5A}"/>
              </a:ext>
            </a:extLst>
          </p:cNvPr>
          <p:cNvSpPr>
            <a:spLocks noGrp="1"/>
          </p:cNvSpPr>
          <p:nvPr>
            <p:ph idx="1"/>
          </p:nvPr>
        </p:nvSpPr>
        <p:spPr>
          <a:xfrm>
            <a:off x="556260" y="1634935"/>
            <a:ext cx="546989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9" name="Title 1">
            <a:extLst>
              <a:ext uri="{FF2B5EF4-FFF2-40B4-BE49-F238E27FC236}">
                <a16:creationId xmlns:a16="http://schemas.microsoft.com/office/drawing/2014/main" id="{10E2D3F7-D329-47B3-AEF3-69373185779B}"/>
              </a:ext>
            </a:extLst>
          </p:cNvPr>
          <p:cNvSpPr>
            <a:spLocks noGrp="1"/>
          </p:cNvSpPr>
          <p:nvPr>
            <p:ph type="title"/>
          </p:nvPr>
        </p:nvSpPr>
        <p:spPr>
          <a:xfrm>
            <a:off x="554355" y="512763"/>
            <a:ext cx="546989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0" name="Straight Connector 9">
            <a:extLst>
              <a:ext uri="{FF2B5EF4-FFF2-40B4-BE49-F238E27FC236}">
                <a16:creationId xmlns:a16="http://schemas.microsoft.com/office/drawing/2014/main" id="{C7D9DC17-06BD-4CF4-B577-D4815EF03194}"/>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Picture Placeholder 13">
            <a:extLst>
              <a:ext uri="{FF2B5EF4-FFF2-40B4-BE49-F238E27FC236}">
                <a16:creationId xmlns:a16="http://schemas.microsoft.com/office/drawing/2014/main" id="{E4A6E876-D22D-4F95-9530-F5A956070135}"/>
              </a:ext>
            </a:extLst>
          </p:cNvPr>
          <p:cNvSpPr>
            <a:spLocks noGrp="1"/>
          </p:cNvSpPr>
          <p:nvPr>
            <p:ph type="pic" sz="quarter" idx="25"/>
          </p:nvPr>
        </p:nvSpPr>
        <p:spPr>
          <a:xfrm>
            <a:off x="6335397" y="0"/>
            <a:ext cx="5859777" cy="6859588"/>
          </a:xfrm>
          <a:custGeom>
            <a:avLst/>
            <a:gdLst>
              <a:gd name="connsiteX0" fmla="*/ 103786 w 5859777"/>
              <a:gd name="connsiteY0" fmla="*/ 0 h 6859588"/>
              <a:gd name="connsiteX1" fmla="*/ 1810666 w 5859777"/>
              <a:gd name="connsiteY1" fmla="*/ 0 h 6859588"/>
              <a:gd name="connsiteX2" fmla="*/ 4152897 w 5859777"/>
              <a:gd name="connsiteY2" fmla="*/ 0 h 6859588"/>
              <a:gd name="connsiteX3" fmla="*/ 5859777 w 5859777"/>
              <a:gd name="connsiteY3" fmla="*/ 0 h 6859588"/>
              <a:gd name="connsiteX4" fmla="*/ 5859777 w 5859777"/>
              <a:gd name="connsiteY4" fmla="*/ 6859588 h 6859588"/>
              <a:gd name="connsiteX5" fmla="*/ 4152897 w 5859777"/>
              <a:gd name="connsiteY5" fmla="*/ 6859588 h 6859588"/>
              <a:gd name="connsiteX6" fmla="*/ 1810666 w 5859777"/>
              <a:gd name="connsiteY6" fmla="*/ 6859588 h 6859588"/>
              <a:gd name="connsiteX7" fmla="*/ 103786 w 5859777"/>
              <a:gd name="connsiteY7" fmla="*/ 6859588 h 6859588"/>
              <a:gd name="connsiteX8" fmla="*/ 0 w 5859777"/>
              <a:gd name="connsiteY8" fmla="*/ 6755802 h 6859588"/>
              <a:gd name="connsiteX9" fmla="*/ 0 w 5859777"/>
              <a:gd name="connsiteY9" fmla="*/ 103786 h 6859588"/>
              <a:gd name="connsiteX10" fmla="*/ 103786 w 5859777"/>
              <a:gd name="connsiteY10"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859777" h="6859588">
                <a:moveTo>
                  <a:pt x="103786" y="0"/>
                </a:moveTo>
                <a:lnTo>
                  <a:pt x="1810666" y="0"/>
                </a:lnTo>
                <a:lnTo>
                  <a:pt x="4152897" y="0"/>
                </a:lnTo>
                <a:lnTo>
                  <a:pt x="5859777" y="0"/>
                </a:lnTo>
                <a:lnTo>
                  <a:pt x="5859777" y="6859588"/>
                </a:lnTo>
                <a:lnTo>
                  <a:pt x="4152897" y="6859588"/>
                </a:lnTo>
                <a:lnTo>
                  <a:pt x="1810666"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spTree>
    <p:extLst>
      <p:ext uri="{BB962C8B-B14F-4D97-AF65-F5344CB8AC3E}">
        <p14:creationId xmlns:p14="http://schemas.microsoft.com/office/powerpoint/2010/main" val="353480457"/>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amp; Image B">
    <p:spTree>
      <p:nvGrpSpPr>
        <p:cNvPr id="1" name=""/>
        <p:cNvGrpSpPr/>
        <p:nvPr/>
      </p:nvGrpSpPr>
      <p:grpSpPr>
        <a:xfrm>
          <a:off x="0" y="0"/>
          <a:ext cx="0" cy="0"/>
          <a:chOff x="0" y="0"/>
          <a:chExt cx="0" cy="0"/>
        </a:xfrm>
      </p:grpSpPr>
      <p:sp>
        <p:nvSpPr>
          <p:cNvPr id="10" name="Content Placeholder 2">
            <a:extLst>
              <a:ext uri="{FF2B5EF4-FFF2-40B4-BE49-F238E27FC236}">
                <a16:creationId xmlns:a16="http://schemas.microsoft.com/office/drawing/2014/main" id="{AE9056B4-5510-4D8B-8D23-74DE9595B875}"/>
              </a:ext>
            </a:extLst>
          </p:cNvPr>
          <p:cNvSpPr>
            <a:spLocks noGrp="1"/>
          </p:cNvSpPr>
          <p:nvPr>
            <p:ph idx="1"/>
          </p:nvPr>
        </p:nvSpPr>
        <p:spPr>
          <a:xfrm>
            <a:off x="6182360" y="1634935"/>
            <a:ext cx="546989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1" name="Title 1">
            <a:extLst>
              <a:ext uri="{FF2B5EF4-FFF2-40B4-BE49-F238E27FC236}">
                <a16:creationId xmlns:a16="http://schemas.microsoft.com/office/drawing/2014/main" id="{45F640A8-7A76-4EAE-AF9D-D3C74E9C766C}"/>
              </a:ext>
            </a:extLst>
          </p:cNvPr>
          <p:cNvSpPr>
            <a:spLocks noGrp="1"/>
          </p:cNvSpPr>
          <p:nvPr>
            <p:ph type="title"/>
          </p:nvPr>
        </p:nvSpPr>
        <p:spPr>
          <a:xfrm>
            <a:off x="6180455" y="512763"/>
            <a:ext cx="546989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2" name="Straight Connector 11">
            <a:extLst>
              <a:ext uri="{FF2B5EF4-FFF2-40B4-BE49-F238E27FC236}">
                <a16:creationId xmlns:a16="http://schemas.microsoft.com/office/drawing/2014/main" id="{54478966-5454-4600-AD7C-2698AE9CE25A}"/>
              </a:ext>
            </a:extLst>
          </p:cNvPr>
          <p:cNvCxnSpPr>
            <a:cxnSpLocks/>
          </p:cNvCxnSpPr>
          <p:nvPr userDrawn="1"/>
        </p:nvCxnSpPr>
        <p:spPr>
          <a:xfrm>
            <a:off x="61804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6" name="Picture Placeholder 15">
            <a:extLst>
              <a:ext uri="{FF2B5EF4-FFF2-40B4-BE49-F238E27FC236}">
                <a16:creationId xmlns:a16="http://schemas.microsoft.com/office/drawing/2014/main" id="{7581AB08-270C-48DB-B4F7-71B42ACD607F}"/>
              </a:ext>
            </a:extLst>
          </p:cNvPr>
          <p:cNvSpPr>
            <a:spLocks noGrp="1"/>
          </p:cNvSpPr>
          <p:nvPr>
            <p:ph type="pic" sz="quarter" idx="26"/>
          </p:nvPr>
        </p:nvSpPr>
        <p:spPr>
          <a:xfrm>
            <a:off x="2" y="0"/>
            <a:ext cx="5859777" cy="6859588"/>
          </a:xfrm>
          <a:custGeom>
            <a:avLst/>
            <a:gdLst>
              <a:gd name="connsiteX0" fmla="*/ 0 w 5859777"/>
              <a:gd name="connsiteY0" fmla="*/ 0 h 6859588"/>
              <a:gd name="connsiteX1" fmla="*/ 1706880 w 5859777"/>
              <a:gd name="connsiteY1" fmla="*/ 0 h 6859588"/>
              <a:gd name="connsiteX2" fmla="*/ 4049111 w 5859777"/>
              <a:gd name="connsiteY2" fmla="*/ 0 h 6859588"/>
              <a:gd name="connsiteX3" fmla="*/ 5755991 w 5859777"/>
              <a:gd name="connsiteY3" fmla="*/ 0 h 6859588"/>
              <a:gd name="connsiteX4" fmla="*/ 5859777 w 5859777"/>
              <a:gd name="connsiteY4" fmla="*/ 103786 h 6859588"/>
              <a:gd name="connsiteX5" fmla="*/ 5859777 w 5859777"/>
              <a:gd name="connsiteY5" fmla="*/ 6755802 h 6859588"/>
              <a:gd name="connsiteX6" fmla="*/ 5755991 w 5859777"/>
              <a:gd name="connsiteY6" fmla="*/ 6859588 h 6859588"/>
              <a:gd name="connsiteX7" fmla="*/ 4049111 w 5859777"/>
              <a:gd name="connsiteY7" fmla="*/ 6859588 h 6859588"/>
              <a:gd name="connsiteX8" fmla="*/ 1706880 w 5859777"/>
              <a:gd name="connsiteY8" fmla="*/ 6859588 h 6859588"/>
              <a:gd name="connsiteX9" fmla="*/ 0 w 5859777"/>
              <a:gd name="connsiteY9"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859777" h="6859588">
                <a:moveTo>
                  <a:pt x="0" y="0"/>
                </a:moveTo>
                <a:lnTo>
                  <a:pt x="1706880" y="0"/>
                </a:lnTo>
                <a:lnTo>
                  <a:pt x="4049111" y="0"/>
                </a:lnTo>
                <a:lnTo>
                  <a:pt x="5755991" y="0"/>
                </a:lnTo>
                <a:cubicBezTo>
                  <a:pt x="5813310" y="0"/>
                  <a:pt x="5859777" y="46467"/>
                  <a:pt x="5859777" y="103786"/>
                </a:cubicBezTo>
                <a:lnTo>
                  <a:pt x="5859777" y="6755802"/>
                </a:lnTo>
                <a:cubicBezTo>
                  <a:pt x="5859777" y="6813121"/>
                  <a:pt x="5813310" y="6859588"/>
                  <a:pt x="5755991" y="6859588"/>
                </a:cubicBezTo>
                <a:lnTo>
                  <a:pt x="4049111" y="6859588"/>
                </a:lnTo>
                <a:lnTo>
                  <a:pt x="1706880" y="6859588"/>
                </a:lnTo>
                <a:lnTo>
                  <a:pt x="0" y="6859588"/>
                </a:lnTo>
                <a:close/>
              </a:path>
            </a:pathLst>
          </a:custGeom>
          <a:solidFill>
            <a:schemeClr val="accent6"/>
          </a:solidFill>
        </p:spPr>
        <p:txBody>
          <a:bodyPr vert="horz" wrap="square" lIns="0" tIns="0" rIns="0" bIns="0" rtlCol="0" anchor="ctr">
            <a:noAutofit/>
          </a:bodyPr>
          <a:lstStyle>
            <a:lvl1pPr algn="ctr">
              <a:defRPr lang="en-GB"/>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2908481589"/>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A - Dark">
    <p:bg>
      <p:bgPr>
        <a:solidFill>
          <a:schemeClr val="accent1"/>
        </a:solidFill>
        <a:effectLst/>
      </p:bgPr>
    </p:bg>
    <p:spTree>
      <p:nvGrpSpPr>
        <p:cNvPr id="1" name=""/>
        <p:cNvGrpSpPr/>
        <p:nvPr/>
      </p:nvGrpSpPr>
      <p:grpSpPr>
        <a:xfrm>
          <a:off x="0" y="0"/>
          <a:ext cx="0" cy="0"/>
          <a:chOff x="0" y="0"/>
          <a:chExt cx="0" cy="0"/>
        </a:xfrm>
      </p:grpSpPr>
      <p:sp>
        <p:nvSpPr>
          <p:cNvPr id="15" name="txtSecureMarker2" hidden="1"/>
          <p:cNvSpPr txBox="1"/>
          <p:nvPr userDrawn="1"/>
        </p:nvSpPr>
        <p:spPr>
          <a:xfrm>
            <a:off x="3762236" y="650988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4" name="txtSecureMarker1" hidden="1"/>
          <p:cNvSpPr txBox="1"/>
          <p:nvPr userDrawn="1"/>
        </p:nvSpPr>
        <p:spPr>
          <a:xfrm>
            <a:off x="3762236" y="57491"/>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Text Placeholder 7">
            <a:extLst>
              <a:ext uri="{FF2B5EF4-FFF2-40B4-BE49-F238E27FC236}">
                <a16:creationId xmlns:a16="http://schemas.microsoft.com/office/drawing/2014/main" id="{A48A4594-5048-446B-A0A3-72725B3958E9}"/>
              </a:ext>
            </a:extLst>
          </p:cNvPr>
          <p:cNvSpPr>
            <a:spLocks noGrp="1"/>
          </p:cNvSpPr>
          <p:nvPr>
            <p:ph type="body" sz="quarter" idx="15" hasCustomPrompt="1"/>
          </p:nvPr>
        </p:nvSpPr>
        <p:spPr>
          <a:xfrm>
            <a:off x="6169025" y="1633788"/>
            <a:ext cx="5473700"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bg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da-DK" dirty="0" err="1"/>
              <a:t>Click</a:t>
            </a:r>
            <a:r>
              <a:rPr lang="da-DK" dirty="0"/>
              <a:t> to </a:t>
            </a:r>
            <a:r>
              <a:rPr lang="da-DK" dirty="0" err="1"/>
              <a:t>add</a:t>
            </a:r>
            <a:r>
              <a:rPr lang="da-DK" dirty="0"/>
              <a:t> </a:t>
            </a:r>
            <a:r>
              <a:rPr lang="da-DK" dirty="0" err="1"/>
              <a:t>title</a:t>
            </a:r>
            <a:endParaRPr lang="da-DK" dirty="0"/>
          </a:p>
        </p:txBody>
      </p:sp>
      <p:sp>
        <p:nvSpPr>
          <p:cNvPr id="12" name="Picture Placeholder 11">
            <a:extLst>
              <a:ext uri="{FF2B5EF4-FFF2-40B4-BE49-F238E27FC236}">
                <a16:creationId xmlns:a16="http://schemas.microsoft.com/office/drawing/2014/main" id="{8ACAF202-714C-41A1-A279-E2D542DC50B2}"/>
              </a:ext>
            </a:extLst>
          </p:cNvPr>
          <p:cNvSpPr>
            <a:spLocks noGrp="1"/>
          </p:cNvSpPr>
          <p:nvPr>
            <p:ph type="pic" sz="quarter" idx="19" hasCustomPrompt="1"/>
          </p:nvPr>
        </p:nvSpPr>
        <p:spPr>
          <a:xfrm>
            <a:off x="0" y="0"/>
            <a:ext cx="5089525" cy="6858000"/>
          </a:xfrm>
          <a:custGeom>
            <a:avLst/>
            <a:gdLst>
              <a:gd name="connsiteX0" fmla="*/ 0 w 5089525"/>
              <a:gd name="connsiteY0" fmla="*/ 0 h 6858000"/>
              <a:gd name="connsiteX1" fmla="*/ 4994052 w 5089525"/>
              <a:gd name="connsiteY1" fmla="*/ 0 h 6858000"/>
              <a:gd name="connsiteX2" fmla="*/ 5089525 w 5089525"/>
              <a:gd name="connsiteY2" fmla="*/ 95473 h 6858000"/>
              <a:gd name="connsiteX3" fmla="*/ 5089525 w 5089525"/>
              <a:gd name="connsiteY3" fmla="*/ 6762527 h 6858000"/>
              <a:gd name="connsiteX4" fmla="*/ 4994052 w 5089525"/>
              <a:gd name="connsiteY4" fmla="*/ 6858000 h 6858000"/>
              <a:gd name="connsiteX5" fmla="*/ 0 w 5089525"/>
              <a:gd name="connsiteY5"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89525" h="6858000">
                <a:moveTo>
                  <a:pt x="0" y="0"/>
                </a:moveTo>
                <a:lnTo>
                  <a:pt x="4994052" y="0"/>
                </a:lnTo>
                <a:cubicBezTo>
                  <a:pt x="5046780" y="0"/>
                  <a:pt x="5089525" y="42745"/>
                  <a:pt x="5089525" y="95473"/>
                </a:cubicBezTo>
                <a:lnTo>
                  <a:pt x="5089525" y="6762527"/>
                </a:lnTo>
                <a:cubicBezTo>
                  <a:pt x="5089525" y="6815255"/>
                  <a:pt x="5046780" y="6858000"/>
                  <a:pt x="4994052" y="6858000"/>
                </a:cubicBezTo>
                <a:lnTo>
                  <a:pt x="0" y="6858000"/>
                </a:lnTo>
                <a:close/>
              </a:path>
            </a:pathLst>
          </a:custGeom>
          <a:solidFill>
            <a:schemeClr val="accent6"/>
          </a:solidFill>
        </p:spPr>
        <p:txBody>
          <a:bodyPr wrap="square" lIns="36000" tIns="36000" rIns="36000" bIns="36000" anchor="ctr">
            <a:noAutofit/>
          </a:bodyPr>
          <a:lstStyle>
            <a:lvl1pPr algn="ctr">
              <a:defRPr>
                <a:solidFill>
                  <a:schemeClr val="accent4"/>
                </a:solidFill>
              </a:defRPr>
            </a:lvl1pPr>
          </a:lstStyle>
          <a:p>
            <a:r>
              <a:rPr lang="da-DK" dirty="0"/>
              <a:t>Image </a:t>
            </a:r>
            <a:r>
              <a:rPr lang="da-DK" dirty="0" err="1"/>
              <a:t>here</a:t>
            </a:r>
            <a:endParaRPr lang="da-DK" dirty="0"/>
          </a:p>
        </p:txBody>
      </p:sp>
      <p:pic>
        <p:nvPicPr>
          <p:cNvPr id="16" name="Graphic 15">
            <a:extLst>
              <a:ext uri="{FF2B5EF4-FFF2-40B4-BE49-F238E27FC236}">
                <a16:creationId xmlns:a16="http://schemas.microsoft.com/office/drawing/2014/main" id="{0BD2EF97-68A6-4F98-8B02-FB2AED243CE5}"/>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850563" y="700776"/>
            <a:ext cx="792162" cy="699572"/>
          </a:xfrm>
          <a:prstGeom prst="rect">
            <a:avLst/>
          </a:prstGeom>
        </p:spPr>
      </p:pic>
      <p:cxnSp>
        <p:nvCxnSpPr>
          <p:cNvPr id="17" name="Straight Connector 16">
            <a:extLst>
              <a:ext uri="{FF2B5EF4-FFF2-40B4-BE49-F238E27FC236}">
                <a16:creationId xmlns:a16="http://schemas.microsoft.com/office/drawing/2014/main" id="{FDCAC644-F955-416B-B45E-14C32DF27091}"/>
              </a:ext>
            </a:extLst>
          </p:cNvPr>
          <p:cNvCxnSpPr/>
          <p:nvPr userDrawn="1"/>
        </p:nvCxnSpPr>
        <p:spPr>
          <a:xfrm>
            <a:off x="6170929" y="4446111"/>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8" name="Text Placeholder 3">
            <a:extLst>
              <a:ext uri="{FF2B5EF4-FFF2-40B4-BE49-F238E27FC236}">
                <a16:creationId xmlns:a16="http://schemas.microsoft.com/office/drawing/2014/main" id="{8F8FF002-C9EF-4261-92A6-B45176662CC7}"/>
              </a:ext>
            </a:extLst>
          </p:cNvPr>
          <p:cNvSpPr>
            <a:spLocks noGrp="1"/>
          </p:cNvSpPr>
          <p:nvPr>
            <p:ph type="body" sz="quarter" idx="20"/>
          </p:nvPr>
        </p:nvSpPr>
        <p:spPr>
          <a:xfrm>
            <a:off x="6169025" y="4598035"/>
            <a:ext cx="5473700"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a:solidFill>
                  <a:schemeClr val="accent5"/>
                </a:solidFill>
                <a:latin typeface="+mn-lt"/>
                <a:ea typeface="+mn-ea"/>
                <a:cs typeface="+mn-cs"/>
              </a:defRPr>
            </a:lvl1pPr>
            <a:lvl2pPr>
              <a:defRPr b="0">
                <a:solidFill>
                  <a:schemeClr val="bg1"/>
                </a:solidFill>
              </a:defRPr>
            </a:lvl2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pic>
        <p:nvPicPr>
          <p:cNvPr id="21" name="Picture 20">
            <a:extLst>
              <a:ext uri="{FF2B5EF4-FFF2-40B4-BE49-F238E27FC236}">
                <a16:creationId xmlns:a16="http://schemas.microsoft.com/office/drawing/2014/main" id="{A2781063-7C60-4C39-9D14-E91349D395A6}"/>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6182654" y="6050271"/>
            <a:ext cx="2045333" cy="354000"/>
          </a:xfrm>
          <a:prstGeom prst="rect">
            <a:avLst/>
          </a:prstGeom>
        </p:spPr>
      </p:pic>
    </p:spTree>
    <p:extLst>
      <p:ext uri="{BB962C8B-B14F-4D97-AF65-F5344CB8AC3E}">
        <p14:creationId xmlns:p14="http://schemas.microsoft.com/office/powerpoint/2010/main" val="2104400834"/>
      </p:ext>
    </p:extLst>
  </p:cSld>
  <p:clrMapOvr>
    <a:masterClrMapping/>
  </p:clrMapOvr>
  <p:transition>
    <p:fade/>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ntent &amp; Image C">
    <p:spTree>
      <p:nvGrpSpPr>
        <p:cNvPr id="1" name=""/>
        <p:cNvGrpSpPr/>
        <p:nvPr/>
      </p:nvGrpSpPr>
      <p:grpSpPr>
        <a:xfrm>
          <a:off x="0" y="0"/>
          <a:ext cx="0" cy="0"/>
          <a:chOff x="0" y="0"/>
          <a:chExt cx="0" cy="0"/>
        </a:xfrm>
      </p:grpSpPr>
      <p:sp>
        <p:nvSpPr>
          <p:cNvPr id="7" name="Content Placeholder 2">
            <a:extLst>
              <a:ext uri="{FF2B5EF4-FFF2-40B4-BE49-F238E27FC236}">
                <a16:creationId xmlns:a16="http://schemas.microsoft.com/office/drawing/2014/main" id="{36CACE22-5956-4B26-8951-369C1631603B}"/>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8" name="Title 1">
            <a:extLst>
              <a:ext uri="{FF2B5EF4-FFF2-40B4-BE49-F238E27FC236}">
                <a16:creationId xmlns:a16="http://schemas.microsoft.com/office/drawing/2014/main" id="{274F5AA1-13D5-42C4-BAA7-2513D8CC89D7}"/>
              </a:ext>
            </a:extLst>
          </p:cNvPr>
          <p:cNvSpPr>
            <a:spLocks noGrp="1"/>
          </p:cNvSpPr>
          <p:nvPr>
            <p:ph type="title"/>
          </p:nvPr>
        </p:nvSpPr>
        <p:spPr>
          <a:xfrm>
            <a:off x="554355" y="512763"/>
            <a:ext cx="3598545"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9" name="Straight Connector 8">
            <a:extLst>
              <a:ext uri="{FF2B5EF4-FFF2-40B4-BE49-F238E27FC236}">
                <a16:creationId xmlns:a16="http://schemas.microsoft.com/office/drawing/2014/main" id="{5947F70B-7FA4-4B4A-BC00-207597412F97}"/>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6" name="Picture Placeholder 15">
            <a:extLst>
              <a:ext uri="{FF2B5EF4-FFF2-40B4-BE49-F238E27FC236}">
                <a16:creationId xmlns:a16="http://schemas.microsoft.com/office/drawing/2014/main" id="{BB14DC76-D75E-4B2F-8E90-C3DFBC521E22}"/>
              </a:ext>
            </a:extLst>
          </p:cNvPr>
          <p:cNvSpPr>
            <a:spLocks noGrp="1"/>
          </p:cNvSpPr>
          <p:nvPr>
            <p:ph type="pic" sz="quarter" idx="26"/>
          </p:nvPr>
        </p:nvSpPr>
        <p:spPr>
          <a:xfrm>
            <a:off x="4468497" y="0"/>
            <a:ext cx="7726677" cy="6859588"/>
          </a:xfrm>
          <a:custGeom>
            <a:avLst/>
            <a:gdLst>
              <a:gd name="connsiteX0" fmla="*/ 103786 w 7726677"/>
              <a:gd name="connsiteY0" fmla="*/ 0 h 6859588"/>
              <a:gd name="connsiteX1" fmla="*/ 1810666 w 7726677"/>
              <a:gd name="connsiteY1" fmla="*/ 0 h 6859588"/>
              <a:gd name="connsiteX2" fmla="*/ 1970686 w 7726677"/>
              <a:gd name="connsiteY2" fmla="*/ 0 h 6859588"/>
              <a:gd name="connsiteX3" fmla="*/ 3677566 w 7726677"/>
              <a:gd name="connsiteY3" fmla="*/ 0 h 6859588"/>
              <a:gd name="connsiteX4" fmla="*/ 4152897 w 7726677"/>
              <a:gd name="connsiteY4" fmla="*/ 0 h 6859588"/>
              <a:gd name="connsiteX5" fmla="*/ 5859777 w 7726677"/>
              <a:gd name="connsiteY5" fmla="*/ 0 h 6859588"/>
              <a:gd name="connsiteX6" fmla="*/ 6019797 w 7726677"/>
              <a:gd name="connsiteY6" fmla="*/ 0 h 6859588"/>
              <a:gd name="connsiteX7" fmla="*/ 7726677 w 7726677"/>
              <a:gd name="connsiteY7" fmla="*/ 0 h 6859588"/>
              <a:gd name="connsiteX8" fmla="*/ 7726677 w 7726677"/>
              <a:gd name="connsiteY8" fmla="*/ 6859588 h 6859588"/>
              <a:gd name="connsiteX9" fmla="*/ 6019797 w 7726677"/>
              <a:gd name="connsiteY9" fmla="*/ 6859588 h 6859588"/>
              <a:gd name="connsiteX10" fmla="*/ 5859777 w 7726677"/>
              <a:gd name="connsiteY10" fmla="*/ 6859588 h 6859588"/>
              <a:gd name="connsiteX11" fmla="*/ 4152897 w 7726677"/>
              <a:gd name="connsiteY11" fmla="*/ 6859588 h 6859588"/>
              <a:gd name="connsiteX12" fmla="*/ 3677566 w 7726677"/>
              <a:gd name="connsiteY12" fmla="*/ 6859588 h 6859588"/>
              <a:gd name="connsiteX13" fmla="*/ 1970686 w 7726677"/>
              <a:gd name="connsiteY13" fmla="*/ 6859588 h 6859588"/>
              <a:gd name="connsiteX14" fmla="*/ 1810666 w 7726677"/>
              <a:gd name="connsiteY14" fmla="*/ 6859588 h 6859588"/>
              <a:gd name="connsiteX15" fmla="*/ 103786 w 7726677"/>
              <a:gd name="connsiteY15" fmla="*/ 6859588 h 6859588"/>
              <a:gd name="connsiteX16" fmla="*/ 0 w 7726677"/>
              <a:gd name="connsiteY16" fmla="*/ 6755802 h 6859588"/>
              <a:gd name="connsiteX17" fmla="*/ 0 w 7726677"/>
              <a:gd name="connsiteY17" fmla="*/ 103786 h 6859588"/>
              <a:gd name="connsiteX18" fmla="*/ 103786 w 7726677"/>
              <a:gd name="connsiteY18"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7726677" h="6859588">
                <a:moveTo>
                  <a:pt x="103786" y="0"/>
                </a:moveTo>
                <a:lnTo>
                  <a:pt x="1810666" y="0"/>
                </a:lnTo>
                <a:lnTo>
                  <a:pt x="1970686" y="0"/>
                </a:lnTo>
                <a:lnTo>
                  <a:pt x="3677566" y="0"/>
                </a:lnTo>
                <a:lnTo>
                  <a:pt x="4152897" y="0"/>
                </a:lnTo>
                <a:lnTo>
                  <a:pt x="5859777" y="0"/>
                </a:lnTo>
                <a:lnTo>
                  <a:pt x="6019797" y="0"/>
                </a:lnTo>
                <a:lnTo>
                  <a:pt x="7726677" y="0"/>
                </a:lnTo>
                <a:lnTo>
                  <a:pt x="7726677" y="6859588"/>
                </a:lnTo>
                <a:lnTo>
                  <a:pt x="6019797" y="6859588"/>
                </a:lnTo>
                <a:lnTo>
                  <a:pt x="5859777" y="6859588"/>
                </a:lnTo>
                <a:lnTo>
                  <a:pt x="4152897" y="6859588"/>
                </a:lnTo>
                <a:lnTo>
                  <a:pt x="3677566" y="6859588"/>
                </a:lnTo>
                <a:lnTo>
                  <a:pt x="1970686" y="6859588"/>
                </a:lnTo>
                <a:lnTo>
                  <a:pt x="1810666"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
        <p:nvSpPr>
          <p:cNvPr id="17" name="Rectangle 16" descr="{&quot;templafy&quot;:{&quot;id&quot;:&quot;4637c502-9277-44cf-9acc-451f086c11cd&quot;}}">
            <a:extLst>
              <a:ext uri="{FF2B5EF4-FFF2-40B4-BE49-F238E27FC236}">
                <a16:creationId xmlns:a16="http://schemas.microsoft.com/office/drawing/2014/main" id="{765EE0E0-F8F9-40AA-BA21-5319E31C2736}"/>
              </a:ext>
            </a:extLst>
          </p:cNvPr>
          <p:cNvSpPr/>
          <p:nvPr userDrawn="1"/>
        </p:nvSpPr>
        <p:spPr>
          <a:xfrm>
            <a:off x="554354" y="6288287"/>
            <a:ext cx="3596640" cy="2154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rgbClr val="9AB1C5"/>
              </a:solidFill>
            </a:endParaRPr>
          </a:p>
        </p:txBody>
      </p:sp>
      <p:sp>
        <p:nvSpPr>
          <p:cNvPr id="10" name="txtFooter">
            <a:extLst>
              <a:ext uri="{FF2B5EF4-FFF2-40B4-BE49-F238E27FC236}">
                <a16:creationId xmlns:a16="http://schemas.microsoft.com/office/drawing/2014/main" id="{1ADD9A79-EAD4-46BD-A8DE-464E95C59458}"/>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5"/>
                </a:solidFill>
              </a:rPr>
              <a:t>© PA Knowledge Limited  |     </a:t>
            </a:r>
            <a:endParaRPr lang="da-DK" dirty="0"/>
          </a:p>
        </p:txBody>
      </p:sp>
    </p:spTree>
    <p:extLst>
      <p:ext uri="{BB962C8B-B14F-4D97-AF65-F5344CB8AC3E}">
        <p14:creationId xmlns:p14="http://schemas.microsoft.com/office/powerpoint/2010/main" val="3181667658"/>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mp; Image D">
    <p:spTree>
      <p:nvGrpSpPr>
        <p:cNvPr id="1" name=""/>
        <p:cNvGrpSpPr/>
        <p:nvPr/>
      </p:nvGrpSpPr>
      <p:grpSpPr>
        <a:xfrm>
          <a:off x="0" y="0"/>
          <a:ext cx="0" cy="0"/>
          <a:chOff x="0" y="0"/>
          <a:chExt cx="0" cy="0"/>
        </a:xfrm>
      </p:grpSpPr>
      <p:sp>
        <p:nvSpPr>
          <p:cNvPr id="7" name="Content Placeholder 2">
            <a:extLst>
              <a:ext uri="{FF2B5EF4-FFF2-40B4-BE49-F238E27FC236}">
                <a16:creationId xmlns:a16="http://schemas.microsoft.com/office/drawing/2014/main" id="{DCC69244-2DE5-4CC8-A9B7-7B68E9FDB0A9}"/>
              </a:ext>
            </a:extLst>
          </p:cNvPr>
          <p:cNvSpPr>
            <a:spLocks noGrp="1"/>
          </p:cNvSpPr>
          <p:nvPr>
            <p:ph idx="1"/>
          </p:nvPr>
        </p:nvSpPr>
        <p:spPr>
          <a:xfrm>
            <a:off x="8046085" y="1634935"/>
            <a:ext cx="359664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8" name="Title 1">
            <a:extLst>
              <a:ext uri="{FF2B5EF4-FFF2-40B4-BE49-F238E27FC236}">
                <a16:creationId xmlns:a16="http://schemas.microsoft.com/office/drawing/2014/main" id="{8BF110BE-658C-492B-94F2-A397398FED6C}"/>
              </a:ext>
            </a:extLst>
          </p:cNvPr>
          <p:cNvSpPr>
            <a:spLocks noGrp="1"/>
          </p:cNvSpPr>
          <p:nvPr>
            <p:ph type="title"/>
          </p:nvPr>
        </p:nvSpPr>
        <p:spPr>
          <a:xfrm>
            <a:off x="8044180" y="512763"/>
            <a:ext cx="3598545"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9" name="Straight Connector 8">
            <a:extLst>
              <a:ext uri="{FF2B5EF4-FFF2-40B4-BE49-F238E27FC236}">
                <a16:creationId xmlns:a16="http://schemas.microsoft.com/office/drawing/2014/main" id="{29892582-D4B8-42B1-8A07-65AA7E184CC2}"/>
              </a:ext>
            </a:extLst>
          </p:cNvPr>
          <p:cNvCxnSpPr>
            <a:cxnSpLocks/>
          </p:cNvCxnSpPr>
          <p:nvPr userDrawn="1"/>
        </p:nvCxnSpPr>
        <p:spPr>
          <a:xfrm>
            <a:off x="8044179"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3" name="Picture Placeholder 12">
            <a:extLst>
              <a:ext uri="{FF2B5EF4-FFF2-40B4-BE49-F238E27FC236}">
                <a16:creationId xmlns:a16="http://schemas.microsoft.com/office/drawing/2014/main" id="{28F806EC-3F47-4E35-A1CB-BB3536D28C69}"/>
              </a:ext>
            </a:extLst>
          </p:cNvPr>
          <p:cNvSpPr>
            <a:spLocks noGrp="1"/>
          </p:cNvSpPr>
          <p:nvPr>
            <p:ph type="pic" sz="quarter" idx="27"/>
          </p:nvPr>
        </p:nvSpPr>
        <p:spPr>
          <a:xfrm>
            <a:off x="0" y="0"/>
            <a:ext cx="7726679" cy="6859588"/>
          </a:xfrm>
          <a:custGeom>
            <a:avLst/>
            <a:gdLst>
              <a:gd name="connsiteX0" fmla="*/ 0 w 7726679"/>
              <a:gd name="connsiteY0" fmla="*/ 0 h 6859588"/>
              <a:gd name="connsiteX1" fmla="*/ 1706880 w 7726679"/>
              <a:gd name="connsiteY1" fmla="*/ 0 h 6859588"/>
              <a:gd name="connsiteX2" fmla="*/ 1866902 w 7726679"/>
              <a:gd name="connsiteY2" fmla="*/ 0 h 6859588"/>
              <a:gd name="connsiteX3" fmla="*/ 3573782 w 7726679"/>
              <a:gd name="connsiteY3" fmla="*/ 0 h 6859588"/>
              <a:gd name="connsiteX4" fmla="*/ 4049111 w 7726679"/>
              <a:gd name="connsiteY4" fmla="*/ 0 h 6859588"/>
              <a:gd name="connsiteX5" fmla="*/ 5755991 w 7726679"/>
              <a:gd name="connsiteY5" fmla="*/ 0 h 6859588"/>
              <a:gd name="connsiteX6" fmla="*/ 5916013 w 7726679"/>
              <a:gd name="connsiteY6" fmla="*/ 0 h 6859588"/>
              <a:gd name="connsiteX7" fmla="*/ 7622893 w 7726679"/>
              <a:gd name="connsiteY7" fmla="*/ 0 h 6859588"/>
              <a:gd name="connsiteX8" fmla="*/ 7726679 w 7726679"/>
              <a:gd name="connsiteY8" fmla="*/ 103786 h 6859588"/>
              <a:gd name="connsiteX9" fmla="*/ 7726679 w 7726679"/>
              <a:gd name="connsiteY9" fmla="*/ 6755802 h 6859588"/>
              <a:gd name="connsiteX10" fmla="*/ 7622893 w 7726679"/>
              <a:gd name="connsiteY10" fmla="*/ 6859588 h 6859588"/>
              <a:gd name="connsiteX11" fmla="*/ 5916013 w 7726679"/>
              <a:gd name="connsiteY11" fmla="*/ 6859588 h 6859588"/>
              <a:gd name="connsiteX12" fmla="*/ 5755991 w 7726679"/>
              <a:gd name="connsiteY12" fmla="*/ 6859588 h 6859588"/>
              <a:gd name="connsiteX13" fmla="*/ 4049111 w 7726679"/>
              <a:gd name="connsiteY13" fmla="*/ 6859588 h 6859588"/>
              <a:gd name="connsiteX14" fmla="*/ 3573782 w 7726679"/>
              <a:gd name="connsiteY14" fmla="*/ 6859588 h 6859588"/>
              <a:gd name="connsiteX15" fmla="*/ 1866902 w 7726679"/>
              <a:gd name="connsiteY15" fmla="*/ 6859588 h 6859588"/>
              <a:gd name="connsiteX16" fmla="*/ 1706880 w 7726679"/>
              <a:gd name="connsiteY16" fmla="*/ 6859588 h 6859588"/>
              <a:gd name="connsiteX17" fmla="*/ 0 w 7726679"/>
              <a:gd name="connsiteY17"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726679" h="6859588">
                <a:moveTo>
                  <a:pt x="0" y="0"/>
                </a:moveTo>
                <a:lnTo>
                  <a:pt x="1706880" y="0"/>
                </a:lnTo>
                <a:lnTo>
                  <a:pt x="1866902" y="0"/>
                </a:lnTo>
                <a:lnTo>
                  <a:pt x="3573782" y="0"/>
                </a:lnTo>
                <a:lnTo>
                  <a:pt x="4049111" y="0"/>
                </a:lnTo>
                <a:lnTo>
                  <a:pt x="5755991" y="0"/>
                </a:lnTo>
                <a:lnTo>
                  <a:pt x="5916013" y="0"/>
                </a:lnTo>
                <a:lnTo>
                  <a:pt x="7622893" y="0"/>
                </a:lnTo>
                <a:cubicBezTo>
                  <a:pt x="7680212" y="0"/>
                  <a:pt x="7726679" y="46467"/>
                  <a:pt x="7726679" y="103786"/>
                </a:cubicBezTo>
                <a:lnTo>
                  <a:pt x="7726679" y="6755802"/>
                </a:lnTo>
                <a:cubicBezTo>
                  <a:pt x="7726679" y="6813121"/>
                  <a:pt x="7680212" y="6859588"/>
                  <a:pt x="7622893" y="6859588"/>
                </a:cubicBezTo>
                <a:lnTo>
                  <a:pt x="5916013" y="6859588"/>
                </a:lnTo>
                <a:lnTo>
                  <a:pt x="5755991" y="6859588"/>
                </a:lnTo>
                <a:lnTo>
                  <a:pt x="4049111" y="6859588"/>
                </a:lnTo>
                <a:lnTo>
                  <a:pt x="3573782" y="6859588"/>
                </a:lnTo>
                <a:lnTo>
                  <a:pt x="1866902" y="6859588"/>
                </a:lnTo>
                <a:lnTo>
                  <a:pt x="1706880" y="6859588"/>
                </a:lnTo>
                <a:lnTo>
                  <a:pt x="0" y="6859588"/>
                </a:lnTo>
                <a:close/>
              </a:path>
            </a:pathLst>
          </a:custGeom>
          <a:solidFill>
            <a:schemeClr val="accent6"/>
          </a:solidFill>
        </p:spPr>
        <p:txBody>
          <a:bodyPr vert="horz" wrap="square" lIns="0" tIns="0" rIns="0" bIns="0" rtlCol="0" anchor="ctr">
            <a:noAutofit/>
          </a:bodyPr>
          <a:lstStyle>
            <a:lvl1pPr algn="ctr">
              <a:defRPr lang="en-GB"/>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3220502183"/>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lumn Content &amp; Images">
    <p:spTree>
      <p:nvGrpSpPr>
        <p:cNvPr id="1" name=""/>
        <p:cNvGrpSpPr/>
        <p:nvPr/>
      </p:nvGrpSpPr>
      <p:grpSpPr>
        <a:xfrm>
          <a:off x="0" y="0"/>
          <a:ext cx="0" cy="0"/>
          <a:chOff x="0" y="0"/>
          <a:chExt cx="0" cy="0"/>
        </a:xfrm>
      </p:grpSpPr>
      <p:sp>
        <p:nvSpPr>
          <p:cNvPr id="9" name="Content Placeholder 2">
            <a:extLst>
              <a:ext uri="{FF2B5EF4-FFF2-40B4-BE49-F238E27FC236}">
                <a16:creationId xmlns:a16="http://schemas.microsoft.com/office/drawing/2014/main" id="{35E308D1-94ED-4F29-AC14-729D32FEFB2C}"/>
              </a:ext>
            </a:extLst>
          </p:cNvPr>
          <p:cNvSpPr>
            <a:spLocks noGrp="1"/>
          </p:cNvSpPr>
          <p:nvPr>
            <p:ph idx="1"/>
          </p:nvPr>
        </p:nvSpPr>
        <p:spPr>
          <a:xfrm>
            <a:off x="556260" y="2932588"/>
            <a:ext cx="5469890" cy="3233262"/>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0" name="Title 1">
            <a:extLst>
              <a:ext uri="{FF2B5EF4-FFF2-40B4-BE49-F238E27FC236}">
                <a16:creationId xmlns:a16="http://schemas.microsoft.com/office/drawing/2014/main" id="{DC60DB5C-104E-41B6-9F75-A5EB225E0F47}"/>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1" name="Straight Connector 10">
            <a:extLst>
              <a:ext uri="{FF2B5EF4-FFF2-40B4-BE49-F238E27FC236}">
                <a16:creationId xmlns:a16="http://schemas.microsoft.com/office/drawing/2014/main" id="{CD39306D-816C-41C4-9A60-BECE11054179}"/>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6FECC3A0-CB55-41CA-8D40-6EA7D1FCE998}"/>
              </a:ext>
            </a:extLst>
          </p:cNvPr>
          <p:cNvSpPr>
            <a:spLocks noGrp="1"/>
          </p:cNvSpPr>
          <p:nvPr>
            <p:ph idx="10"/>
          </p:nvPr>
        </p:nvSpPr>
        <p:spPr>
          <a:xfrm>
            <a:off x="6176645" y="2932588"/>
            <a:ext cx="5469890" cy="3233262"/>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5" name="Picture Placeholder 11">
            <a:extLst>
              <a:ext uri="{FF2B5EF4-FFF2-40B4-BE49-F238E27FC236}">
                <a16:creationId xmlns:a16="http://schemas.microsoft.com/office/drawing/2014/main" id="{E311EB11-D5B6-4579-9C21-7C2C5A2927B6}"/>
              </a:ext>
            </a:extLst>
          </p:cNvPr>
          <p:cNvSpPr>
            <a:spLocks noGrp="1"/>
          </p:cNvSpPr>
          <p:nvPr>
            <p:ph type="pic" sz="quarter" idx="19"/>
          </p:nvPr>
        </p:nvSpPr>
        <p:spPr>
          <a:xfrm>
            <a:off x="556665" y="1637983"/>
            <a:ext cx="546567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
        <p:nvSpPr>
          <p:cNvPr id="18" name="Picture Placeholder 11">
            <a:extLst>
              <a:ext uri="{FF2B5EF4-FFF2-40B4-BE49-F238E27FC236}">
                <a16:creationId xmlns:a16="http://schemas.microsoft.com/office/drawing/2014/main" id="{B4F9C092-0F71-4B47-8777-813E2C380F9D}"/>
              </a:ext>
            </a:extLst>
          </p:cNvPr>
          <p:cNvSpPr>
            <a:spLocks noGrp="1"/>
          </p:cNvSpPr>
          <p:nvPr>
            <p:ph type="pic" sz="quarter" idx="20"/>
          </p:nvPr>
        </p:nvSpPr>
        <p:spPr>
          <a:xfrm>
            <a:off x="6176645" y="1637983"/>
            <a:ext cx="546567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15656889"/>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hree Column Content &amp; Images">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D5CD9C0A-D525-4BF0-8351-652AC1B2E41E}"/>
              </a:ext>
            </a:extLst>
          </p:cNvPr>
          <p:cNvSpPr>
            <a:spLocks noGrp="1"/>
          </p:cNvSpPr>
          <p:nvPr>
            <p:ph idx="1"/>
          </p:nvPr>
        </p:nvSpPr>
        <p:spPr>
          <a:xfrm>
            <a:off x="556260" y="2932588"/>
            <a:ext cx="3596640" cy="3237834"/>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3" name="Title 1">
            <a:extLst>
              <a:ext uri="{FF2B5EF4-FFF2-40B4-BE49-F238E27FC236}">
                <a16:creationId xmlns:a16="http://schemas.microsoft.com/office/drawing/2014/main" id="{B74185DA-8FA8-4B9F-98F3-0D1026336E74}"/>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7" name="Straight Connector 16">
            <a:extLst>
              <a:ext uri="{FF2B5EF4-FFF2-40B4-BE49-F238E27FC236}">
                <a16:creationId xmlns:a16="http://schemas.microsoft.com/office/drawing/2014/main" id="{D0B7279B-0090-4524-869E-0F719A9912C2}"/>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9" name="Content Placeholder 2">
            <a:extLst>
              <a:ext uri="{FF2B5EF4-FFF2-40B4-BE49-F238E27FC236}">
                <a16:creationId xmlns:a16="http://schemas.microsoft.com/office/drawing/2014/main" id="{6BB366C1-A048-4655-91E7-9F864C041907}"/>
              </a:ext>
            </a:extLst>
          </p:cNvPr>
          <p:cNvSpPr>
            <a:spLocks noGrp="1"/>
          </p:cNvSpPr>
          <p:nvPr>
            <p:ph idx="10"/>
          </p:nvPr>
        </p:nvSpPr>
        <p:spPr>
          <a:xfrm>
            <a:off x="4301173" y="2932588"/>
            <a:ext cx="3596640" cy="3237834"/>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20" name="Content Placeholder 2">
            <a:extLst>
              <a:ext uri="{FF2B5EF4-FFF2-40B4-BE49-F238E27FC236}">
                <a16:creationId xmlns:a16="http://schemas.microsoft.com/office/drawing/2014/main" id="{84391039-2C04-4E8C-9A3D-842DA10322C9}"/>
              </a:ext>
            </a:extLst>
          </p:cNvPr>
          <p:cNvSpPr>
            <a:spLocks noGrp="1"/>
          </p:cNvSpPr>
          <p:nvPr>
            <p:ph idx="11"/>
          </p:nvPr>
        </p:nvSpPr>
        <p:spPr>
          <a:xfrm>
            <a:off x="8042275" y="2932588"/>
            <a:ext cx="3596640" cy="3237834"/>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23" name="Picture Placeholder 11">
            <a:extLst>
              <a:ext uri="{FF2B5EF4-FFF2-40B4-BE49-F238E27FC236}">
                <a16:creationId xmlns:a16="http://schemas.microsoft.com/office/drawing/2014/main" id="{911939B4-4AF2-4F55-A564-0A841C91D6C7}"/>
              </a:ext>
            </a:extLst>
          </p:cNvPr>
          <p:cNvSpPr>
            <a:spLocks noGrp="1"/>
          </p:cNvSpPr>
          <p:nvPr>
            <p:ph type="pic" sz="quarter" idx="19"/>
          </p:nvPr>
        </p:nvSpPr>
        <p:spPr>
          <a:xfrm>
            <a:off x="556665" y="1637983"/>
            <a:ext cx="359623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
        <p:nvSpPr>
          <p:cNvPr id="25" name="Picture Placeholder 11">
            <a:extLst>
              <a:ext uri="{FF2B5EF4-FFF2-40B4-BE49-F238E27FC236}">
                <a16:creationId xmlns:a16="http://schemas.microsoft.com/office/drawing/2014/main" id="{A4AFF185-8756-4395-ACE0-C1B1F5CFB72C}"/>
              </a:ext>
            </a:extLst>
          </p:cNvPr>
          <p:cNvSpPr>
            <a:spLocks noGrp="1"/>
          </p:cNvSpPr>
          <p:nvPr>
            <p:ph type="pic" sz="quarter" idx="20"/>
          </p:nvPr>
        </p:nvSpPr>
        <p:spPr>
          <a:xfrm>
            <a:off x="4301578" y="1637983"/>
            <a:ext cx="359623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
        <p:nvSpPr>
          <p:cNvPr id="26" name="Picture Placeholder 11">
            <a:extLst>
              <a:ext uri="{FF2B5EF4-FFF2-40B4-BE49-F238E27FC236}">
                <a16:creationId xmlns:a16="http://schemas.microsoft.com/office/drawing/2014/main" id="{FB7B692E-E0E6-4F03-9AAC-1A08C22D6E59}"/>
              </a:ext>
            </a:extLst>
          </p:cNvPr>
          <p:cNvSpPr>
            <a:spLocks noGrp="1"/>
          </p:cNvSpPr>
          <p:nvPr>
            <p:ph type="pic" sz="quarter" idx="21"/>
          </p:nvPr>
        </p:nvSpPr>
        <p:spPr>
          <a:xfrm>
            <a:off x="8046490" y="1637983"/>
            <a:ext cx="359623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340892079"/>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Numbered Sections">
    <p:spTree>
      <p:nvGrpSpPr>
        <p:cNvPr id="1" name=""/>
        <p:cNvGrpSpPr/>
        <p:nvPr/>
      </p:nvGrpSpPr>
      <p:grpSpPr>
        <a:xfrm>
          <a:off x="0" y="0"/>
          <a:ext cx="0" cy="0"/>
          <a:chOff x="0" y="0"/>
          <a:chExt cx="0" cy="0"/>
        </a:xfrm>
      </p:grpSpPr>
      <p:sp>
        <p:nvSpPr>
          <p:cNvPr id="12" name="Title 1">
            <a:extLst>
              <a:ext uri="{FF2B5EF4-FFF2-40B4-BE49-F238E27FC236}">
                <a16:creationId xmlns:a16="http://schemas.microsoft.com/office/drawing/2014/main" id="{9FE25EAE-49CD-43AF-B523-33F70FB66F07}"/>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4" name="Straight Connector 13">
            <a:extLst>
              <a:ext uri="{FF2B5EF4-FFF2-40B4-BE49-F238E27FC236}">
                <a16:creationId xmlns:a16="http://schemas.microsoft.com/office/drawing/2014/main" id="{3A0C47E3-069D-4F6B-A05D-AA1886AD5F90}"/>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 name="Rectangle: Rounded Corners 1">
            <a:extLst>
              <a:ext uri="{FF2B5EF4-FFF2-40B4-BE49-F238E27FC236}">
                <a16:creationId xmlns:a16="http://schemas.microsoft.com/office/drawing/2014/main" id="{A69B94C1-BEBC-44F2-9D97-8B084733121D}"/>
              </a:ext>
            </a:extLst>
          </p:cNvPr>
          <p:cNvSpPr/>
          <p:nvPr userDrawn="1"/>
        </p:nvSpPr>
        <p:spPr>
          <a:xfrm>
            <a:off x="554354" y="1630363"/>
            <a:ext cx="5471796" cy="4535487"/>
          </a:xfrm>
          <a:prstGeom prst="roundRect">
            <a:avLst>
              <a:gd name="adj" fmla="val 226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15" name="Rectangle: Rounded Corners 14">
            <a:extLst>
              <a:ext uri="{FF2B5EF4-FFF2-40B4-BE49-F238E27FC236}">
                <a16:creationId xmlns:a16="http://schemas.microsoft.com/office/drawing/2014/main" id="{5EA4DBA5-018A-47D8-95A5-CD040BA653DF}"/>
              </a:ext>
            </a:extLst>
          </p:cNvPr>
          <p:cNvSpPr/>
          <p:nvPr userDrawn="1"/>
        </p:nvSpPr>
        <p:spPr>
          <a:xfrm>
            <a:off x="6170929" y="1630363"/>
            <a:ext cx="5471796" cy="4535487"/>
          </a:xfrm>
          <a:prstGeom prst="roundRect">
            <a:avLst>
              <a:gd name="adj" fmla="val 226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20" name="Freeform: Shape 19">
            <a:extLst>
              <a:ext uri="{FF2B5EF4-FFF2-40B4-BE49-F238E27FC236}">
                <a16:creationId xmlns:a16="http://schemas.microsoft.com/office/drawing/2014/main" id="{029DF54E-04B4-4B75-A16B-49F8222E6F96}"/>
              </a:ext>
            </a:extLst>
          </p:cNvPr>
          <p:cNvSpPr/>
          <p:nvPr userDrawn="1"/>
        </p:nvSpPr>
        <p:spPr>
          <a:xfrm>
            <a:off x="554355" y="1630363"/>
            <a:ext cx="686277" cy="4535487"/>
          </a:xfrm>
          <a:custGeom>
            <a:avLst/>
            <a:gdLst>
              <a:gd name="connsiteX0" fmla="*/ 102774 w 686277"/>
              <a:gd name="connsiteY0" fmla="*/ 0 h 4535487"/>
              <a:gd name="connsiteX1" fmla="*/ 686277 w 686277"/>
              <a:gd name="connsiteY1" fmla="*/ 0 h 4535487"/>
              <a:gd name="connsiteX2" fmla="*/ 686277 w 686277"/>
              <a:gd name="connsiteY2" fmla="*/ 4535487 h 4535487"/>
              <a:gd name="connsiteX3" fmla="*/ 102774 w 686277"/>
              <a:gd name="connsiteY3" fmla="*/ 4535487 h 4535487"/>
              <a:gd name="connsiteX4" fmla="*/ 0 w 686277"/>
              <a:gd name="connsiteY4" fmla="*/ 4432713 h 4535487"/>
              <a:gd name="connsiteX5" fmla="*/ 0 w 686277"/>
              <a:gd name="connsiteY5" fmla="*/ 102774 h 4535487"/>
              <a:gd name="connsiteX6" fmla="*/ 102774 w 686277"/>
              <a:gd name="connsiteY6" fmla="*/ 0 h 4535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6277" h="4535487">
                <a:moveTo>
                  <a:pt x="102774" y="0"/>
                </a:moveTo>
                <a:lnTo>
                  <a:pt x="686277" y="0"/>
                </a:lnTo>
                <a:lnTo>
                  <a:pt x="686277" y="4535487"/>
                </a:lnTo>
                <a:lnTo>
                  <a:pt x="102774" y="4535487"/>
                </a:lnTo>
                <a:cubicBezTo>
                  <a:pt x="46013" y="4535487"/>
                  <a:pt x="0" y="4489474"/>
                  <a:pt x="0" y="4432713"/>
                </a:cubicBezTo>
                <a:lnTo>
                  <a:pt x="0" y="102774"/>
                </a:lnTo>
                <a:cubicBezTo>
                  <a:pt x="0" y="46013"/>
                  <a:pt x="46013" y="0"/>
                  <a:pt x="102774"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21" name="Freeform: Shape 20">
            <a:extLst>
              <a:ext uri="{FF2B5EF4-FFF2-40B4-BE49-F238E27FC236}">
                <a16:creationId xmlns:a16="http://schemas.microsoft.com/office/drawing/2014/main" id="{7586AA46-EF95-470A-9AD8-1A758847D594}"/>
              </a:ext>
            </a:extLst>
          </p:cNvPr>
          <p:cNvSpPr/>
          <p:nvPr userDrawn="1"/>
        </p:nvSpPr>
        <p:spPr>
          <a:xfrm>
            <a:off x="6169026" y="1630363"/>
            <a:ext cx="686277" cy="4535487"/>
          </a:xfrm>
          <a:custGeom>
            <a:avLst/>
            <a:gdLst>
              <a:gd name="connsiteX0" fmla="*/ 102774 w 686277"/>
              <a:gd name="connsiteY0" fmla="*/ 0 h 4535487"/>
              <a:gd name="connsiteX1" fmla="*/ 686277 w 686277"/>
              <a:gd name="connsiteY1" fmla="*/ 0 h 4535487"/>
              <a:gd name="connsiteX2" fmla="*/ 686277 w 686277"/>
              <a:gd name="connsiteY2" fmla="*/ 4535487 h 4535487"/>
              <a:gd name="connsiteX3" fmla="*/ 102774 w 686277"/>
              <a:gd name="connsiteY3" fmla="*/ 4535487 h 4535487"/>
              <a:gd name="connsiteX4" fmla="*/ 0 w 686277"/>
              <a:gd name="connsiteY4" fmla="*/ 4432713 h 4535487"/>
              <a:gd name="connsiteX5" fmla="*/ 0 w 686277"/>
              <a:gd name="connsiteY5" fmla="*/ 102774 h 4535487"/>
              <a:gd name="connsiteX6" fmla="*/ 102774 w 686277"/>
              <a:gd name="connsiteY6" fmla="*/ 0 h 4535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6277" h="4535487">
                <a:moveTo>
                  <a:pt x="102774" y="0"/>
                </a:moveTo>
                <a:lnTo>
                  <a:pt x="686277" y="0"/>
                </a:lnTo>
                <a:lnTo>
                  <a:pt x="686277" y="4535487"/>
                </a:lnTo>
                <a:lnTo>
                  <a:pt x="102774" y="4535487"/>
                </a:lnTo>
                <a:cubicBezTo>
                  <a:pt x="46013" y="4535487"/>
                  <a:pt x="0" y="4489474"/>
                  <a:pt x="0" y="4432713"/>
                </a:cubicBezTo>
                <a:lnTo>
                  <a:pt x="0" y="102774"/>
                </a:lnTo>
                <a:cubicBezTo>
                  <a:pt x="0" y="46013"/>
                  <a:pt x="46013" y="0"/>
                  <a:pt x="102774" y="0"/>
                </a:cubicBezTo>
                <a:close/>
              </a:path>
            </a:pathLst>
          </a:cu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5" name="Text Placeholder 4">
            <a:extLst>
              <a:ext uri="{FF2B5EF4-FFF2-40B4-BE49-F238E27FC236}">
                <a16:creationId xmlns:a16="http://schemas.microsoft.com/office/drawing/2014/main" id="{63A92CFA-A51F-40AF-8004-E0B6498B349D}"/>
              </a:ext>
            </a:extLst>
          </p:cNvPr>
          <p:cNvSpPr>
            <a:spLocks noGrp="1"/>
          </p:cNvSpPr>
          <p:nvPr>
            <p:ph type="body" sz="quarter" idx="10"/>
          </p:nvPr>
        </p:nvSpPr>
        <p:spPr>
          <a:xfrm>
            <a:off x="1489075" y="1801019"/>
            <a:ext cx="4381500" cy="4194175"/>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2" name="Text Placeholder 4">
            <a:extLst>
              <a:ext uri="{FF2B5EF4-FFF2-40B4-BE49-F238E27FC236}">
                <a16:creationId xmlns:a16="http://schemas.microsoft.com/office/drawing/2014/main" id="{17BD4E6D-47E4-405C-97AE-C8D998952D68}"/>
              </a:ext>
            </a:extLst>
          </p:cNvPr>
          <p:cNvSpPr>
            <a:spLocks noGrp="1"/>
          </p:cNvSpPr>
          <p:nvPr>
            <p:ph type="body" sz="quarter" idx="11"/>
          </p:nvPr>
        </p:nvSpPr>
        <p:spPr>
          <a:xfrm>
            <a:off x="7105650" y="1801019"/>
            <a:ext cx="4381500" cy="4194175"/>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3" name="Text Placeholder 22">
            <a:extLst>
              <a:ext uri="{FF2B5EF4-FFF2-40B4-BE49-F238E27FC236}">
                <a16:creationId xmlns:a16="http://schemas.microsoft.com/office/drawing/2014/main" id="{77591F9E-4298-40C9-8AD9-779AD0431654}"/>
              </a:ext>
            </a:extLst>
          </p:cNvPr>
          <p:cNvSpPr>
            <a:spLocks noGrp="1"/>
          </p:cNvSpPr>
          <p:nvPr>
            <p:ph type="body" sz="quarter" idx="12" hasCustomPrompt="1"/>
          </p:nvPr>
        </p:nvSpPr>
        <p:spPr>
          <a:xfrm>
            <a:off x="605126" y="1800400"/>
            <a:ext cx="584734" cy="346075"/>
          </a:xfrm>
        </p:spPr>
        <p:txBody>
          <a:bodyPr anchor="ctr"/>
          <a:lstStyle>
            <a:lvl1pPr algn="ctr">
              <a:defRPr sz="2400" b="0">
                <a:solidFill>
                  <a:schemeClr val="bg1"/>
                </a:solidFill>
              </a:defRPr>
            </a:lvl1pPr>
          </a:lstStyle>
          <a:p>
            <a:pPr lvl="0"/>
            <a:r>
              <a:rPr lang="da-DK" dirty="0"/>
              <a:t>##</a:t>
            </a:r>
          </a:p>
        </p:txBody>
      </p:sp>
      <p:sp>
        <p:nvSpPr>
          <p:cNvPr id="25" name="Text Placeholder 22">
            <a:extLst>
              <a:ext uri="{FF2B5EF4-FFF2-40B4-BE49-F238E27FC236}">
                <a16:creationId xmlns:a16="http://schemas.microsoft.com/office/drawing/2014/main" id="{BEF44BC6-54E1-4D4B-B8B6-4641B9519BFD}"/>
              </a:ext>
            </a:extLst>
          </p:cNvPr>
          <p:cNvSpPr>
            <a:spLocks noGrp="1"/>
          </p:cNvSpPr>
          <p:nvPr>
            <p:ph type="body" sz="quarter" idx="13" hasCustomPrompt="1"/>
          </p:nvPr>
        </p:nvSpPr>
        <p:spPr>
          <a:xfrm>
            <a:off x="6219797" y="1800400"/>
            <a:ext cx="584734" cy="346075"/>
          </a:xfrm>
        </p:spPr>
        <p:txBody>
          <a:bodyPr anchor="ctr"/>
          <a:lstStyle>
            <a:lvl1pPr algn="ctr">
              <a:defRPr sz="2400" b="0">
                <a:solidFill>
                  <a:schemeClr val="bg1"/>
                </a:solidFill>
              </a:defRPr>
            </a:lvl1pPr>
          </a:lstStyle>
          <a:p>
            <a:pPr lvl="0"/>
            <a:r>
              <a:rPr lang="da-DK" dirty="0"/>
              <a:t>##</a:t>
            </a:r>
          </a:p>
        </p:txBody>
      </p:sp>
    </p:spTree>
    <p:extLst>
      <p:ext uri="{BB962C8B-B14F-4D97-AF65-F5344CB8AC3E}">
        <p14:creationId xmlns:p14="http://schemas.microsoft.com/office/powerpoint/2010/main" val="2137770742"/>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our Numbered Sections">
    <p:spTree>
      <p:nvGrpSpPr>
        <p:cNvPr id="1" name=""/>
        <p:cNvGrpSpPr/>
        <p:nvPr/>
      </p:nvGrpSpPr>
      <p:grpSpPr>
        <a:xfrm>
          <a:off x="0" y="0"/>
          <a:ext cx="0" cy="0"/>
          <a:chOff x="0" y="0"/>
          <a:chExt cx="0" cy="0"/>
        </a:xfrm>
      </p:grpSpPr>
      <p:sp>
        <p:nvSpPr>
          <p:cNvPr id="15" name="Rectangle: Rounded Corners 14">
            <a:extLst>
              <a:ext uri="{FF2B5EF4-FFF2-40B4-BE49-F238E27FC236}">
                <a16:creationId xmlns:a16="http://schemas.microsoft.com/office/drawing/2014/main" id="{538BF4A2-4249-4C70-A387-186456123E44}"/>
              </a:ext>
            </a:extLst>
          </p:cNvPr>
          <p:cNvSpPr/>
          <p:nvPr userDrawn="1"/>
        </p:nvSpPr>
        <p:spPr>
          <a:xfrm>
            <a:off x="554354" y="1630363"/>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33" name="Freeform: Shape 32">
            <a:extLst>
              <a:ext uri="{FF2B5EF4-FFF2-40B4-BE49-F238E27FC236}">
                <a16:creationId xmlns:a16="http://schemas.microsoft.com/office/drawing/2014/main" id="{57B96F70-3901-4A1E-AFAE-C8668131347D}"/>
              </a:ext>
            </a:extLst>
          </p:cNvPr>
          <p:cNvSpPr/>
          <p:nvPr userDrawn="1"/>
        </p:nvSpPr>
        <p:spPr>
          <a:xfrm>
            <a:off x="554354" y="1630363"/>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16" name="Rectangle: Rounded Corners 15">
            <a:extLst>
              <a:ext uri="{FF2B5EF4-FFF2-40B4-BE49-F238E27FC236}">
                <a16:creationId xmlns:a16="http://schemas.microsoft.com/office/drawing/2014/main" id="{B65682A8-D697-4B58-9C54-433A51914A59}"/>
              </a:ext>
            </a:extLst>
          </p:cNvPr>
          <p:cNvSpPr/>
          <p:nvPr userDrawn="1"/>
        </p:nvSpPr>
        <p:spPr>
          <a:xfrm>
            <a:off x="6170929" y="1630363"/>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32" name="Freeform: Shape 31">
            <a:extLst>
              <a:ext uri="{FF2B5EF4-FFF2-40B4-BE49-F238E27FC236}">
                <a16:creationId xmlns:a16="http://schemas.microsoft.com/office/drawing/2014/main" id="{46795A92-CD9F-42D7-AE7F-2AAF9EE15A03}"/>
              </a:ext>
            </a:extLst>
          </p:cNvPr>
          <p:cNvSpPr/>
          <p:nvPr userDrawn="1"/>
        </p:nvSpPr>
        <p:spPr>
          <a:xfrm>
            <a:off x="6170929" y="1630363"/>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lvl="0" algn="ctr"/>
            <a:endParaRPr lang="da-DK" sz="1400" dirty="0"/>
          </a:p>
        </p:txBody>
      </p:sp>
      <p:sp>
        <p:nvSpPr>
          <p:cNvPr id="13" name="Title 1">
            <a:extLst>
              <a:ext uri="{FF2B5EF4-FFF2-40B4-BE49-F238E27FC236}">
                <a16:creationId xmlns:a16="http://schemas.microsoft.com/office/drawing/2014/main" id="{20AAB75F-98E0-412D-9915-AC88DB8D69E1}"/>
              </a:ext>
            </a:extLst>
          </p:cNvPr>
          <p:cNvSpPr>
            <a:spLocks noGrp="1"/>
          </p:cNvSpPr>
          <p:nvPr>
            <p:ph type="title"/>
          </p:nvPr>
        </p:nvSpPr>
        <p:spPr>
          <a:xfrm>
            <a:off x="554355" y="512763"/>
            <a:ext cx="1108800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4" name="Straight Connector 13">
            <a:extLst>
              <a:ext uri="{FF2B5EF4-FFF2-40B4-BE49-F238E27FC236}">
                <a16:creationId xmlns:a16="http://schemas.microsoft.com/office/drawing/2014/main" id="{2C832523-F430-4885-A9AE-3A3E1E8FCC3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7" name="Text Placeholder 4">
            <a:extLst>
              <a:ext uri="{FF2B5EF4-FFF2-40B4-BE49-F238E27FC236}">
                <a16:creationId xmlns:a16="http://schemas.microsoft.com/office/drawing/2014/main" id="{1CE12E21-7B47-422F-AE27-4A68936B4C0F}"/>
              </a:ext>
            </a:extLst>
          </p:cNvPr>
          <p:cNvSpPr>
            <a:spLocks noGrp="1"/>
          </p:cNvSpPr>
          <p:nvPr>
            <p:ph type="body" sz="quarter" idx="10"/>
          </p:nvPr>
        </p:nvSpPr>
        <p:spPr>
          <a:xfrm>
            <a:off x="1489075" y="1801020"/>
            <a:ext cx="4381500" cy="1831297"/>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8" name="Text Placeholder 4">
            <a:extLst>
              <a:ext uri="{FF2B5EF4-FFF2-40B4-BE49-F238E27FC236}">
                <a16:creationId xmlns:a16="http://schemas.microsoft.com/office/drawing/2014/main" id="{F224B68A-803C-4651-89F9-0C1D6DBF590C}"/>
              </a:ext>
            </a:extLst>
          </p:cNvPr>
          <p:cNvSpPr>
            <a:spLocks noGrp="1"/>
          </p:cNvSpPr>
          <p:nvPr>
            <p:ph type="body" sz="quarter" idx="11"/>
          </p:nvPr>
        </p:nvSpPr>
        <p:spPr>
          <a:xfrm>
            <a:off x="7105650" y="1801020"/>
            <a:ext cx="4381500" cy="1831297"/>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9" name="Text Placeholder 22">
            <a:extLst>
              <a:ext uri="{FF2B5EF4-FFF2-40B4-BE49-F238E27FC236}">
                <a16:creationId xmlns:a16="http://schemas.microsoft.com/office/drawing/2014/main" id="{6949C67E-7D60-434D-B416-D1AEBAD7CE48}"/>
              </a:ext>
            </a:extLst>
          </p:cNvPr>
          <p:cNvSpPr>
            <a:spLocks noGrp="1"/>
          </p:cNvSpPr>
          <p:nvPr>
            <p:ph type="body" sz="quarter" idx="12" hasCustomPrompt="1"/>
          </p:nvPr>
        </p:nvSpPr>
        <p:spPr>
          <a:xfrm>
            <a:off x="605126" y="1800400"/>
            <a:ext cx="584734" cy="346075"/>
          </a:xfrm>
        </p:spPr>
        <p:txBody>
          <a:bodyPr anchor="ctr"/>
          <a:lstStyle>
            <a:lvl1pPr algn="ctr">
              <a:defRPr sz="2400" b="0">
                <a:solidFill>
                  <a:schemeClr val="bg1"/>
                </a:solidFill>
              </a:defRPr>
            </a:lvl1pPr>
          </a:lstStyle>
          <a:p>
            <a:pPr lvl="0"/>
            <a:r>
              <a:rPr lang="da-DK" dirty="0"/>
              <a:t>##</a:t>
            </a:r>
          </a:p>
        </p:txBody>
      </p:sp>
      <p:sp>
        <p:nvSpPr>
          <p:cNvPr id="30" name="Text Placeholder 22">
            <a:extLst>
              <a:ext uri="{FF2B5EF4-FFF2-40B4-BE49-F238E27FC236}">
                <a16:creationId xmlns:a16="http://schemas.microsoft.com/office/drawing/2014/main" id="{44EACF4A-ABD3-476D-A291-F24243781CE5}"/>
              </a:ext>
            </a:extLst>
          </p:cNvPr>
          <p:cNvSpPr>
            <a:spLocks noGrp="1"/>
          </p:cNvSpPr>
          <p:nvPr>
            <p:ph type="body" sz="quarter" idx="13" hasCustomPrompt="1"/>
          </p:nvPr>
        </p:nvSpPr>
        <p:spPr>
          <a:xfrm>
            <a:off x="6219797" y="1800400"/>
            <a:ext cx="584734" cy="346075"/>
          </a:xfrm>
        </p:spPr>
        <p:txBody>
          <a:bodyPr anchor="ctr"/>
          <a:lstStyle>
            <a:lvl1pPr algn="ctr">
              <a:defRPr sz="2400" b="0">
                <a:solidFill>
                  <a:schemeClr val="bg1"/>
                </a:solidFill>
              </a:defRPr>
            </a:lvl1pPr>
          </a:lstStyle>
          <a:p>
            <a:pPr lvl="0"/>
            <a:r>
              <a:rPr lang="da-DK" dirty="0"/>
              <a:t>##</a:t>
            </a:r>
          </a:p>
        </p:txBody>
      </p:sp>
      <p:sp>
        <p:nvSpPr>
          <p:cNvPr id="34" name="Rectangle: Rounded Corners 33">
            <a:extLst>
              <a:ext uri="{FF2B5EF4-FFF2-40B4-BE49-F238E27FC236}">
                <a16:creationId xmlns:a16="http://schemas.microsoft.com/office/drawing/2014/main" id="{11AA2E1C-4A85-4BCF-B07C-43C6BAFD7B58}"/>
              </a:ext>
            </a:extLst>
          </p:cNvPr>
          <p:cNvSpPr/>
          <p:nvPr userDrawn="1"/>
        </p:nvSpPr>
        <p:spPr>
          <a:xfrm>
            <a:off x="554354" y="3970335"/>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35" name="Freeform: Shape 34">
            <a:extLst>
              <a:ext uri="{FF2B5EF4-FFF2-40B4-BE49-F238E27FC236}">
                <a16:creationId xmlns:a16="http://schemas.microsoft.com/office/drawing/2014/main" id="{4348496C-CF0A-483F-9E69-94F9A8766023}"/>
              </a:ext>
            </a:extLst>
          </p:cNvPr>
          <p:cNvSpPr/>
          <p:nvPr userDrawn="1"/>
        </p:nvSpPr>
        <p:spPr>
          <a:xfrm>
            <a:off x="554354" y="3970335"/>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36" name="Rectangle: Rounded Corners 35">
            <a:extLst>
              <a:ext uri="{FF2B5EF4-FFF2-40B4-BE49-F238E27FC236}">
                <a16:creationId xmlns:a16="http://schemas.microsoft.com/office/drawing/2014/main" id="{E1F3B116-57B2-469E-AB45-668DFDA5C9D6}"/>
              </a:ext>
            </a:extLst>
          </p:cNvPr>
          <p:cNvSpPr/>
          <p:nvPr userDrawn="1"/>
        </p:nvSpPr>
        <p:spPr>
          <a:xfrm>
            <a:off x="6170929" y="3970335"/>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37" name="Freeform: Shape 36">
            <a:extLst>
              <a:ext uri="{FF2B5EF4-FFF2-40B4-BE49-F238E27FC236}">
                <a16:creationId xmlns:a16="http://schemas.microsoft.com/office/drawing/2014/main" id="{1DA8E883-F428-49FC-BE6E-07352EE24210}"/>
              </a:ext>
            </a:extLst>
          </p:cNvPr>
          <p:cNvSpPr/>
          <p:nvPr userDrawn="1"/>
        </p:nvSpPr>
        <p:spPr>
          <a:xfrm>
            <a:off x="6170929" y="3970335"/>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38" name="Text Placeholder 4">
            <a:extLst>
              <a:ext uri="{FF2B5EF4-FFF2-40B4-BE49-F238E27FC236}">
                <a16:creationId xmlns:a16="http://schemas.microsoft.com/office/drawing/2014/main" id="{FDABCE45-7D49-4FD4-9C5D-6BDEA65EEF67}"/>
              </a:ext>
            </a:extLst>
          </p:cNvPr>
          <p:cNvSpPr>
            <a:spLocks noGrp="1"/>
          </p:cNvSpPr>
          <p:nvPr>
            <p:ph type="body" sz="quarter" idx="14"/>
          </p:nvPr>
        </p:nvSpPr>
        <p:spPr>
          <a:xfrm>
            <a:off x="1489075" y="4140992"/>
            <a:ext cx="4381500" cy="1831297"/>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9" name="Text Placeholder 4">
            <a:extLst>
              <a:ext uri="{FF2B5EF4-FFF2-40B4-BE49-F238E27FC236}">
                <a16:creationId xmlns:a16="http://schemas.microsoft.com/office/drawing/2014/main" id="{81DE17ED-8055-4BA9-BF5F-7F43C588ED6E}"/>
              </a:ext>
            </a:extLst>
          </p:cNvPr>
          <p:cNvSpPr>
            <a:spLocks noGrp="1"/>
          </p:cNvSpPr>
          <p:nvPr>
            <p:ph type="body" sz="quarter" idx="15"/>
          </p:nvPr>
        </p:nvSpPr>
        <p:spPr>
          <a:xfrm>
            <a:off x="7105650" y="4140992"/>
            <a:ext cx="4381500" cy="1831297"/>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40" name="Text Placeholder 22">
            <a:extLst>
              <a:ext uri="{FF2B5EF4-FFF2-40B4-BE49-F238E27FC236}">
                <a16:creationId xmlns:a16="http://schemas.microsoft.com/office/drawing/2014/main" id="{02C7C153-DA40-4613-8167-F11EF5E36B3B}"/>
              </a:ext>
            </a:extLst>
          </p:cNvPr>
          <p:cNvSpPr>
            <a:spLocks noGrp="1"/>
          </p:cNvSpPr>
          <p:nvPr>
            <p:ph type="body" sz="quarter" idx="16" hasCustomPrompt="1"/>
          </p:nvPr>
        </p:nvSpPr>
        <p:spPr>
          <a:xfrm>
            <a:off x="605126" y="4140372"/>
            <a:ext cx="584734" cy="346075"/>
          </a:xfrm>
        </p:spPr>
        <p:txBody>
          <a:bodyPr anchor="ctr"/>
          <a:lstStyle>
            <a:lvl1pPr algn="ctr">
              <a:defRPr sz="2400" b="0">
                <a:solidFill>
                  <a:schemeClr val="bg1"/>
                </a:solidFill>
              </a:defRPr>
            </a:lvl1pPr>
          </a:lstStyle>
          <a:p>
            <a:pPr lvl="0"/>
            <a:r>
              <a:rPr lang="da-DK" dirty="0"/>
              <a:t>##</a:t>
            </a:r>
          </a:p>
        </p:txBody>
      </p:sp>
      <p:sp>
        <p:nvSpPr>
          <p:cNvPr id="41" name="Text Placeholder 22">
            <a:extLst>
              <a:ext uri="{FF2B5EF4-FFF2-40B4-BE49-F238E27FC236}">
                <a16:creationId xmlns:a16="http://schemas.microsoft.com/office/drawing/2014/main" id="{6BBE5E78-188C-4A10-B21B-C772A22F133C}"/>
              </a:ext>
            </a:extLst>
          </p:cNvPr>
          <p:cNvSpPr>
            <a:spLocks noGrp="1"/>
          </p:cNvSpPr>
          <p:nvPr>
            <p:ph type="body" sz="quarter" idx="17" hasCustomPrompt="1"/>
          </p:nvPr>
        </p:nvSpPr>
        <p:spPr>
          <a:xfrm>
            <a:off x="6219797" y="4140372"/>
            <a:ext cx="584734" cy="346075"/>
          </a:xfrm>
        </p:spPr>
        <p:txBody>
          <a:bodyPr anchor="ctr"/>
          <a:lstStyle>
            <a:lvl1pPr algn="ctr">
              <a:defRPr sz="2400" b="0">
                <a:solidFill>
                  <a:schemeClr val="bg1"/>
                </a:solidFill>
              </a:defRPr>
            </a:lvl1pPr>
          </a:lstStyle>
          <a:p>
            <a:pPr lvl="0"/>
            <a:r>
              <a:rPr lang="da-DK" dirty="0"/>
              <a:t>##</a:t>
            </a:r>
          </a:p>
        </p:txBody>
      </p:sp>
    </p:spTree>
    <p:extLst>
      <p:ext uri="{BB962C8B-B14F-4D97-AF65-F5344CB8AC3E}">
        <p14:creationId xmlns:p14="http://schemas.microsoft.com/office/powerpoint/2010/main" val="3639119824"/>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Full image">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06FDCFA3-9581-4F5B-985C-33BCD71CC195}"/>
              </a:ext>
            </a:extLst>
          </p:cNvPr>
          <p:cNvSpPr>
            <a:spLocks noGrp="1"/>
          </p:cNvSpPr>
          <p:nvPr>
            <p:ph type="pic" sz="quarter" idx="22"/>
          </p:nvPr>
        </p:nvSpPr>
        <p:spPr>
          <a:xfrm>
            <a:off x="0" y="0"/>
            <a:ext cx="12195175" cy="6859588"/>
          </a:xfrm>
          <a:solidFill>
            <a:schemeClr val="accent5"/>
          </a:solidFill>
        </p:spPr>
        <p:txBody>
          <a:bodyPr lIns="40918" tIns="40918" rIns="40918" bIns="40918" anchor="ctr">
            <a:normAutofit/>
          </a:bodyPr>
          <a:lstStyle>
            <a:lvl1pPr algn="ctr">
              <a:lnSpc>
                <a:spcPct val="100000"/>
              </a:lnSpc>
              <a:spcAft>
                <a:spcPts val="0"/>
              </a:spcAft>
              <a:defRPr sz="1800">
                <a:solidFill>
                  <a:schemeClr val="bg1"/>
                </a:solidFill>
              </a:defRPr>
            </a:lvl1pPr>
          </a:lstStyle>
          <a:p>
            <a:endParaRPr lang="da-DK"/>
          </a:p>
        </p:txBody>
      </p:sp>
    </p:spTree>
    <p:extLst>
      <p:ext uri="{BB962C8B-B14F-4D97-AF65-F5344CB8AC3E}">
        <p14:creationId xmlns:p14="http://schemas.microsoft.com/office/powerpoint/2010/main" val="1338748150"/>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Left Image &amp; Quote">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ADC8A702-05C1-466F-9696-79C1B367F9AA}"/>
              </a:ext>
            </a:extLst>
          </p:cNvPr>
          <p:cNvSpPr>
            <a:spLocks noGrp="1"/>
          </p:cNvSpPr>
          <p:nvPr>
            <p:ph type="body" sz="quarter" idx="22"/>
          </p:nvPr>
        </p:nvSpPr>
        <p:spPr>
          <a:xfrm>
            <a:off x="6777427" y="1535113"/>
            <a:ext cx="4672012" cy="3155950"/>
          </a:xfrm>
        </p:spPr>
        <p:txBody>
          <a:bodyPr anchor="ct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endParaRPr lang="da-DK" dirty="0"/>
          </a:p>
          <a:p>
            <a:pPr lvl="1"/>
            <a:r>
              <a:rPr lang="da-DK" noProof="0" dirty="0"/>
              <a:t>Second </a:t>
            </a:r>
            <a:r>
              <a:rPr lang="da-DK" noProof="0" dirty="0" err="1"/>
              <a:t>level</a:t>
            </a:r>
            <a:endParaRPr lang="da-DK" dirty="0"/>
          </a:p>
          <a:p>
            <a:pPr lvl="2"/>
            <a:r>
              <a:rPr lang="da-DK" noProof="0" dirty="0"/>
              <a:t>Third </a:t>
            </a:r>
            <a:r>
              <a:rPr lang="da-DK" noProof="0" dirty="0" err="1"/>
              <a:t>level</a:t>
            </a:r>
            <a:endParaRPr lang="da-DK" dirty="0"/>
          </a:p>
          <a:p>
            <a:pPr lvl="3"/>
            <a:r>
              <a:rPr lang="da-DK" noProof="0" dirty="0" err="1"/>
              <a:t>Fourth</a:t>
            </a:r>
            <a:r>
              <a:rPr lang="da-DK" noProof="0" dirty="0"/>
              <a:t> </a:t>
            </a:r>
            <a:r>
              <a:rPr lang="da-DK" noProof="0" dirty="0" err="1"/>
              <a:t>level</a:t>
            </a:r>
            <a:endParaRPr lang="da-DK" dirty="0"/>
          </a:p>
          <a:p>
            <a:pPr lvl="4"/>
            <a:r>
              <a:rPr lang="da-DK" noProof="0" dirty="0"/>
              <a:t>Fifth </a:t>
            </a:r>
            <a:r>
              <a:rPr lang="da-DK" noProof="0" dirty="0" err="1"/>
              <a:t>level</a:t>
            </a:r>
            <a:endParaRPr lang="da-DK" dirty="0"/>
          </a:p>
        </p:txBody>
      </p:sp>
      <p:sp>
        <p:nvSpPr>
          <p:cNvPr id="9" name="Text Placeholder 2">
            <a:extLst>
              <a:ext uri="{FF2B5EF4-FFF2-40B4-BE49-F238E27FC236}">
                <a16:creationId xmlns:a16="http://schemas.microsoft.com/office/drawing/2014/main" id="{0B5F9FB9-8CC1-4CE8-A91F-FCE2CD2C692F}"/>
              </a:ext>
            </a:extLst>
          </p:cNvPr>
          <p:cNvSpPr>
            <a:spLocks noGrp="1"/>
          </p:cNvSpPr>
          <p:nvPr>
            <p:ph type="body" sz="quarter" idx="23"/>
          </p:nvPr>
        </p:nvSpPr>
        <p:spPr>
          <a:xfrm>
            <a:off x="6777427" y="4729606"/>
            <a:ext cx="4672012" cy="614657"/>
          </a:xfrm>
        </p:spPr>
        <p:txBody>
          <a:bodyPr anchor="ctr"/>
          <a:lstStyle>
            <a:lvl1pPr>
              <a:defRPr lang="en-GB" sz="1400" b="0" kern="1200" cap="none" baseline="0" noProof="0" dirty="0">
                <a:solidFill>
                  <a:schemeClr val="accent4"/>
                </a:solidFill>
                <a:latin typeface="+mn-lt"/>
                <a:ea typeface="+mn-ea"/>
                <a:cs typeface="+mn-cs"/>
              </a:defRPr>
            </a:lvl1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endParaRPr lang="da-DK" dirty="0"/>
          </a:p>
        </p:txBody>
      </p:sp>
      <p:sp>
        <p:nvSpPr>
          <p:cNvPr id="6" name="Picture Placeholder 11">
            <a:extLst>
              <a:ext uri="{FF2B5EF4-FFF2-40B4-BE49-F238E27FC236}">
                <a16:creationId xmlns:a16="http://schemas.microsoft.com/office/drawing/2014/main" id="{7EB83C3C-2A77-4E10-94AE-237369138EB8}"/>
              </a:ext>
            </a:extLst>
          </p:cNvPr>
          <p:cNvSpPr>
            <a:spLocks noGrp="1"/>
          </p:cNvSpPr>
          <p:nvPr>
            <p:ph type="pic" sz="quarter" idx="19"/>
          </p:nvPr>
        </p:nvSpPr>
        <p:spPr>
          <a:xfrm>
            <a:off x="556261" y="697954"/>
            <a:ext cx="5469889" cy="5472110"/>
          </a:xfrm>
          <a:prstGeom prst="roundRect">
            <a:avLst>
              <a:gd name="adj" fmla="val 1534"/>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528408593"/>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ight Image &amp; Quote">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7FBDA5FB-4C71-443D-8793-BDC2C3033730}"/>
              </a:ext>
            </a:extLst>
          </p:cNvPr>
          <p:cNvSpPr>
            <a:spLocks noGrp="1"/>
          </p:cNvSpPr>
          <p:nvPr>
            <p:ph type="body" sz="quarter" idx="22"/>
          </p:nvPr>
        </p:nvSpPr>
        <p:spPr>
          <a:xfrm>
            <a:off x="737767" y="1535113"/>
            <a:ext cx="4672012" cy="3155950"/>
          </a:xfrm>
        </p:spPr>
        <p:txBody>
          <a:bodyPr anchor="ct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endParaRPr lang="da-DK" dirty="0"/>
          </a:p>
          <a:p>
            <a:pPr lvl="1"/>
            <a:r>
              <a:rPr lang="da-DK" noProof="0" dirty="0"/>
              <a:t>Second </a:t>
            </a:r>
            <a:r>
              <a:rPr lang="da-DK" noProof="0" dirty="0" err="1"/>
              <a:t>level</a:t>
            </a:r>
            <a:endParaRPr lang="da-DK" dirty="0"/>
          </a:p>
          <a:p>
            <a:pPr lvl="2"/>
            <a:r>
              <a:rPr lang="da-DK" noProof="0" dirty="0"/>
              <a:t>Third </a:t>
            </a:r>
            <a:r>
              <a:rPr lang="da-DK" noProof="0" dirty="0" err="1"/>
              <a:t>level</a:t>
            </a:r>
            <a:endParaRPr lang="da-DK" dirty="0"/>
          </a:p>
          <a:p>
            <a:pPr lvl="3"/>
            <a:r>
              <a:rPr lang="da-DK" noProof="0" dirty="0" err="1"/>
              <a:t>Fourth</a:t>
            </a:r>
            <a:r>
              <a:rPr lang="da-DK" noProof="0" dirty="0"/>
              <a:t> </a:t>
            </a:r>
            <a:r>
              <a:rPr lang="da-DK" noProof="0" dirty="0" err="1"/>
              <a:t>level</a:t>
            </a:r>
            <a:endParaRPr lang="da-DK" dirty="0"/>
          </a:p>
          <a:p>
            <a:pPr lvl="4"/>
            <a:r>
              <a:rPr lang="da-DK" noProof="0" dirty="0"/>
              <a:t>Fifth </a:t>
            </a:r>
            <a:r>
              <a:rPr lang="da-DK" noProof="0" dirty="0" err="1"/>
              <a:t>level</a:t>
            </a:r>
            <a:endParaRPr lang="da-DK" dirty="0"/>
          </a:p>
        </p:txBody>
      </p:sp>
      <p:sp>
        <p:nvSpPr>
          <p:cNvPr id="9" name="Text Placeholder 2">
            <a:extLst>
              <a:ext uri="{FF2B5EF4-FFF2-40B4-BE49-F238E27FC236}">
                <a16:creationId xmlns:a16="http://schemas.microsoft.com/office/drawing/2014/main" id="{1099938B-35CB-409A-85BE-CEC2A3A7C71D}"/>
              </a:ext>
            </a:extLst>
          </p:cNvPr>
          <p:cNvSpPr>
            <a:spLocks noGrp="1"/>
          </p:cNvSpPr>
          <p:nvPr>
            <p:ph type="body" sz="quarter" idx="23"/>
          </p:nvPr>
        </p:nvSpPr>
        <p:spPr>
          <a:xfrm>
            <a:off x="737767" y="4729606"/>
            <a:ext cx="4672012" cy="614657"/>
          </a:xfrm>
        </p:spPr>
        <p:txBody>
          <a:bodyPr anchor="ctr"/>
          <a:lstStyle>
            <a:lvl1pPr>
              <a:defRPr b="0">
                <a:solidFill>
                  <a:schemeClr val="accent4"/>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endParaRPr lang="da-DK" dirty="0"/>
          </a:p>
        </p:txBody>
      </p:sp>
      <p:sp>
        <p:nvSpPr>
          <p:cNvPr id="6" name="Picture Placeholder 11">
            <a:extLst>
              <a:ext uri="{FF2B5EF4-FFF2-40B4-BE49-F238E27FC236}">
                <a16:creationId xmlns:a16="http://schemas.microsoft.com/office/drawing/2014/main" id="{DB342D35-F6DC-44E1-9BEF-AEF703AA1DB4}"/>
              </a:ext>
            </a:extLst>
          </p:cNvPr>
          <p:cNvSpPr>
            <a:spLocks noGrp="1"/>
          </p:cNvSpPr>
          <p:nvPr>
            <p:ph type="pic" sz="quarter" idx="19"/>
          </p:nvPr>
        </p:nvSpPr>
        <p:spPr>
          <a:xfrm>
            <a:off x="6169025" y="697954"/>
            <a:ext cx="5469889" cy="5472110"/>
          </a:xfrm>
          <a:prstGeom prst="roundRect">
            <a:avLst>
              <a:gd name="adj" fmla="val 1534"/>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2328509836"/>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2B443EEA-87F0-4E5C-8B49-91D3CAD2130D}"/>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8" name="Straight Connector 7">
            <a:extLst>
              <a:ext uri="{FF2B5EF4-FFF2-40B4-BE49-F238E27FC236}">
                <a16:creationId xmlns:a16="http://schemas.microsoft.com/office/drawing/2014/main" id="{973CB7B5-6736-435E-8AC5-AD73BFCB85D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55794217"/>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B - Light">
    <p:spTree>
      <p:nvGrpSpPr>
        <p:cNvPr id="1" name=""/>
        <p:cNvGrpSpPr/>
        <p:nvPr/>
      </p:nvGrpSpPr>
      <p:grpSpPr>
        <a:xfrm>
          <a:off x="0" y="0"/>
          <a:ext cx="0" cy="0"/>
          <a:chOff x="0" y="0"/>
          <a:chExt cx="0" cy="0"/>
        </a:xfrm>
      </p:grpSpPr>
      <p:sp>
        <p:nvSpPr>
          <p:cNvPr id="31" name="Picture Placeholder 30">
            <a:extLst>
              <a:ext uri="{FF2B5EF4-FFF2-40B4-BE49-F238E27FC236}">
                <a16:creationId xmlns:a16="http://schemas.microsoft.com/office/drawing/2014/main" id="{3626A88A-71BE-4088-831C-26B525BD2479}"/>
              </a:ext>
            </a:extLst>
          </p:cNvPr>
          <p:cNvSpPr>
            <a:spLocks noGrp="1"/>
          </p:cNvSpPr>
          <p:nvPr>
            <p:ph type="pic" sz="quarter" idx="23"/>
          </p:nvPr>
        </p:nvSpPr>
        <p:spPr>
          <a:xfrm>
            <a:off x="9913937" y="2567305"/>
            <a:ext cx="1728788" cy="1720162"/>
          </a:xfrm>
          <a:custGeom>
            <a:avLst/>
            <a:gdLst>
              <a:gd name="connsiteX0" fmla="*/ 66880 w 1728788"/>
              <a:gd name="connsiteY0" fmla="*/ 0 h 1720162"/>
              <a:gd name="connsiteX1" fmla="*/ 1661908 w 1728788"/>
              <a:gd name="connsiteY1" fmla="*/ 0 h 1720162"/>
              <a:gd name="connsiteX2" fmla="*/ 1728788 w 1728788"/>
              <a:gd name="connsiteY2" fmla="*/ 66880 h 1720162"/>
              <a:gd name="connsiteX3" fmla="*/ 1728788 w 1728788"/>
              <a:gd name="connsiteY3" fmla="*/ 1653282 h 1720162"/>
              <a:gd name="connsiteX4" fmla="*/ 1661908 w 1728788"/>
              <a:gd name="connsiteY4" fmla="*/ 1720162 h 1720162"/>
              <a:gd name="connsiteX5" fmla="*/ 66880 w 1728788"/>
              <a:gd name="connsiteY5" fmla="*/ 1720162 h 1720162"/>
              <a:gd name="connsiteX6" fmla="*/ 0 w 1728788"/>
              <a:gd name="connsiteY6" fmla="*/ 1653282 h 1720162"/>
              <a:gd name="connsiteX7" fmla="*/ 0 w 1728788"/>
              <a:gd name="connsiteY7" fmla="*/ 66880 h 1720162"/>
              <a:gd name="connsiteX8" fmla="*/ 66880 w 1728788"/>
              <a:gd name="connsiteY8" fmla="*/ 0 h 17201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0162">
                <a:moveTo>
                  <a:pt x="66880" y="0"/>
                </a:moveTo>
                <a:lnTo>
                  <a:pt x="1661908" y="0"/>
                </a:lnTo>
                <a:cubicBezTo>
                  <a:pt x="1698845" y="0"/>
                  <a:pt x="1728788" y="29943"/>
                  <a:pt x="1728788" y="66880"/>
                </a:cubicBezTo>
                <a:lnTo>
                  <a:pt x="1728788" y="1653282"/>
                </a:lnTo>
                <a:cubicBezTo>
                  <a:pt x="1728788" y="1690219"/>
                  <a:pt x="1698845" y="1720162"/>
                  <a:pt x="1661908" y="1720162"/>
                </a:cubicBezTo>
                <a:lnTo>
                  <a:pt x="66880" y="1720162"/>
                </a:lnTo>
                <a:cubicBezTo>
                  <a:pt x="29943" y="1720162"/>
                  <a:pt x="0" y="1690219"/>
                  <a:pt x="0" y="1653282"/>
                </a:cubicBezTo>
                <a:lnTo>
                  <a:pt x="0" y="66880"/>
                </a:lnTo>
                <a:cubicBezTo>
                  <a:pt x="0" y="29943"/>
                  <a:pt x="29943" y="0"/>
                  <a:pt x="66880" y="0"/>
                </a:cubicBezTo>
                <a:close/>
              </a:path>
            </a:pathLst>
          </a:custGeom>
          <a:solidFill>
            <a:schemeClr val="accent6"/>
          </a:solidFill>
        </p:spPr>
        <p:txBody>
          <a:bodyPr wrap="square" anchor="ctr">
            <a:noAutofit/>
          </a:bodyPr>
          <a:lstStyle>
            <a:lvl1pPr algn="ctr">
              <a:defRPr/>
            </a:lvl1pPr>
          </a:lstStyle>
          <a:p>
            <a:endParaRPr lang="da-DK"/>
          </a:p>
        </p:txBody>
      </p:sp>
      <p:sp>
        <p:nvSpPr>
          <p:cNvPr id="30" name="Picture Placeholder 29">
            <a:extLst>
              <a:ext uri="{FF2B5EF4-FFF2-40B4-BE49-F238E27FC236}">
                <a16:creationId xmlns:a16="http://schemas.microsoft.com/office/drawing/2014/main" id="{D0AF4480-B11D-4AF6-AD5D-D5A8F20FE385}"/>
              </a:ext>
            </a:extLst>
          </p:cNvPr>
          <p:cNvSpPr>
            <a:spLocks noGrp="1"/>
          </p:cNvSpPr>
          <p:nvPr>
            <p:ph type="pic" sz="quarter" idx="22"/>
          </p:nvPr>
        </p:nvSpPr>
        <p:spPr>
          <a:xfrm>
            <a:off x="6169025" y="2567305"/>
            <a:ext cx="3600452" cy="3600441"/>
          </a:xfrm>
          <a:custGeom>
            <a:avLst/>
            <a:gdLst>
              <a:gd name="connsiteX0" fmla="*/ 66716 w 3600452"/>
              <a:gd name="connsiteY0" fmla="*/ 0 h 3600441"/>
              <a:gd name="connsiteX1" fmla="*/ 3533736 w 3600452"/>
              <a:gd name="connsiteY1" fmla="*/ 0 h 3600441"/>
              <a:gd name="connsiteX2" fmla="*/ 3600452 w 3600452"/>
              <a:gd name="connsiteY2" fmla="*/ 66716 h 3600441"/>
              <a:gd name="connsiteX3" fmla="*/ 3600452 w 3600452"/>
              <a:gd name="connsiteY3" fmla="*/ 3533725 h 3600441"/>
              <a:gd name="connsiteX4" fmla="*/ 3533736 w 3600452"/>
              <a:gd name="connsiteY4" fmla="*/ 3600441 h 3600441"/>
              <a:gd name="connsiteX5" fmla="*/ 66716 w 3600452"/>
              <a:gd name="connsiteY5" fmla="*/ 3600441 h 3600441"/>
              <a:gd name="connsiteX6" fmla="*/ 0 w 3600452"/>
              <a:gd name="connsiteY6" fmla="*/ 3533725 h 3600441"/>
              <a:gd name="connsiteX7" fmla="*/ 0 w 3600452"/>
              <a:gd name="connsiteY7" fmla="*/ 66716 h 3600441"/>
              <a:gd name="connsiteX8" fmla="*/ 66716 w 3600452"/>
              <a:gd name="connsiteY8" fmla="*/ 0 h 36004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600452" h="3600441">
                <a:moveTo>
                  <a:pt x="66716" y="0"/>
                </a:moveTo>
                <a:lnTo>
                  <a:pt x="3533736" y="0"/>
                </a:lnTo>
                <a:cubicBezTo>
                  <a:pt x="3570582" y="0"/>
                  <a:pt x="3600452" y="29870"/>
                  <a:pt x="3600452" y="66716"/>
                </a:cubicBezTo>
                <a:lnTo>
                  <a:pt x="3600452" y="3533725"/>
                </a:lnTo>
                <a:cubicBezTo>
                  <a:pt x="3600452" y="3570571"/>
                  <a:pt x="3570582" y="3600441"/>
                  <a:pt x="3533736" y="3600441"/>
                </a:cubicBezTo>
                <a:lnTo>
                  <a:pt x="66716" y="3600441"/>
                </a:lnTo>
                <a:cubicBezTo>
                  <a:pt x="29870" y="3600441"/>
                  <a:pt x="0" y="3570571"/>
                  <a:pt x="0" y="3533725"/>
                </a:cubicBezTo>
                <a:lnTo>
                  <a:pt x="0" y="66716"/>
                </a:lnTo>
                <a:cubicBezTo>
                  <a:pt x="0" y="29870"/>
                  <a:pt x="29870" y="0"/>
                  <a:pt x="66716" y="0"/>
                </a:cubicBezTo>
                <a:close/>
              </a:path>
            </a:pathLst>
          </a:custGeom>
          <a:solidFill>
            <a:schemeClr val="accent6"/>
          </a:solidFill>
        </p:spPr>
        <p:txBody>
          <a:bodyPr wrap="square" anchor="ctr">
            <a:noAutofit/>
          </a:bodyPr>
          <a:lstStyle>
            <a:lvl1pPr algn="ctr">
              <a:defRPr/>
            </a:lvl1pPr>
          </a:lstStyle>
          <a:p>
            <a:endParaRPr lang="da-DK"/>
          </a:p>
        </p:txBody>
      </p:sp>
      <p:sp>
        <p:nvSpPr>
          <p:cNvPr id="29" name="Picture Placeholder 28">
            <a:extLst>
              <a:ext uri="{FF2B5EF4-FFF2-40B4-BE49-F238E27FC236}">
                <a16:creationId xmlns:a16="http://schemas.microsoft.com/office/drawing/2014/main" id="{5A93A15E-4B47-4F33-876A-32CA65B40F9A}"/>
              </a:ext>
            </a:extLst>
          </p:cNvPr>
          <p:cNvSpPr>
            <a:spLocks noGrp="1"/>
          </p:cNvSpPr>
          <p:nvPr>
            <p:ph type="pic" sz="quarter" idx="21"/>
          </p:nvPr>
        </p:nvSpPr>
        <p:spPr>
          <a:xfrm>
            <a:off x="6170930" y="695062"/>
            <a:ext cx="1728788" cy="1727464"/>
          </a:xfrm>
          <a:custGeom>
            <a:avLst/>
            <a:gdLst>
              <a:gd name="connsiteX0" fmla="*/ 69029 w 1728788"/>
              <a:gd name="connsiteY0" fmla="*/ 0 h 1727464"/>
              <a:gd name="connsiteX1" fmla="*/ 1659759 w 1728788"/>
              <a:gd name="connsiteY1" fmla="*/ 0 h 1727464"/>
              <a:gd name="connsiteX2" fmla="*/ 1728788 w 1728788"/>
              <a:gd name="connsiteY2" fmla="*/ 69029 h 1727464"/>
              <a:gd name="connsiteX3" fmla="*/ 1728788 w 1728788"/>
              <a:gd name="connsiteY3" fmla="*/ 1658435 h 1727464"/>
              <a:gd name="connsiteX4" fmla="*/ 1659759 w 1728788"/>
              <a:gd name="connsiteY4" fmla="*/ 1727464 h 1727464"/>
              <a:gd name="connsiteX5" fmla="*/ 69029 w 1728788"/>
              <a:gd name="connsiteY5" fmla="*/ 1727464 h 1727464"/>
              <a:gd name="connsiteX6" fmla="*/ 0 w 1728788"/>
              <a:gd name="connsiteY6" fmla="*/ 1658435 h 1727464"/>
              <a:gd name="connsiteX7" fmla="*/ 0 w 1728788"/>
              <a:gd name="connsiteY7" fmla="*/ 69029 h 1727464"/>
              <a:gd name="connsiteX8" fmla="*/ 69029 w 1728788"/>
              <a:gd name="connsiteY8" fmla="*/ 0 h 17274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7464">
                <a:moveTo>
                  <a:pt x="69029" y="0"/>
                </a:moveTo>
                <a:lnTo>
                  <a:pt x="1659759" y="0"/>
                </a:lnTo>
                <a:cubicBezTo>
                  <a:pt x="1697883" y="0"/>
                  <a:pt x="1728788" y="30905"/>
                  <a:pt x="1728788" y="69029"/>
                </a:cubicBezTo>
                <a:lnTo>
                  <a:pt x="1728788" y="1658435"/>
                </a:lnTo>
                <a:cubicBezTo>
                  <a:pt x="1728788" y="1696559"/>
                  <a:pt x="1697883" y="1727464"/>
                  <a:pt x="1659759" y="1727464"/>
                </a:cubicBezTo>
                <a:lnTo>
                  <a:pt x="69029" y="1727464"/>
                </a:lnTo>
                <a:cubicBezTo>
                  <a:pt x="30905" y="1727464"/>
                  <a:pt x="0" y="1696559"/>
                  <a:pt x="0" y="1658435"/>
                </a:cubicBezTo>
                <a:lnTo>
                  <a:pt x="0" y="69029"/>
                </a:lnTo>
                <a:cubicBezTo>
                  <a:pt x="0" y="30905"/>
                  <a:pt x="30905" y="0"/>
                  <a:pt x="69029" y="0"/>
                </a:cubicBezTo>
                <a:close/>
              </a:path>
            </a:pathLst>
          </a:custGeom>
          <a:solidFill>
            <a:schemeClr val="accent6"/>
          </a:solidFill>
        </p:spPr>
        <p:txBody>
          <a:bodyPr wrap="square" anchor="ctr">
            <a:noAutofit/>
          </a:bodyPr>
          <a:lstStyle>
            <a:lvl1pPr algn="ctr">
              <a:defRPr/>
            </a:lvl1pPr>
          </a:lstStyle>
          <a:p>
            <a:endParaRPr lang="da-DK"/>
          </a:p>
        </p:txBody>
      </p:sp>
      <p:sp>
        <p:nvSpPr>
          <p:cNvPr id="10" name="txtSecureMarker1" hidden="1"/>
          <p:cNvSpPr txBox="1"/>
          <p:nvPr userDrawn="1"/>
        </p:nvSpPr>
        <p:spPr>
          <a:xfrm>
            <a:off x="3762235" y="2653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txtSecureMarker2" hidden="1"/>
          <p:cNvSpPr txBox="1"/>
          <p:nvPr userDrawn="1"/>
        </p:nvSpPr>
        <p:spPr>
          <a:xfrm>
            <a:off x="4080241" y="6326065"/>
            <a:ext cx="4034692" cy="466997"/>
          </a:xfrm>
          <a:prstGeom prst="rect">
            <a:avLst/>
          </a:prstGeom>
          <a:noFill/>
        </p:spPr>
        <p:txBody>
          <a:bodyPr wrap="square" lIns="103931" tIns="51965" rIns="103931" bIns="51965" rtlCol="0" anchor="b" anchorCtr="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pic>
        <p:nvPicPr>
          <p:cNvPr id="13" name="Picture 12">
            <a:extLst>
              <a:ext uri="{FF2B5EF4-FFF2-40B4-BE49-F238E27FC236}">
                <a16:creationId xmlns:a16="http://schemas.microsoft.com/office/drawing/2014/main" id="{87F3E6FF-991B-4EEE-BA62-2925B04EDBE0}"/>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554356" y="5811850"/>
            <a:ext cx="2045333" cy="354000"/>
          </a:xfrm>
          <a:prstGeom prst="rect">
            <a:avLst/>
          </a:prstGeom>
        </p:spPr>
      </p:pic>
      <p:pic>
        <p:nvPicPr>
          <p:cNvPr id="14" name="Graphic 13">
            <a:extLst>
              <a:ext uri="{FF2B5EF4-FFF2-40B4-BE49-F238E27FC236}">
                <a16:creationId xmlns:a16="http://schemas.microsoft.com/office/drawing/2014/main" id="{2A186C81-374F-4EE6-9233-C724E7C91A8E}"/>
              </a:ext>
            </a:extLst>
          </p:cNvPr>
          <p:cNvPicPr>
            <a:picLocks noChangeAspect="1"/>
          </p:cNvPicPr>
          <p:nvPr userDrawn="1"/>
        </p:nvPicPr>
        <p:blipFill>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850563" y="700776"/>
            <a:ext cx="792162" cy="699572"/>
          </a:xfrm>
          <a:prstGeom prst="rect">
            <a:avLst/>
          </a:prstGeom>
        </p:spPr>
      </p:pic>
      <p:sp>
        <p:nvSpPr>
          <p:cNvPr id="21" name="Text Placeholder 7">
            <a:extLst>
              <a:ext uri="{FF2B5EF4-FFF2-40B4-BE49-F238E27FC236}">
                <a16:creationId xmlns:a16="http://schemas.microsoft.com/office/drawing/2014/main" id="{4A064FF8-5D5B-4CED-9876-D59D4983B18C}"/>
              </a:ext>
            </a:extLst>
          </p:cNvPr>
          <p:cNvSpPr>
            <a:spLocks noGrp="1"/>
          </p:cNvSpPr>
          <p:nvPr>
            <p:ph type="body" sz="quarter" idx="15" hasCustomPrompt="1"/>
          </p:nvPr>
        </p:nvSpPr>
        <p:spPr>
          <a:xfrm>
            <a:off x="547205" y="696966"/>
            <a:ext cx="5329339"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accent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da-DK" dirty="0" err="1"/>
              <a:t>Click</a:t>
            </a:r>
            <a:r>
              <a:rPr lang="da-DK" dirty="0"/>
              <a:t> to </a:t>
            </a:r>
            <a:r>
              <a:rPr lang="da-DK" dirty="0" err="1"/>
              <a:t>add</a:t>
            </a:r>
            <a:r>
              <a:rPr lang="da-DK" dirty="0"/>
              <a:t> </a:t>
            </a:r>
            <a:r>
              <a:rPr lang="da-DK" dirty="0" err="1"/>
              <a:t>title</a:t>
            </a:r>
            <a:endParaRPr lang="da-DK" dirty="0"/>
          </a:p>
        </p:txBody>
      </p:sp>
      <p:cxnSp>
        <p:nvCxnSpPr>
          <p:cNvPr id="22" name="Straight Connector 21">
            <a:extLst>
              <a:ext uri="{FF2B5EF4-FFF2-40B4-BE49-F238E27FC236}">
                <a16:creationId xmlns:a16="http://schemas.microsoft.com/office/drawing/2014/main" id="{DD6C5442-D800-41C8-AF65-CF6815099E9C}"/>
              </a:ext>
            </a:extLst>
          </p:cNvPr>
          <p:cNvCxnSpPr/>
          <p:nvPr userDrawn="1"/>
        </p:nvCxnSpPr>
        <p:spPr>
          <a:xfrm>
            <a:off x="549109" y="3516910"/>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3" name="Text Placeholder 3">
            <a:extLst>
              <a:ext uri="{FF2B5EF4-FFF2-40B4-BE49-F238E27FC236}">
                <a16:creationId xmlns:a16="http://schemas.microsoft.com/office/drawing/2014/main" id="{FB6A44D4-B386-4943-9D12-7E3E6AC5FB8B}"/>
              </a:ext>
            </a:extLst>
          </p:cNvPr>
          <p:cNvSpPr>
            <a:spLocks noGrp="1"/>
          </p:cNvSpPr>
          <p:nvPr>
            <p:ph type="body" sz="quarter" idx="20"/>
          </p:nvPr>
        </p:nvSpPr>
        <p:spPr>
          <a:xfrm>
            <a:off x="547205" y="3676453"/>
            <a:ext cx="5329339"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a:solidFill>
                  <a:schemeClr val="accent4"/>
                </a:solidFill>
                <a:latin typeface="+mn-lt"/>
                <a:ea typeface="+mn-ea"/>
                <a:cs typeface="+mn-cs"/>
              </a:defRPr>
            </a:lvl1pPr>
            <a:lvl2pPr>
              <a:defRPr b="0">
                <a:solidFill>
                  <a:schemeClr val="accent1"/>
                </a:solidFill>
              </a:defRPr>
            </a:lvl2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spTree>
    <p:extLst>
      <p:ext uri="{BB962C8B-B14F-4D97-AF65-F5344CB8AC3E}">
        <p14:creationId xmlns:p14="http://schemas.microsoft.com/office/powerpoint/2010/main" val="1673298468"/>
      </p:ext>
    </p:extLst>
  </p:cSld>
  <p:clrMapOvr>
    <a:masterClrMapping/>
  </p:clrMapOvr>
  <p:transition>
    <p:fade/>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Only - Dark">
    <p:bg>
      <p:bgPr>
        <a:solidFill>
          <a:schemeClr val="accent1"/>
        </a:solidFill>
        <a:effectLst/>
      </p:bgPr>
    </p:bg>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2B443EEA-87F0-4E5C-8B49-91D3CAD2130D}"/>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8" name="Straight Connector 7">
            <a:extLst>
              <a:ext uri="{FF2B5EF4-FFF2-40B4-BE49-F238E27FC236}">
                <a16:creationId xmlns:a16="http://schemas.microsoft.com/office/drawing/2014/main" id="{973CB7B5-6736-435E-8AC5-AD73BFCB85D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35760801"/>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843197567"/>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type="blank" preserve="1">
  <p:cSld name="Blank - Dark">
    <p:bg>
      <p:bgPr>
        <a:solidFill>
          <a:schemeClr val="accent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945785647"/>
      </p:ext>
    </p:extLst>
  </p:cSld>
  <p:clrMapOvr>
    <a:masterClrMapping/>
  </p:clrMapOvr>
  <p:transition>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Back Page">
    <p:spTree>
      <p:nvGrpSpPr>
        <p:cNvPr id="1" name=""/>
        <p:cNvGrpSpPr/>
        <p:nvPr/>
      </p:nvGrpSpPr>
      <p:grpSpPr>
        <a:xfrm>
          <a:off x="0" y="0"/>
          <a:ext cx="0" cy="0"/>
          <a:chOff x="0" y="0"/>
          <a:chExt cx="0" cy="0"/>
        </a:xfrm>
      </p:grpSpPr>
      <p:sp>
        <p:nvSpPr>
          <p:cNvPr id="24" name="shpShading">
            <a:extLst>
              <a:ext uri="{FF2B5EF4-FFF2-40B4-BE49-F238E27FC236}">
                <a16:creationId xmlns:a16="http://schemas.microsoft.com/office/drawing/2014/main" id="{6FFE6848-84C4-420B-B98C-9302375B7C9D}"/>
              </a:ext>
            </a:extLst>
          </p:cNvPr>
          <p:cNvSpPr/>
          <p:nvPr userDrawn="1"/>
        </p:nvSpPr>
        <p:spPr>
          <a:xfrm>
            <a:off x="8474149" y="0"/>
            <a:ext cx="3721026" cy="685958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03931" tIns="51965" rIns="103931" bIns="51965" rtlCol="0" anchor="ctr"/>
          <a:lstStyle/>
          <a:p>
            <a:pPr algn="ctr"/>
            <a:endParaRPr lang="da-DK" dirty="0"/>
          </a:p>
        </p:txBody>
      </p:sp>
      <p:pic>
        <p:nvPicPr>
          <p:cNvPr id="25" name="Graphic 24">
            <a:extLst>
              <a:ext uri="{FF2B5EF4-FFF2-40B4-BE49-F238E27FC236}">
                <a16:creationId xmlns:a16="http://schemas.microsoft.com/office/drawing/2014/main" id="{77FDF551-A5B3-408F-A200-178A7EA08E0F}"/>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850563" y="700776"/>
            <a:ext cx="792162" cy="699572"/>
          </a:xfrm>
          <a:prstGeom prst="rect">
            <a:avLst/>
          </a:prstGeom>
        </p:spPr>
      </p:pic>
      <p:pic>
        <p:nvPicPr>
          <p:cNvPr id="57" name="picLogoLight" hidden="1">
            <a:extLst>
              <a:ext uri="{FF2B5EF4-FFF2-40B4-BE49-F238E27FC236}">
                <a16:creationId xmlns:a16="http://schemas.microsoft.com/office/drawing/2014/main" id="{B2942888-CD23-457D-9EA4-62C68C207438}"/>
              </a:ext>
            </a:extLst>
          </p:cNvPr>
          <p:cNvPicPr>
            <a:picLocks/>
          </p:cNvPicPr>
          <p:nvPr userDrawn="1"/>
        </p:nvPicPr>
        <p:blipFill>
          <a:blip r:embed="rId4" cstate="screen">
            <a:extLst>
              <a:ext uri="{28A0092B-C50C-407E-A947-70E740481C1C}">
                <a14:useLocalDpi xmlns:a14="http://schemas.microsoft.com/office/drawing/2010/main"/>
              </a:ext>
            </a:extLst>
          </a:blip>
          <a:stretch>
            <a:fillRect/>
          </a:stretch>
        </p:blipFill>
        <p:spPr>
          <a:xfrm>
            <a:off x="10896093" y="584640"/>
            <a:ext cx="619200" cy="565021"/>
          </a:xfrm>
          <a:prstGeom prst="rect">
            <a:avLst/>
          </a:prstGeom>
        </p:spPr>
      </p:pic>
      <p:sp>
        <p:nvSpPr>
          <p:cNvPr id="14" name="txtDetails5">
            <a:extLst>
              <a:ext uri="{FF2B5EF4-FFF2-40B4-BE49-F238E27FC236}">
                <a16:creationId xmlns:a16="http://schemas.microsoft.com/office/drawing/2014/main" id="{11E204E2-083B-8BE4-737E-FE0992923490}"/>
              </a:ext>
            </a:extLst>
          </p:cNvPr>
          <p:cNvSpPr txBox="1">
            <a:spLocks noChangeArrowheads="1"/>
          </p:cNvSpPr>
          <p:nvPr userDrawn="1"/>
        </p:nvSpPr>
        <p:spPr bwMode="auto">
          <a:xfrm>
            <a:off x="8824983" y="4411255"/>
            <a:ext cx="2592000" cy="361637"/>
          </a:xfrm>
          <a:prstGeom prst="rect">
            <a:avLst/>
          </a:prstGeom>
          <a:noFill/>
          <a:ln>
            <a:noFill/>
          </a:ln>
          <a:extLst>
            <a:ext uri="{909E8E84-426E-40dd-AFC4-6F175D3DCCD1}">
              <a14:hiddenFill xmlns:asvg="http://schemas.microsoft.com/office/drawing/2016/SVG/main" xmlns:a14="http://schemas.microsoft.com/office/drawing/2010/main" xmlns:p15="http://schemas.microsoft.com/office/powerpoint/2012/main" xmlns:p14="http://schemas.microsoft.com/office/powerpoint/2010/main" xmlns:ahyp="http://schemas.microsoft.com/office/drawing/2018/hyperlinkcolor" xmlns:a16="http://schemas.microsoft.com/office/drawing/2014/main" xmlns="">
                <a:solidFill>
                  <a:srgbClr val="FFFFFF"/>
                </a:solidFill>
              </a14:hiddenFill>
            </a:ext>
            <a:ext uri="{91240B29-F687-4f45-9708-019B960494DF}">
              <a14:hiddenLine xmlns:asvg="http://schemas.microsoft.com/office/drawing/2016/SVG/main" xmlns:a14="http://schemas.microsoft.com/office/drawing/2010/main" xmlns:p15="http://schemas.microsoft.com/office/powerpoint/2012/main" xmlns:p14="http://schemas.microsoft.com/office/powerpoint/2010/main" xmlns:ahyp="http://schemas.microsoft.com/office/drawing/2018/hyperlinkcolor" xmlns:a16="http://schemas.microsoft.com/office/drawing/2014/main" xmlns="" w="9525">
                <a:solidFill>
                  <a:srgbClr val="000000"/>
                </a:solidFill>
                <a:miter lim="800000"/>
                <a:headEnd/>
                <a:tailEnd/>
              </a14:hiddenLine>
            </a:ext>
          </a:extLst>
        </p:spPr>
        <p:txBody>
          <a:bodyPr wrap="square" lIns="0" tIns="0" rIns="0" bIns="0" anchor="b" anchorCtr="0">
            <a:spAutoFit/>
          </a:bodyPr>
          <a:lstStyle>
            <a:defPPr>
              <a:defRPr lang="en-GB"/>
            </a:defPPr>
            <a:lvl1pPr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1pPr>
            <a:lvl2pPr marL="4572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2pPr>
            <a:lvl3pPr marL="9144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3pPr>
            <a:lvl4pPr marL="13716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4pPr>
            <a:lvl5pPr marL="18288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5pPr>
            <a:lvl6pPr marL="2286000" algn="l" defTabSz="914400" rtl="0" eaLnBrk="1" latinLnBrk="0" hangingPunct="1">
              <a:defRPr sz="1400" kern="1200">
                <a:solidFill>
                  <a:srgbClr val="737377"/>
                </a:solidFill>
                <a:latin typeface="Arial" charset="0"/>
                <a:ea typeface="+mn-ea"/>
                <a:cs typeface="+mn-cs"/>
              </a:defRPr>
            </a:lvl6pPr>
            <a:lvl7pPr marL="2743200" algn="l" defTabSz="914400" rtl="0" eaLnBrk="1" latinLnBrk="0" hangingPunct="1">
              <a:defRPr sz="1400" kern="1200">
                <a:solidFill>
                  <a:srgbClr val="737377"/>
                </a:solidFill>
                <a:latin typeface="Arial" charset="0"/>
                <a:ea typeface="+mn-ea"/>
                <a:cs typeface="+mn-cs"/>
              </a:defRPr>
            </a:lvl7pPr>
            <a:lvl8pPr marL="3200400" algn="l" defTabSz="914400" rtl="0" eaLnBrk="1" latinLnBrk="0" hangingPunct="1">
              <a:defRPr sz="1400" kern="1200">
                <a:solidFill>
                  <a:srgbClr val="737377"/>
                </a:solidFill>
                <a:latin typeface="Arial" charset="0"/>
                <a:ea typeface="+mn-ea"/>
                <a:cs typeface="+mn-cs"/>
              </a:defRPr>
            </a:lvl8pPr>
            <a:lvl9pPr marL="3657600" algn="l" defTabSz="914400" rtl="0" eaLnBrk="1" latinLnBrk="0" hangingPunct="1">
              <a:defRPr sz="1400" kern="1200">
                <a:solidFill>
                  <a:srgbClr val="737377"/>
                </a:solidFill>
                <a:latin typeface="Arial" charset="0"/>
                <a:ea typeface="+mn-ea"/>
                <a:cs typeface="+mn-cs"/>
              </a:defRPr>
            </a:lvl9pPr>
          </a:lstStyle>
          <a:p>
            <a:pPr algn="l" rtl="0">
              <a:spcBef>
                <a:spcPts val="0"/>
              </a:spcBef>
              <a:spcAft>
                <a:spcPts val="900"/>
              </a:spcAft>
            </a:pPr>
            <a:r>
              <a:rPr lang="da-DK" sz="800" b="1" i="0" u="none" strike="noStrike" kern="1200" baseline="0" dirty="0">
                <a:solidFill>
                  <a:schemeClr val="accent5"/>
                </a:solidFill>
                <a:latin typeface="Arial" charset="0"/>
                <a:ea typeface="+mn-ea"/>
                <a:cs typeface="+mn-cs"/>
              </a:rPr>
              <a:t>paconsulting.com</a:t>
            </a:r>
            <a:endParaRPr lang="da-DK" dirty="0"/>
          </a:p>
          <a:p>
            <a:pPr algn="l" rtl="0">
              <a:spcBef>
                <a:spcPts val="0"/>
              </a:spcBef>
            </a:pPr>
            <a:r>
              <a:rPr lang="da-DK" sz="800" b="1" i="0" u="none" strike="noStrike" kern="1200" baseline="0" dirty="0">
                <a:solidFill>
                  <a:schemeClr val="accent5"/>
                </a:solidFill>
                <a:latin typeface="Arial" charset="0"/>
                <a:ea typeface="+mn-ea"/>
                <a:cs typeface="+mn-cs"/>
              </a:rPr>
              <a:t>All </a:t>
            </a:r>
            <a:r>
              <a:rPr lang="da-DK" sz="800" b="1" i="0" u="none" strike="noStrike" kern="1200" baseline="0" dirty="0" err="1">
                <a:solidFill>
                  <a:schemeClr val="accent5"/>
                </a:solidFill>
                <a:latin typeface="Arial" charset="0"/>
                <a:ea typeface="+mn-ea"/>
                <a:cs typeface="+mn-cs"/>
              </a:rPr>
              <a:t>rights</a:t>
            </a:r>
            <a:r>
              <a:rPr lang="da-DK" sz="800" b="1" i="0" u="none" strike="noStrike" kern="1200" baseline="0" dirty="0">
                <a:solidFill>
                  <a:schemeClr val="accent5"/>
                </a:solidFill>
                <a:latin typeface="Arial" charset="0"/>
                <a:ea typeface="+mn-ea"/>
                <a:cs typeface="+mn-cs"/>
              </a:rPr>
              <a:t> </a:t>
            </a:r>
            <a:r>
              <a:rPr lang="da-DK" sz="800" b="1" i="0" u="none" strike="noStrike" kern="1200" baseline="0" dirty="0" err="1">
                <a:solidFill>
                  <a:schemeClr val="accent5"/>
                </a:solidFill>
                <a:latin typeface="Arial" charset="0"/>
                <a:ea typeface="+mn-ea"/>
                <a:cs typeface="+mn-cs"/>
              </a:rPr>
              <a:t>reserved</a:t>
            </a:r>
            <a:r>
              <a:rPr lang="da-DK" sz="800" b="1" i="0" u="none" strike="noStrike" kern="1200" baseline="0" dirty="0">
                <a:solidFill>
                  <a:schemeClr val="accent5"/>
                </a:solidFill>
                <a:latin typeface="Arial" charset="0"/>
                <a:ea typeface="+mn-ea"/>
                <a:cs typeface="+mn-cs"/>
              </a:rPr>
              <a:t> © PA Knowledge Limited 2025</a:t>
            </a:r>
            <a:endParaRPr lang="da-DK" dirty="0"/>
          </a:p>
        </p:txBody>
      </p:sp>
      <p:sp>
        <p:nvSpPr>
          <p:cNvPr id="15" name="OfficeName" descr="{&quot;templafy&quot;:{&quot;id&quot;:&quot;879f66e4-540f-43d3-815c-ee0461cfb939&quot;}}">
            <a:extLst>
              <a:ext uri="{FF2B5EF4-FFF2-40B4-BE49-F238E27FC236}">
                <a16:creationId xmlns:a16="http://schemas.microsoft.com/office/drawing/2014/main" id="{B584A4AE-89E3-E9CE-6BAB-1487A7C6C289}"/>
              </a:ext>
            </a:extLst>
          </p:cNvPr>
          <p:cNvSpPr/>
          <p:nvPr userDrawn="1"/>
        </p:nvSpPr>
        <p:spPr>
          <a:xfrm>
            <a:off x="8824984" y="1534670"/>
            <a:ext cx="2592000" cy="12311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da-DK" sz="800" b="1" dirty="0">
                <a:solidFill>
                  <a:schemeClr val="bg1"/>
                </a:solidFill>
              </a:rPr>
              <a:t>Copenhagen Office</a:t>
            </a:r>
          </a:p>
        </p:txBody>
      </p:sp>
      <p:sp>
        <p:nvSpPr>
          <p:cNvPr id="17" name="Disclaimer1" descr="{&quot;templafy&quot;:{&quot;id&quot;:&quot;26b3648d-de9d-4701-aaa2-3aed752c9aee&quot;}}">
            <a:extLst>
              <a:ext uri="{FF2B5EF4-FFF2-40B4-BE49-F238E27FC236}">
                <a16:creationId xmlns:a16="http://schemas.microsoft.com/office/drawing/2014/main" id="{32CA410F-2F8F-D647-36B7-E066817EA6CB}"/>
              </a:ext>
            </a:extLst>
          </p:cNvPr>
          <p:cNvSpPr/>
          <p:nvPr userDrawn="1"/>
        </p:nvSpPr>
        <p:spPr>
          <a:xfrm>
            <a:off x="8824984" y="4165525"/>
            <a:ext cx="2592000" cy="12311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spAutoFit/>
          </a:bodyPr>
          <a:lstStyle/>
          <a:p>
            <a:pPr algn="l"/>
            <a:endParaRPr lang="da-DK" sz="800" b="0" dirty="0">
              <a:solidFill>
                <a:schemeClr val="accent5"/>
              </a:solidFill>
            </a:endParaRPr>
          </a:p>
        </p:txBody>
      </p:sp>
      <p:sp>
        <p:nvSpPr>
          <p:cNvPr id="18" name="Disclaimer2" descr="{&quot;templafy&quot;:{&quot;id&quot;:&quot;61ca9983-2490-46ec-9dfb-59b5ede564e2&quot;}}">
            <a:extLst>
              <a:ext uri="{FF2B5EF4-FFF2-40B4-BE49-F238E27FC236}">
                <a16:creationId xmlns:a16="http://schemas.microsoft.com/office/drawing/2014/main" id="{BE665671-15A8-8F7C-DFB9-BC6BD5FB40EC}"/>
              </a:ext>
            </a:extLst>
          </p:cNvPr>
          <p:cNvSpPr/>
          <p:nvPr userDrawn="1"/>
        </p:nvSpPr>
        <p:spPr>
          <a:xfrm>
            <a:off x="8824984" y="4895020"/>
            <a:ext cx="2592000" cy="123110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da-DK" sz="800" b="0" dirty="0">
                <a:solidFill>
                  <a:schemeClr val="accent5"/>
                </a:solidFill>
              </a:rPr>
              <a:t>This </a:t>
            </a:r>
            <a:r>
              <a:rPr lang="da-DK" sz="800" b="0" dirty="0" err="1">
                <a:solidFill>
                  <a:schemeClr val="accent5"/>
                </a:solidFill>
              </a:rPr>
              <a:t>document</a:t>
            </a:r>
            <a:r>
              <a:rPr lang="da-DK" sz="800" b="0" dirty="0">
                <a:solidFill>
                  <a:schemeClr val="accent5"/>
                </a:solidFill>
              </a:rPr>
              <a:t> is </a:t>
            </a:r>
            <a:r>
              <a:rPr lang="da-DK" sz="800" b="0" dirty="0" err="1">
                <a:solidFill>
                  <a:schemeClr val="accent5"/>
                </a:solidFill>
              </a:rPr>
              <a:t>confidential</a:t>
            </a:r>
            <a:r>
              <a:rPr lang="da-DK" sz="800" b="0" dirty="0">
                <a:solidFill>
                  <a:schemeClr val="accent5"/>
                </a:solidFill>
              </a:rPr>
              <a:t> to PA Consulting Group and </a:t>
            </a:r>
            <a:r>
              <a:rPr lang="da-DK" sz="800" b="0" dirty="0" err="1">
                <a:solidFill>
                  <a:schemeClr val="accent5"/>
                </a:solidFill>
              </a:rPr>
              <a:t>may</a:t>
            </a:r>
            <a:r>
              <a:rPr lang="da-DK" sz="800" b="0" dirty="0">
                <a:solidFill>
                  <a:schemeClr val="accent5"/>
                </a:solidFill>
              </a:rPr>
              <a:t> not </a:t>
            </a:r>
            <a:r>
              <a:rPr lang="da-DK" sz="800" b="0" dirty="0" err="1">
                <a:solidFill>
                  <a:schemeClr val="accent5"/>
                </a:solidFill>
              </a:rPr>
              <a:t>be</a:t>
            </a:r>
            <a:r>
              <a:rPr lang="da-DK" sz="800" b="0" dirty="0">
                <a:solidFill>
                  <a:schemeClr val="accent5"/>
                </a:solidFill>
              </a:rPr>
              <a:t> </a:t>
            </a:r>
            <a:r>
              <a:rPr lang="da-DK" sz="800" b="0" dirty="0" err="1">
                <a:solidFill>
                  <a:schemeClr val="accent5"/>
                </a:solidFill>
              </a:rPr>
              <a:t>reproduced</a:t>
            </a:r>
            <a:r>
              <a:rPr lang="da-DK" sz="800" b="0" dirty="0">
                <a:solidFill>
                  <a:schemeClr val="accent5"/>
                </a:solidFill>
              </a:rPr>
              <a:t>, </a:t>
            </a:r>
            <a:r>
              <a:rPr lang="da-DK" sz="800" b="0" dirty="0" err="1">
                <a:solidFill>
                  <a:schemeClr val="accent5"/>
                </a:solidFill>
              </a:rPr>
              <a:t>stored</a:t>
            </a:r>
            <a:r>
              <a:rPr lang="da-DK" sz="800" b="0" dirty="0">
                <a:solidFill>
                  <a:schemeClr val="accent5"/>
                </a:solidFill>
              </a:rPr>
              <a:t> in a </a:t>
            </a:r>
            <a:r>
              <a:rPr lang="da-DK" sz="800" b="0" dirty="0" err="1">
                <a:solidFill>
                  <a:schemeClr val="accent5"/>
                </a:solidFill>
              </a:rPr>
              <a:t>retrieval</a:t>
            </a:r>
            <a:r>
              <a:rPr lang="da-DK" sz="800" b="0" dirty="0">
                <a:solidFill>
                  <a:schemeClr val="accent5"/>
                </a:solidFill>
              </a:rPr>
              <a:t> system, or </a:t>
            </a:r>
            <a:r>
              <a:rPr lang="da-DK" sz="800" b="0" dirty="0" err="1">
                <a:solidFill>
                  <a:schemeClr val="accent5"/>
                </a:solidFill>
              </a:rPr>
              <a:t>transmitted</a:t>
            </a:r>
            <a:r>
              <a:rPr lang="da-DK" sz="800" b="0" dirty="0">
                <a:solidFill>
                  <a:schemeClr val="accent5"/>
                </a:solidFill>
              </a:rPr>
              <a:t> in </a:t>
            </a:r>
            <a:r>
              <a:rPr lang="da-DK" sz="800" b="0" dirty="0" err="1">
                <a:solidFill>
                  <a:schemeClr val="accent5"/>
                </a:solidFill>
              </a:rPr>
              <a:t>any</a:t>
            </a:r>
            <a:r>
              <a:rPr lang="da-DK" sz="800" b="0" dirty="0">
                <a:solidFill>
                  <a:schemeClr val="accent5"/>
                </a:solidFill>
              </a:rPr>
              <a:t> form or by </a:t>
            </a:r>
            <a:r>
              <a:rPr lang="da-DK" sz="800" b="0" dirty="0" err="1">
                <a:solidFill>
                  <a:schemeClr val="accent5"/>
                </a:solidFill>
              </a:rPr>
              <a:t>any</a:t>
            </a:r>
            <a:r>
              <a:rPr lang="da-DK" sz="800" b="0" dirty="0">
                <a:solidFill>
                  <a:schemeClr val="accent5"/>
                </a:solidFill>
              </a:rPr>
              <a:t> </a:t>
            </a:r>
            <a:r>
              <a:rPr lang="da-DK" sz="800" b="0" dirty="0" err="1">
                <a:solidFill>
                  <a:schemeClr val="accent5"/>
                </a:solidFill>
              </a:rPr>
              <a:t>means</a:t>
            </a:r>
            <a:r>
              <a:rPr lang="da-DK" sz="800" b="0" dirty="0">
                <a:solidFill>
                  <a:schemeClr val="accent5"/>
                </a:solidFill>
              </a:rPr>
              <a:t>, </a:t>
            </a:r>
            <a:r>
              <a:rPr lang="da-DK" sz="800" b="0" dirty="0" err="1">
                <a:solidFill>
                  <a:schemeClr val="accent5"/>
                </a:solidFill>
              </a:rPr>
              <a:t>electronic</a:t>
            </a:r>
            <a:r>
              <a:rPr lang="da-DK" sz="800" b="0" dirty="0">
                <a:solidFill>
                  <a:schemeClr val="accent5"/>
                </a:solidFill>
              </a:rPr>
              <a:t>, </a:t>
            </a:r>
            <a:r>
              <a:rPr lang="da-DK" sz="800" b="0" dirty="0" err="1">
                <a:solidFill>
                  <a:schemeClr val="accent5"/>
                </a:solidFill>
              </a:rPr>
              <a:t>mechanical</a:t>
            </a:r>
            <a:r>
              <a:rPr lang="da-DK" sz="800" b="0" dirty="0">
                <a:solidFill>
                  <a:schemeClr val="accent5"/>
                </a:solidFill>
              </a:rPr>
              <a:t> or </a:t>
            </a:r>
            <a:r>
              <a:rPr lang="da-DK" sz="800" b="0" dirty="0" err="1">
                <a:solidFill>
                  <a:schemeClr val="accent5"/>
                </a:solidFill>
              </a:rPr>
              <a:t>otherwise</a:t>
            </a:r>
            <a:r>
              <a:rPr lang="da-DK" sz="800" b="0" dirty="0">
                <a:solidFill>
                  <a:schemeClr val="accent5"/>
                </a:solidFill>
              </a:rPr>
              <a:t>, </a:t>
            </a:r>
            <a:r>
              <a:rPr lang="da-DK" sz="800" b="0" dirty="0" err="1">
                <a:solidFill>
                  <a:schemeClr val="accent5"/>
                </a:solidFill>
              </a:rPr>
              <a:t>without</a:t>
            </a:r>
            <a:r>
              <a:rPr lang="da-DK" sz="800" b="0" dirty="0">
                <a:solidFill>
                  <a:schemeClr val="accent5"/>
                </a:solidFill>
              </a:rPr>
              <a:t> the prior </a:t>
            </a:r>
            <a:r>
              <a:rPr lang="da-DK" sz="800" b="0" dirty="0" err="1">
                <a:solidFill>
                  <a:schemeClr val="accent5"/>
                </a:solidFill>
              </a:rPr>
              <a:t>written</a:t>
            </a:r>
            <a:r>
              <a:rPr lang="da-DK" sz="800" b="0" dirty="0">
                <a:solidFill>
                  <a:schemeClr val="accent5"/>
                </a:solidFill>
              </a:rPr>
              <a:t> permission of PA Consulting Group. In the event </a:t>
            </a:r>
            <a:r>
              <a:rPr lang="da-DK" sz="800" b="0" dirty="0" err="1">
                <a:solidFill>
                  <a:schemeClr val="accent5"/>
                </a:solidFill>
              </a:rPr>
              <a:t>that</a:t>
            </a:r>
            <a:r>
              <a:rPr lang="da-DK" sz="800" b="0" dirty="0">
                <a:solidFill>
                  <a:schemeClr val="accent5"/>
                </a:solidFill>
              </a:rPr>
              <a:t> </a:t>
            </a:r>
            <a:r>
              <a:rPr lang="da-DK" sz="800" b="0" dirty="0" err="1">
                <a:solidFill>
                  <a:schemeClr val="accent5"/>
                </a:solidFill>
              </a:rPr>
              <a:t>you</a:t>
            </a:r>
            <a:r>
              <a:rPr lang="da-DK" sz="800" b="0" dirty="0">
                <a:solidFill>
                  <a:schemeClr val="accent5"/>
                </a:solidFill>
              </a:rPr>
              <a:t> </a:t>
            </a:r>
            <a:r>
              <a:rPr lang="da-DK" sz="800" b="0" dirty="0" err="1">
                <a:solidFill>
                  <a:schemeClr val="accent5"/>
                </a:solidFill>
              </a:rPr>
              <a:t>receive</a:t>
            </a:r>
            <a:r>
              <a:rPr lang="da-DK" sz="800" b="0" dirty="0">
                <a:solidFill>
                  <a:schemeClr val="accent5"/>
                </a:solidFill>
              </a:rPr>
              <a:t> </a:t>
            </a:r>
            <a:r>
              <a:rPr lang="da-DK" sz="800" b="0" dirty="0" err="1">
                <a:solidFill>
                  <a:schemeClr val="accent5"/>
                </a:solidFill>
              </a:rPr>
              <a:t>this</a:t>
            </a:r>
            <a:r>
              <a:rPr lang="da-DK" sz="800" b="0" dirty="0">
                <a:solidFill>
                  <a:schemeClr val="accent5"/>
                </a:solidFill>
              </a:rPr>
              <a:t> </a:t>
            </a:r>
            <a:r>
              <a:rPr lang="da-DK" sz="800" b="0" dirty="0" err="1">
                <a:solidFill>
                  <a:schemeClr val="accent5"/>
                </a:solidFill>
              </a:rPr>
              <a:t>document</a:t>
            </a:r>
            <a:r>
              <a:rPr lang="da-DK" sz="800" b="0" dirty="0">
                <a:solidFill>
                  <a:schemeClr val="accent5"/>
                </a:solidFill>
              </a:rPr>
              <a:t> in </a:t>
            </a:r>
            <a:r>
              <a:rPr lang="da-DK" sz="800" b="0" dirty="0" err="1">
                <a:solidFill>
                  <a:schemeClr val="accent5"/>
                </a:solidFill>
              </a:rPr>
              <a:t>error</a:t>
            </a:r>
            <a:r>
              <a:rPr lang="da-DK" sz="800" b="0" dirty="0">
                <a:solidFill>
                  <a:schemeClr val="accent5"/>
                </a:solidFill>
              </a:rPr>
              <a:t>, </a:t>
            </a:r>
            <a:r>
              <a:rPr lang="da-DK" sz="800" b="0" dirty="0" err="1">
                <a:solidFill>
                  <a:schemeClr val="accent5"/>
                </a:solidFill>
              </a:rPr>
              <a:t>you</a:t>
            </a:r>
            <a:r>
              <a:rPr lang="da-DK" sz="800" b="0" dirty="0">
                <a:solidFill>
                  <a:schemeClr val="accent5"/>
                </a:solidFill>
              </a:rPr>
              <a:t> </a:t>
            </a:r>
            <a:r>
              <a:rPr lang="da-DK" sz="800" b="0" dirty="0" err="1">
                <a:solidFill>
                  <a:schemeClr val="accent5"/>
                </a:solidFill>
              </a:rPr>
              <a:t>should</a:t>
            </a:r>
            <a:r>
              <a:rPr lang="da-DK" sz="800" b="0" dirty="0">
                <a:solidFill>
                  <a:schemeClr val="accent5"/>
                </a:solidFill>
              </a:rPr>
              <a:t> return it to PA Consulting Group, Portland Towers, Göteborg Plads 1, DK-2150, Nordhavn. PA Consulting Group accepts no </a:t>
            </a:r>
            <a:r>
              <a:rPr lang="da-DK" sz="800" b="0" dirty="0" err="1">
                <a:solidFill>
                  <a:schemeClr val="accent5"/>
                </a:solidFill>
              </a:rPr>
              <a:t>liability</a:t>
            </a:r>
            <a:r>
              <a:rPr lang="da-DK" sz="800" b="0" dirty="0">
                <a:solidFill>
                  <a:schemeClr val="accent5"/>
                </a:solidFill>
              </a:rPr>
              <a:t> </a:t>
            </a:r>
            <a:r>
              <a:rPr lang="da-DK" sz="800" b="0" dirty="0" err="1">
                <a:solidFill>
                  <a:schemeClr val="accent5"/>
                </a:solidFill>
              </a:rPr>
              <a:t>whatsoever</a:t>
            </a:r>
            <a:r>
              <a:rPr lang="da-DK" sz="800" b="0" dirty="0">
                <a:solidFill>
                  <a:schemeClr val="accent5"/>
                </a:solidFill>
              </a:rPr>
              <a:t> </a:t>
            </a:r>
            <a:r>
              <a:rPr lang="da-DK" sz="800" b="0" dirty="0" err="1">
                <a:solidFill>
                  <a:schemeClr val="accent5"/>
                </a:solidFill>
              </a:rPr>
              <a:t>should</a:t>
            </a:r>
            <a:r>
              <a:rPr lang="da-DK" sz="800" b="0" dirty="0">
                <a:solidFill>
                  <a:schemeClr val="accent5"/>
                </a:solidFill>
              </a:rPr>
              <a:t> an </a:t>
            </a:r>
            <a:r>
              <a:rPr lang="da-DK" sz="800" b="0" dirty="0" err="1">
                <a:solidFill>
                  <a:schemeClr val="accent5"/>
                </a:solidFill>
              </a:rPr>
              <a:t>unauthorised</a:t>
            </a:r>
            <a:r>
              <a:rPr lang="da-DK" sz="800" b="0" dirty="0">
                <a:solidFill>
                  <a:schemeClr val="accent5"/>
                </a:solidFill>
              </a:rPr>
              <a:t> recipient of </a:t>
            </a:r>
            <a:r>
              <a:rPr lang="da-DK" sz="800" b="0" dirty="0" err="1">
                <a:solidFill>
                  <a:schemeClr val="accent5"/>
                </a:solidFill>
              </a:rPr>
              <a:t>this</a:t>
            </a:r>
            <a:r>
              <a:rPr lang="da-DK" sz="800" b="0" dirty="0">
                <a:solidFill>
                  <a:schemeClr val="accent5"/>
                </a:solidFill>
              </a:rPr>
              <a:t> </a:t>
            </a:r>
            <a:r>
              <a:rPr lang="da-DK" sz="800" b="0" dirty="0" err="1">
                <a:solidFill>
                  <a:schemeClr val="accent5"/>
                </a:solidFill>
              </a:rPr>
              <a:t>report</a:t>
            </a:r>
            <a:r>
              <a:rPr lang="da-DK" sz="800" b="0" dirty="0">
                <a:solidFill>
                  <a:schemeClr val="accent5"/>
                </a:solidFill>
              </a:rPr>
              <a:t> </a:t>
            </a:r>
            <a:r>
              <a:rPr lang="da-DK" sz="800" b="0" dirty="0" err="1">
                <a:solidFill>
                  <a:schemeClr val="accent5"/>
                </a:solidFill>
              </a:rPr>
              <a:t>act</a:t>
            </a:r>
            <a:r>
              <a:rPr lang="da-DK" sz="800" b="0" dirty="0">
                <a:solidFill>
                  <a:schemeClr val="accent5"/>
                </a:solidFill>
              </a:rPr>
              <a:t> on </a:t>
            </a:r>
            <a:r>
              <a:rPr lang="da-DK" sz="800" b="0" dirty="0" err="1">
                <a:solidFill>
                  <a:schemeClr val="accent5"/>
                </a:solidFill>
              </a:rPr>
              <a:t>its</a:t>
            </a:r>
            <a:r>
              <a:rPr lang="da-DK" sz="800" b="0" dirty="0">
                <a:solidFill>
                  <a:schemeClr val="accent5"/>
                </a:solidFill>
              </a:rPr>
              <a:t> contents.</a:t>
            </a:r>
          </a:p>
        </p:txBody>
      </p:sp>
      <p:sp>
        <p:nvSpPr>
          <p:cNvPr id="19" name="txtMTD" descr="{&quot;templafy&quot;:{&quot;id&quot;:&quot;79413afe-5e89-4639-a7d1-9ada8e64d6b7&quot;}}">
            <a:extLst>
              <a:ext uri="{FF2B5EF4-FFF2-40B4-BE49-F238E27FC236}">
                <a16:creationId xmlns:a16="http://schemas.microsoft.com/office/drawing/2014/main" id="{042B07BD-2084-4A86-9287-02698B0FBBD3}"/>
              </a:ext>
            </a:extLst>
          </p:cNvPr>
          <p:cNvSpPr/>
          <p:nvPr userDrawn="1"/>
        </p:nvSpPr>
        <p:spPr>
          <a:xfrm>
            <a:off x="552449" y="3709835"/>
            <a:ext cx="6211207" cy="2038042"/>
          </a:xfrm>
          <a:prstGeom prst="rect">
            <a:avLst/>
          </a:prstGeom>
        </p:spPr>
        <p:txBody>
          <a:bodyPr wrap="square" lIns="0" tIns="0" rIns="0" bIns="0" anchor="t">
            <a:noAutofit/>
          </a:bodyPr>
          <a:lstStyle>
            <a:defPPr>
              <a:defRPr lang="en-GB"/>
            </a:defPPr>
            <a:lvl1pPr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1pPr>
            <a:lvl2pPr marL="4572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2pPr>
            <a:lvl3pPr marL="9144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3pPr>
            <a:lvl4pPr marL="13716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4pPr>
            <a:lvl5pPr marL="18288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5pPr>
            <a:lvl6pPr marL="2286000" algn="l" defTabSz="914400" rtl="0" eaLnBrk="1" latinLnBrk="0" hangingPunct="1">
              <a:defRPr sz="1400" kern="1200">
                <a:solidFill>
                  <a:srgbClr val="737377"/>
                </a:solidFill>
                <a:latin typeface="Arial" charset="0"/>
                <a:ea typeface="+mn-ea"/>
                <a:cs typeface="+mn-cs"/>
              </a:defRPr>
            </a:lvl6pPr>
            <a:lvl7pPr marL="2743200" algn="l" defTabSz="914400" rtl="0" eaLnBrk="1" latinLnBrk="0" hangingPunct="1">
              <a:defRPr sz="1400" kern="1200">
                <a:solidFill>
                  <a:srgbClr val="737377"/>
                </a:solidFill>
                <a:latin typeface="Arial" charset="0"/>
                <a:ea typeface="+mn-ea"/>
                <a:cs typeface="+mn-cs"/>
              </a:defRPr>
            </a:lvl7pPr>
            <a:lvl8pPr marL="3200400" algn="l" defTabSz="914400" rtl="0" eaLnBrk="1" latinLnBrk="0" hangingPunct="1">
              <a:defRPr sz="1400" kern="1200">
                <a:solidFill>
                  <a:srgbClr val="737377"/>
                </a:solidFill>
                <a:latin typeface="Arial" charset="0"/>
                <a:ea typeface="+mn-ea"/>
                <a:cs typeface="+mn-cs"/>
              </a:defRPr>
            </a:lvl8pPr>
            <a:lvl9pPr marL="3657600" algn="l" defTabSz="914400" rtl="0" eaLnBrk="1" latinLnBrk="0" hangingPunct="1">
              <a:defRPr sz="1400" kern="1200">
                <a:solidFill>
                  <a:srgbClr val="737377"/>
                </a:solidFill>
                <a:latin typeface="Arial" charset="0"/>
                <a:ea typeface="+mn-ea"/>
                <a:cs typeface="+mn-cs"/>
              </a:defRPr>
            </a:lvl9pPr>
          </a:lstStyle>
          <a:p>
            <a:pPr algn="l" rtl="0"/>
            <a:r>
              <a:rPr lang="da-DK" sz="1000" b="1" i="0" u="none" strike="noStrike" kern="1200" normalizeH="0" baseline="0" dirty="0" err="1">
                <a:solidFill>
                  <a:schemeClr val="tx1"/>
                </a:solidFill>
                <a:latin typeface="Arial" charset="0"/>
                <a:ea typeface="+mn-ea"/>
                <a:cs typeface="+mn-cs"/>
              </a:rPr>
              <a:t>About</a:t>
            </a:r>
            <a:r>
              <a:rPr lang="da-DK" sz="1000" b="1" i="0" u="none" strike="noStrike" kern="1200" normalizeH="0" baseline="0" dirty="0">
                <a:solidFill>
                  <a:schemeClr val="tx1"/>
                </a:solidFill>
                <a:latin typeface="Arial" charset="0"/>
                <a:ea typeface="+mn-ea"/>
                <a:cs typeface="+mn-cs"/>
              </a:rPr>
              <a:t> PA.</a:t>
            </a:r>
            <a:endParaRPr lang="da-DK" dirty="0"/>
          </a:p>
          <a:p>
            <a:pPr algn="l" rtl="0"/>
            <a:r>
              <a:rPr lang="da-DK" sz="1000" b="0" i="0" u="none" strike="noStrike" kern="1200" normalizeH="0" baseline="0" dirty="0" err="1">
                <a:solidFill>
                  <a:schemeClr val="tx1"/>
                </a:solidFill>
                <a:latin typeface="Arial" charset="0"/>
                <a:ea typeface="+mn-ea"/>
                <a:cs typeface="+mn-cs"/>
              </a:rPr>
              <a:t>W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believe</a:t>
            </a:r>
            <a:r>
              <a:rPr lang="da-DK" sz="1000" b="0" i="0" u="none" strike="noStrike" kern="1200" normalizeH="0" baseline="0" dirty="0">
                <a:solidFill>
                  <a:schemeClr val="tx1"/>
                </a:solidFill>
                <a:latin typeface="Arial" charset="0"/>
                <a:ea typeface="+mn-ea"/>
                <a:cs typeface="+mn-cs"/>
              </a:rPr>
              <a:t> in the power of </a:t>
            </a:r>
            <a:r>
              <a:rPr lang="da-DK" sz="1000" b="0" i="0" u="none" strike="noStrike" kern="1200" normalizeH="0" baseline="0" dirty="0" err="1">
                <a:solidFill>
                  <a:schemeClr val="tx1"/>
                </a:solidFill>
                <a:latin typeface="Arial" charset="0"/>
                <a:ea typeface="+mn-ea"/>
                <a:cs typeface="+mn-cs"/>
              </a:rPr>
              <a:t>ingenuity</a:t>
            </a:r>
            <a:r>
              <a:rPr lang="da-DK" sz="1000" b="0" i="0" u="none" strike="noStrike" kern="1200" normalizeH="0" baseline="0" dirty="0">
                <a:solidFill>
                  <a:schemeClr val="tx1"/>
                </a:solidFill>
                <a:latin typeface="Arial" charset="0"/>
                <a:ea typeface="+mn-ea"/>
                <a:cs typeface="+mn-cs"/>
              </a:rPr>
              <a:t> to </a:t>
            </a:r>
            <a:r>
              <a:rPr lang="da-DK" sz="1000" b="0" i="0" u="none" strike="noStrike" kern="1200" normalizeH="0" baseline="0" dirty="0" err="1">
                <a:solidFill>
                  <a:schemeClr val="tx1"/>
                </a:solidFill>
                <a:latin typeface="Arial" charset="0"/>
                <a:ea typeface="+mn-ea"/>
                <a:cs typeface="+mn-cs"/>
              </a:rPr>
              <a:t>build</a:t>
            </a:r>
            <a:r>
              <a:rPr lang="da-DK" sz="1000" b="0" i="0" u="none" strike="noStrike" kern="1200" normalizeH="0" baseline="0" dirty="0">
                <a:solidFill>
                  <a:schemeClr val="tx1"/>
                </a:solidFill>
                <a:latin typeface="Arial" charset="0"/>
                <a:ea typeface="+mn-ea"/>
                <a:cs typeface="+mn-cs"/>
              </a:rPr>
              <a:t> a positive human future. </a:t>
            </a:r>
            <a:endParaRPr lang="da-DK" dirty="0"/>
          </a:p>
          <a:p>
            <a:pPr algn="l" rtl="0"/>
            <a:r>
              <a:rPr lang="da-DK" sz="1000" b="0" i="0" u="none" strike="noStrike" kern="1200" normalizeH="0" baseline="0" dirty="0">
                <a:solidFill>
                  <a:schemeClr val="tx1"/>
                </a:solidFill>
                <a:latin typeface="Arial" charset="0"/>
                <a:ea typeface="+mn-ea"/>
                <a:cs typeface="+mn-cs"/>
              </a:rPr>
              <a:t>As </a:t>
            </a:r>
            <a:r>
              <a:rPr lang="da-DK" sz="1000" b="0" i="0" u="none" strike="noStrike" kern="1200" normalizeH="0" baseline="0" dirty="0" err="1">
                <a:solidFill>
                  <a:schemeClr val="tx1"/>
                </a:solidFill>
                <a:latin typeface="Arial" charset="0"/>
                <a:ea typeface="+mn-ea"/>
                <a:cs typeface="+mn-cs"/>
              </a:rPr>
              <a:t>strategie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technologies</a:t>
            </a:r>
            <a:r>
              <a:rPr lang="da-DK" sz="1000" b="0" i="0" u="none" strike="noStrike" kern="1200" normalizeH="0" baseline="0" dirty="0">
                <a:solidFill>
                  <a:schemeClr val="tx1"/>
                </a:solidFill>
                <a:latin typeface="Arial" charset="0"/>
                <a:ea typeface="+mn-ea"/>
                <a:cs typeface="+mn-cs"/>
              </a:rPr>
              <a:t>, and innovation </a:t>
            </a:r>
            <a:r>
              <a:rPr lang="da-DK" sz="1000" b="0" i="0" u="none" strike="noStrike" kern="1200" normalizeH="0" baseline="0" dirty="0" err="1">
                <a:solidFill>
                  <a:schemeClr val="tx1"/>
                </a:solidFill>
                <a:latin typeface="Arial" charset="0"/>
                <a:ea typeface="+mn-ea"/>
                <a:cs typeface="+mn-cs"/>
              </a:rPr>
              <a:t>collid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w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creat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opportunity</a:t>
            </a:r>
            <a:r>
              <a:rPr lang="da-DK" sz="1000" b="0" i="0" u="none" strike="noStrike" kern="1200" normalizeH="0" baseline="0" dirty="0">
                <a:solidFill>
                  <a:schemeClr val="tx1"/>
                </a:solidFill>
                <a:latin typeface="Arial" charset="0"/>
                <a:ea typeface="+mn-ea"/>
                <a:cs typeface="+mn-cs"/>
              </a:rPr>
              <a:t> from </a:t>
            </a:r>
            <a:r>
              <a:rPr lang="da-DK" sz="1000" b="0" i="0" u="none" strike="noStrike" kern="1200" normalizeH="0" baseline="0" dirty="0" err="1">
                <a:solidFill>
                  <a:schemeClr val="tx1"/>
                </a:solidFill>
                <a:latin typeface="Arial" charset="0"/>
                <a:ea typeface="+mn-ea"/>
                <a:cs typeface="+mn-cs"/>
              </a:rPr>
              <a:t>complexity</a:t>
            </a:r>
            <a:r>
              <a:rPr lang="da-DK" sz="1000" b="0" i="0" u="none" strike="noStrike" kern="1200" normalizeH="0" baseline="0" dirty="0">
                <a:solidFill>
                  <a:schemeClr val="tx1"/>
                </a:solidFill>
                <a:latin typeface="Arial" charset="0"/>
                <a:ea typeface="+mn-ea"/>
                <a:cs typeface="+mn-cs"/>
              </a:rPr>
              <a:t>.</a:t>
            </a:r>
            <a:endParaRPr lang="da-DK" dirty="0"/>
          </a:p>
          <a:p>
            <a:pPr algn="l" rtl="0"/>
            <a:r>
              <a:rPr lang="da-DK" sz="1000" b="0" i="0" u="none" strike="noStrike" kern="1200" normalizeH="0" baseline="0" dirty="0" err="1">
                <a:solidFill>
                  <a:schemeClr val="tx1"/>
                </a:solidFill>
                <a:latin typeface="Arial" charset="0"/>
                <a:ea typeface="+mn-ea"/>
                <a:cs typeface="+mn-cs"/>
              </a:rPr>
              <a:t>Our</a:t>
            </a:r>
            <a:r>
              <a:rPr lang="da-DK" sz="1000" b="0" i="0" u="none" strike="noStrike" kern="1200" normalizeH="0" baseline="0" dirty="0">
                <a:solidFill>
                  <a:schemeClr val="tx1"/>
                </a:solidFill>
                <a:latin typeface="Arial" charset="0"/>
                <a:ea typeface="+mn-ea"/>
                <a:cs typeface="+mn-cs"/>
              </a:rPr>
              <a:t> diverse teams of </a:t>
            </a:r>
            <a:r>
              <a:rPr lang="da-DK" sz="1000" b="0" i="0" u="none" strike="noStrike" kern="1200" normalizeH="0" baseline="0" dirty="0" err="1">
                <a:solidFill>
                  <a:schemeClr val="tx1"/>
                </a:solidFill>
                <a:latin typeface="Arial" charset="0"/>
                <a:ea typeface="+mn-ea"/>
                <a:cs typeface="+mn-cs"/>
              </a:rPr>
              <a:t>expert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combine</a:t>
            </a:r>
            <a:r>
              <a:rPr lang="da-DK" sz="1000" b="0" i="0" u="none" strike="noStrike" kern="1200" normalizeH="0" baseline="0" dirty="0">
                <a:solidFill>
                  <a:schemeClr val="tx1"/>
                </a:solidFill>
                <a:latin typeface="Arial" charset="0"/>
                <a:ea typeface="+mn-ea"/>
                <a:cs typeface="+mn-cs"/>
              </a:rPr>
              <a:t> innovative </a:t>
            </a:r>
            <a:r>
              <a:rPr lang="da-DK" sz="1000" b="0" i="0" u="none" strike="noStrike" kern="1200" normalizeH="0" baseline="0" dirty="0" err="1">
                <a:solidFill>
                  <a:schemeClr val="tx1"/>
                </a:solidFill>
                <a:latin typeface="Arial" charset="0"/>
                <a:ea typeface="+mn-ea"/>
                <a:cs typeface="+mn-cs"/>
              </a:rPr>
              <a:t>thinking</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breakthrough</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technologies</a:t>
            </a:r>
            <a:r>
              <a:rPr lang="da-DK" sz="1000" b="0" i="0" u="none" strike="noStrike" kern="1200" normalizeH="0" baseline="0" dirty="0">
                <a:solidFill>
                  <a:schemeClr val="tx1"/>
                </a:solidFill>
                <a:latin typeface="Arial" charset="0"/>
                <a:ea typeface="+mn-ea"/>
                <a:cs typeface="+mn-cs"/>
              </a:rPr>
              <a:t> to </a:t>
            </a:r>
            <a:r>
              <a:rPr lang="da-DK" sz="1000" b="0" i="0" u="none" strike="noStrike" kern="1200" normalizeH="0" baseline="0" dirty="0" err="1">
                <a:solidFill>
                  <a:schemeClr val="tx1"/>
                </a:solidFill>
                <a:latin typeface="Arial" charset="0"/>
                <a:ea typeface="+mn-ea"/>
                <a:cs typeface="+mn-cs"/>
              </a:rPr>
              <a:t>progres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further</a:t>
            </a:r>
            <a:r>
              <a:rPr lang="da-DK" sz="1000" b="0" i="0" u="none" strike="noStrike" kern="1200" normalizeH="0" baseline="0" dirty="0">
                <a:solidFill>
                  <a:schemeClr val="tx1"/>
                </a:solidFill>
                <a:latin typeface="Arial" charset="0"/>
                <a:ea typeface="+mn-ea"/>
                <a:cs typeface="+mn-cs"/>
              </a:rPr>
              <a:t>, faster. </a:t>
            </a:r>
            <a:r>
              <a:rPr lang="da-DK" sz="1000" b="0" i="0" u="none" strike="noStrike" kern="1200" normalizeH="0" baseline="0" dirty="0" err="1">
                <a:solidFill>
                  <a:schemeClr val="tx1"/>
                </a:solidFill>
                <a:latin typeface="Arial" charset="0"/>
                <a:ea typeface="+mn-ea"/>
                <a:cs typeface="+mn-cs"/>
              </a:rPr>
              <a:t>Our</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client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adapt</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transform</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together</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w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achiev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enduring</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results</a:t>
            </a:r>
            <a:r>
              <a:rPr lang="da-DK" sz="1000" b="0" i="0" u="none" strike="noStrike" kern="1200" normalizeH="0" baseline="0" dirty="0">
                <a:solidFill>
                  <a:schemeClr val="tx1"/>
                </a:solidFill>
                <a:latin typeface="Arial" charset="0"/>
                <a:ea typeface="+mn-ea"/>
                <a:cs typeface="+mn-cs"/>
              </a:rPr>
              <a:t>.</a:t>
            </a:r>
            <a:endParaRPr lang="da-DK" dirty="0"/>
          </a:p>
          <a:p>
            <a:pPr algn="l" rtl="0"/>
            <a:r>
              <a:rPr lang="da-DK" sz="1000" b="0" i="0" u="none" strike="noStrike" kern="1200" normalizeH="0" baseline="0" dirty="0" err="1">
                <a:solidFill>
                  <a:schemeClr val="tx1"/>
                </a:solidFill>
                <a:latin typeface="Arial" charset="0"/>
                <a:ea typeface="+mn-ea"/>
                <a:cs typeface="+mn-cs"/>
              </a:rPr>
              <a:t>W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ar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about</a:t>
            </a:r>
            <a:r>
              <a:rPr lang="da-DK" sz="1000" b="0" i="0" u="none" strike="noStrike" kern="1200" normalizeH="0" baseline="0" dirty="0">
                <a:solidFill>
                  <a:schemeClr val="tx1"/>
                </a:solidFill>
                <a:latin typeface="Arial" charset="0"/>
                <a:ea typeface="+mn-ea"/>
                <a:cs typeface="+mn-cs"/>
              </a:rPr>
              <a:t> 4,000 strategists, innovators, designers, </a:t>
            </a:r>
            <a:r>
              <a:rPr lang="da-DK" sz="1000" b="0" i="0" u="none" strike="noStrike" kern="1200" normalizeH="0" baseline="0" dirty="0" err="1">
                <a:solidFill>
                  <a:schemeClr val="tx1"/>
                </a:solidFill>
                <a:latin typeface="Arial" charset="0"/>
                <a:ea typeface="+mn-ea"/>
                <a:cs typeface="+mn-cs"/>
              </a:rPr>
              <a:t>consultants</a:t>
            </a:r>
            <a:r>
              <a:rPr lang="da-DK" sz="1000" b="0" i="0" u="none" strike="noStrike" kern="1200" normalizeH="0" baseline="0" dirty="0">
                <a:solidFill>
                  <a:schemeClr val="tx1"/>
                </a:solidFill>
                <a:latin typeface="Arial" charset="0"/>
                <a:ea typeface="+mn-ea"/>
                <a:cs typeface="+mn-cs"/>
              </a:rPr>
              <a:t>, digital </a:t>
            </a:r>
            <a:r>
              <a:rPr lang="da-DK" sz="1000" b="0" i="0" u="none" strike="noStrike" kern="1200" normalizeH="0" baseline="0" dirty="0" err="1">
                <a:solidFill>
                  <a:schemeClr val="tx1"/>
                </a:solidFill>
                <a:latin typeface="Arial" charset="0"/>
                <a:ea typeface="+mn-ea"/>
                <a:cs typeface="+mn-cs"/>
              </a:rPr>
              <a:t>expert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scientist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engineers</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technologists</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we</a:t>
            </a:r>
            <a:r>
              <a:rPr lang="da-DK" sz="1000" b="0" i="0" u="none" strike="noStrike" kern="1200" normalizeH="0" baseline="0" dirty="0">
                <a:solidFill>
                  <a:schemeClr val="tx1"/>
                </a:solidFill>
                <a:latin typeface="Arial" charset="0"/>
                <a:ea typeface="+mn-ea"/>
                <a:cs typeface="+mn-cs"/>
              </a:rPr>
              <a:t> have </a:t>
            </a:r>
            <a:r>
              <a:rPr lang="da-DK" sz="1000" b="0" i="0" u="none" strike="noStrike" kern="1200" normalizeH="0" baseline="0" dirty="0" err="1">
                <a:solidFill>
                  <a:schemeClr val="tx1"/>
                </a:solidFill>
                <a:latin typeface="Arial" charset="0"/>
                <a:ea typeface="+mn-ea"/>
                <a:cs typeface="+mn-cs"/>
              </a:rPr>
              <a:t>deep</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expertise</a:t>
            </a:r>
            <a:r>
              <a:rPr lang="da-DK" sz="1000" b="0" i="0" u="none" strike="noStrike" kern="1200" normalizeH="0" baseline="0" dirty="0">
                <a:solidFill>
                  <a:schemeClr val="tx1"/>
                </a:solidFill>
                <a:latin typeface="Arial" charset="0"/>
                <a:ea typeface="+mn-ea"/>
                <a:cs typeface="+mn-cs"/>
              </a:rPr>
              <a:t> in </a:t>
            </a:r>
            <a:r>
              <a:rPr lang="da-DK" sz="1000" b="0" i="0" u="none" strike="noStrike" kern="1200" normalizeH="0" baseline="0" dirty="0" err="1">
                <a:solidFill>
                  <a:schemeClr val="tx1"/>
                </a:solidFill>
                <a:latin typeface="Arial" charset="0"/>
                <a:ea typeface="+mn-ea"/>
                <a:cs typeface="+mn-cs"/>
              </a:rPr>
              <a:t>consumer</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manufacturing</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defence</a:t>
            </a:r>
            <a:r>
              <a:rPr lang="da-DK" sz="1000" b="0" i="0" u="none" strike="noStrike" kern="1200" normalizeH="0" baseline="0" dirty="0">
                <a:solidFill>
                  <a:schemeClr val="tx1"/>
                </a:solidFill>
                <a:latin typeface="Arial" charset="0"/>
                <a:ea typeface="+mn-ea"/>
                <a:cs typeface="+mn-cs"/>
              </a:rPr>
              <a:t> and security, </a:t>
            </a:r>
            <a:r>
              <a:rPr lang="da-DK" sz="1000" b="0" i="0" u="none" strike="noStrike" kern="1200" normalizeH="0" baseline="0" dirty="0" err="1">
                <a:solidFill>
                  <a:schemeClr val="tx1"/>
                </a:solidFill>
                <a:latin typeface="Arial" charset="0"/>
                <a:ea typeface="+mn-ea"/>
                <a:cs typeface="+mn-cs"/>
              </a:rPr>
              <a:t>energy</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utilitie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financial</a:t>
            </a:r>
            <a:r>
              <a:rPr lang="da-DK" sz="1000" b="0" i="0" u="none" strike="noStrike" kern="1200" normalizeH="0" baseline="0" dirty="0">
                <a:solidFill>
                  <a:schemeClr val="tx1"/>
                </a:solidFill>
                <a:latin typeface="Arial" charset="0"/>
                <a:ea typeface="+mn-ea"/>
                <a:cs typeface="+mn-cs"/>
              </a:rPr>
              <a:t> services, </a:t>
            </a:r>
            <a:r>
              <a:rPr lang="da-DK" sz="1000" b="0" i="0" u="none" strike="noStrike" kern="1200" normalizeH="0" baseline="0" dirty="0" err="1">
                <a:solidFill>
                  <a:schemeClr val="tx1"/>
                </a:solidFill>
                <a:latin typeface="Arial" charset="0"/>
                <a:ea typeface="+mn-ea"/>
                <a:cs typeface="+mn-cs"/>
              </a:rPr>
              <a:t>government</a:t>
            </a:r>
            <a:r>
              <a:rPr lang="da-DK" sz="1000" b="0" i="0" u="none" strike="noStrike" kern="1200" normalizeH="0" baseline="0" dirty="0">
                <a:solidFill>
                  <a:schemeClr val="tx1"/>
                </a:solidFill>
                <a:latin typeface="Arial" charset="0"/>
                <a:ea typeface="+mn-ea"/>
                <a:cs typeface="+mn-cs"/>
              </a:rPr>
              <a:t> and public services, </a:t>
            </a:r>
            <a:r>
              <a:rPr lang="da-DK" sz="1000" b="0" i="0" u="none" strike="noStrike" kern="1200" normalizeH="0" baseline="0" dirty="0" err="1">
                <a:solidFill>
                  <a:schemeClr val="tx1"/>
                </a:solidFill>
                <a:latin typeface="Arial" charset="0"/>
                <a:ea typeface="+mn-ea"/>
                <a:cs typeface="+mn-cs"/>
              </a:rPr>
              <a:t>health</a:t>
            </a:r>
            <a:r>
              <a:rPr lang="da-DK" sz="1000" b="0" i="0" u="none" strike="noStrike" kern="1200" normalizeH="0" baseline="0" dirty="0">
                <a:solidFill>
                  <a:schemeClr val="tx1"/>
                </a:solidFill>
                <a:latin typeface="Arial" charset="0"/>
                <a:ea typeface="+mn-ea"/>
                <a:cs typeface="+mn-cs"/>
              </a:rPr>
              <a:t> and </a:t>
            </a:r>
            <a:r>
              <a:rPr lang="da-DK" sz="1000" b="0" i="0" u="none" strike="noStrike" kern="1200" normalizeH="0" baseline="0" dirty="0" err="1">
                <a:solidFill>
                  <a:schemeClr val="tx1"/>
                </a:solidFill>
                <a:latin typeface="Arial" charset="0"/>
                <a:ea typeface="+mn-ea"/>
                <a:cs typeface="+mn-cs"/>
              </a:rPr>
              <a:t>lif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sciences</a:t>
            </a:r>
            <a:r>
              <a:rPr lang="da-DK" sz="1000" b="0" i="0" u="none" strike="noStrike" kern="1200" normalizeH="0" baseline="0" dirty="0">
                <a:solidFill>
                  <a:schemeClr val="tx1"/>
                </a:solidFill>
                <a:latin typeface="Arial" charset="0"/>
                <a:ea typeface="+mn-ea"/>
                <a:cs typeface="+mn-cs"/>
              </a:rPr>
              <a:t>, and transport. </a:t>
            </a:r>
            <a:endParaRPr lang="da-DK" dirty="0"/>
          </a:p>
          <a:p>
            <a:pPr algn="l" rtl="0"/>
            <a:r>
              <a:rPr lang="da-DK" sz="1000" b="0" i="0" u="none" strike="noStrike" kern="1200" normalizeH="0" baseline="0" dirty="0" err="1">
                <a:solidFill>
                  <a:schemeClr val="tx1"/>
                </a:solidFill>
                <a:latin typeface="Arial" charset="0"/>
                <a:ea typeface="+mn-ea"/>
                <a:cs typeface="+mn-cs"/>
              </a:rPr>
              <a:t>Our</a:t>
            </a:r>
            <a:r>
              <a:rPr lang="da-DK" sz="1000" b="0" i="0" u="none" strike="noStrike" kern="1200" normalizeH="0" baseline="0" dirty="0">
                <a:solidFill>
                  <a:schemeClr val="tx1"/>
                </a:solidFill>
                <a:latin typeface="Arial" charset="0"/>
                <a:ea typeface="+mn-ea"/>
                <a:cs typeface="+mn-cs"/>
              </a:rPr>
              <a:t> teams </a:t>
            </a:r>
            <a:r>
              <a:rPr lang="da-DK" sz="1000" b="0" i="0" u="none" strike="noStrike" kern="1200" normalizeH="0" baseline="0" dirty="0" err="1">
                <a:solidFill>
                  <a:schemeClr val="tx1"/>
                </a:solidFill>
                <a:latin typeface="Arial" charset="0"/>
                <a:ea typeface="+mn-ea"/>
                <a:cs typeface="+mn-cs"/>
              </a:rPr>
              <a:t>operate</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globally</a:t>
            </a:r>
            <a:r>
              <a:rPr lang="da-DK" sz="1000" b="0" i="0" u="none" strike="noStrike" kern="1200" normalizeH="0" baseline="0" dirty="0">
                <a:solidFill>
                  <a:schemeClr val="tx1"/>
                </a:solidFill>
                <a:latin typeface="Arial" charset="0"/>
                <a:ea typeface="+mn-ea"/>
                <a:cs typeface="+mn-cs"/>
              </a:rPr>
              <a:t> from </a:t>
            </a:r>
            <a:r>
              <a:rPr lang="da-DK" sz="1000" b="0" i="0" u="none" strike="noStrike" kern="1200" normalizeH="0" baseline="0" dirty="0" err="1">
                <a:solidFill>
                  <a:schemeClr val="tx1"/>
                </a:solidFill>
                <a:latin typeface="Arial" charset="0"/>
                <a:ea typeface="+mn-ea"/>
                <a:cs typeface="+mn-cs"/>
              </a:rPr>
              <a:t>offices</a:t>
            </a:r>
            <a:r>
              <a:rPr lang="da-DK" sz="1000" b="0" i="0" u="none" strike="noStrike" kern="1200" normalizeH="0" baseline="0" dirty="0">
                <a:solidFill>
                  <a:schemeClr val="tx1"/>
                </a:solidFill>
                <a:latin typeface="Arial" charset="0"/>
                <a:ea typeface="+mn-ea"/>
                <a:cs typeface="+mn-cs"/>
              </a:rPr>
              <a:t> </a:t>
            </a:r>
            <a:r>
              <a:rPr lang="da-DK" sz="1000" b="0" i="0" u="none" strike="noStrike" kern="1200" normalizeH="0" baseline="0" dirty="0" err="1">
                <a:solidFill>
                  <a:schemeClr val="tx1"/>
                </a:solidFill>
                <a:latin typeface="Arial" charset="0"/>
                <a:ea typeface="+mn-ea"/>
                <a:cs typeface="+mn-cs"/>
              </a:rPr>
              <a:t>across</a:t>
            </a:r>
            <a:r>
              <a:rPr lang="da-DK" sz="1000" b="0" i="0" u="none" strike="noStrike" kern="1200" normalizeH="0" baseline="0" dirty="0">
                <a:solidFill>
                  <a:schemeClr val="tx1"/>
                </a:solidFill>
                <a:latin typeface="Arial" charset="0"/>
                <a:ea typeface="+mn-ea"/>
                <a:cs typeface="+mn-cs"/>
              </a:rPr>
              <a:t> the UK, Ireland, US, Nordics, and </a:t>
            </a:r>
            <a:r>
              <a:rPr lang="da-DK" sz="1000" b="0" i="0" u="none" strike="noStrike" kern="1200" normalizeH="0" baseline="0" dirty="0" err="1">
                <a:solidFill>
                  <a:schemeClr val="tx1"/>
                </a:solidFill>
                <a:latin typeface="Arial" charset="0"/>
                <a:ea typeface="+mn-ea"/>
                <a:cs typeface="+mn-cs"/>
              </a:rPr>
              <a:t>Netherlands</a:t>
            </a:r>
            <a:r>
              <a:rPr lang="da-DK" sz="1000" b="0" i="0" u="none" strike="noStrike" kern="1200" normalizeH="0" baseline="0" dirty="0">
                <a:solidFill>
                  <a:schemeClr val="tx1"/>
                </a:solidFill>
                <a:latin typeface="Arial" charset="0"/>
                <a:ea typeface="+mn-ea"/>
                <a:cs typeface="+mn-cs"/>
              </a:rPr>
              <a:t>. </a:t>
            </a:r>
            <a:endParaRPr lang="da-DK" dirty="0"/>
          </a:p>
          <a:p>
            <a:pPr algn="l" rtl="0"/>
            <a:r>
              <a:rPr kumimoji="0" lang="da-DK" sz="1000" b="1" i="0" u="none" strike="noStrike" kern="1200" cap="none" spc="0" normalizeH="0" baseline="0" noProof="0" dirty="0">
                <a:ln>
                  <a:noFill/>
                </a:ln>
                <a:solidFill>
                  <a:schemeClr val="tx1"/>
                </a:solidFill>
                <a:effectLst/>
                <a:uLnTx/>
                <a:uFillTx/>
                <a:latin typeface="Arial" charset="0"/>
                <a:ea typeface="+mn-ea"/>
                <a:cs typeface="+mn-cs"/>
              </a:rPr>
              <a:t>PA. </a:t>
            </a:r>
            <a:r>
              <a:rPr kumimoji="0" lang="da-DK" sz="1000" b="1" i="0" u="none" strike="noStrike" kern="1200" cap="none" spc="0" normalizeH="0" baseline="0" noProof="0" dirty="0" err="1">
                <a:ln>
                  <a:noFill/>
                </a:ln>
                <a:solidFill>
                  <a:schemeClr val="tx1"/>
                </a:solidFill>
                <a:effectLst/>
                <a:uLnTx/>
                <a:uFillTx/>
                <a:latin typeface="Arial" charset="0"/>
                <a:ea typeface="+mn-ea"/>
                <a:cs typeface="+mn-cs"/>
              </a:rPr>
              <a:t>Bringing</a:t>
            </a:r>
            <a:r>
              <a:rPr kumimoji="0" lang="da-DK" sz="1000" b="1" i="0" u="none" strike="noStrike" kern="1200" cap="none" spc="0" normalizeH="0" baseline="0" noProof="0" dirty="0">
                <a:ln>
                  <a:noFill/>
                </a:ln>
                <a:solidFill>
                  <a:schemeClr val="tx1"/>
                </a:solidFill>
                <a:effectLst/>
                <a:uLnTx/>
                <a:uFillTx/>
                <a:latin typeface="Arial" charset="0"/>
                <a:ea typeface="+mn-ea"/>
                <a:cs typeface="+mn-cs"/>
              </a:rPr>
              <a:t> </a:t>
            </a:r>
            <a:r>
              <a:rPr kumimoji="0" lang="da-DK" sz="1000" b="1" i="0" u="none" strike="noStrike" kern="1200" cap="none" spc="0" normalizeH="0" baseline="0" noProof="0" dirty="0" err="1">
                <a:ln>
                  <a:noFill/>
                </a:ln>
                <a:solidFill>
                  <a:schemeClr val="tx1"/>
                </a:solidFill>
                <a:effectLst/>
                <a:uLnTx/>
                <a:uFillTx/>
                <a:latin typeface="Arial" charset="0"/>
                <a:ea typeface="+mn-ea"/>
                <a:cs typeface="+mn-cs"/>
              </a:rPr>
              <a:t>Ingenuity</a:t>
            </a:r>
            <a:r>
              <a:rPr kumimoji="0" lang="da-DK" sz="1000" b="1" i="0" u="none" strike="noStrike" kern="1200" cap="none" spc="0" normalizeH="0" baseline="0" noProof="0" dirty="0">
                <a:ln>
                  <a:noFill/>
                </a:ln>
                <a:solidFill>
                  <a:schemeClr val="tx1"/>
                </a:solidFill>
                <a:effectLst/>
                <a:uLnTx/>
                <a:uFillTx/>
                <a:latin typeface="Arial" charset="0"/>
                <a:ea typeface="+mn-ea"/>
                <a:cs typeface="+mn-cs"/>
              </a:rPr>
              <a:t> to Life.</a:t>
            </a:r>
            <a:endParaRPr lang="da-DK" dirty="0"/>
          </a:p>
        </p:txBody>
      </p:sp>
      <p:sp>
        <p:nvSpPr>
          <p:cNvPr id="20" name="Rectangle 19">
            <a:extLst>
              <a:ext uri="{FF2B5EF4-FFF2-40B4-BE49-F238E27FC236}">
                <a16:creationId xmlns:a16="http://schemas.microsoft.com/office/drawing/2014/main" id="{EB3F913C-45D3-4E14-B83F-587DFD213D06}"/>
              </a:ext>
            </a:extLst>
          </p:cNvPr>
          <p:cNvSpPr/>
          <p:nvPr userDrawn="1"/>
        </p:nvSpPr>
        <p:spPr>
          <a:xfrm>
            <a:off x="552450" y="6011962"/>
            <a:ext cx="4249561" cy="153888"/>
          </a:xfrm>
          <a:prstGeom prst="rect">
            <a:avLst/>
          </a:prstGeom>
        </p:spPr>
        <p:txBody>
          <a:bodyPr wrap="none" lIns="0" tIns="0" rIns="0" bIns="0">
            <a:spAutoFit/>
          </a:bodyPr>
          <a:lstStyle/>
          <a:p>
            <a:pPr fontAlgn="base"/>
            <a:r>
              <a:rPr lang="da-DK" sz="1000" u="none" dirty="0" err="1">
                <a:solidFill>
                  <a:srgbClr val="000000"/>
                </a:solidFill>
                <a:effectLst/>
                <a:latin typeface="+mn-lt"/>
                <a:ea typeface="Calibri" panose="020F0502020204030204" pitchFamily="34" charset="0"/>
              </a:rPr>
              <a:t>Discover</a:t>
            </a:r>
            <a:r>
              <a:rPr lang="da-DK" sz="1000" u="none" dirty="0">
                <a:solidFill>
                  <a:srgbClr val="000000"/>
                </a:solidFill>
                <a:effectLst/>
                <a:latin typeface="+mn-lt"/>
                <a:ea typeface="Calibri" panose="020F0502020204030204" pitchFamily="34" charset="0"/>
              </a:rPr>
              <a:t> more at </a:t>
            </a:r>
            <a:r>
              <a:rPr lang="da-DK" sz="1000" u="sng" dirty="0">
                <a:solidFill>
                  <a:srgbClr val="0563C1"/>
                </a:solidFill>
                <a:effectLst/>
                <a:latin typeface="+mn-lt"/>
                <a:ea typeface="Calibri" panose="020F0502020204030204" pitchFamily="34" charset="0"/>
                <a:hlinkClick r:id="rId5">
                  <a:extLst>
                    <a:ext uri="{A12FA001-AC4F-418D-AE19-62706E023703}">
                      <ahyp:hlinkClr xmlns:ahyp="http://schemas.microsoft.com/office/drawing/2018/hyperlinkcolor" val="tx"/>
                    </a:ext>
                  </a:extLst>
                </a:hlinkClick>
              </a:rPr>
              <a:t>paconsulting.com</a:t>
            </a:r>
            <a:r>
              <a:rPr lang="da-DK" sz="1000" dirty="0">
                <a:solidFill>
                  <a:srgbClr val="000000"/>
                </a:solidFill>
                <a:effectLst/>
                <a:latin typeface="+mn-lt"/>
                <a:ea typeface="Calibri" panose="020F0502020204030204" pitchFamily="34" charset="0"/>
              </a:rPr>
              <a:t> and </a:t>
            </a:r>
            <a:r>
              <a:rPr lang="da-DK" sz="1000" dirty="0" err="1">
                <a:solidFill>
                  <a:srgbClr val="000000"/>
                </a:solidFill>
                <a:effectLst/>
                <a:latin typeface="+mn-lt"/>
                <a:ea typeface="Calibri" panose="020F0502020204030204" pitchFamily="34" charset="0"/>
              </a:rPr>
              <a:t>connect</a:t>
            </a:r>
            <a:r>
              <a:rPr lang="da-DK" sz="1000" dirty="0">
                <a:solidFill>
                  <a:srgbClr val="000000"/>
                </a:solidFill>
                <a:effectLst/>
                <a:latin typeface="+mn-lt"/>
                <a:ea typeface="Calibri" panose="020F0502020204030204" pitchFamily="34" charset="0"/>
              </a:rPr>
              <a:t> with PA on </a:t>
            </a:r>
            <a:r>
              <a:rPr lang="da-DK" sz="1000" u="sng" dirty="0">
                <a:solidFill>
                  <a:srgbClr val="0563C1"/>
                </a:solidFill>
                <a:effectLst/>
                <a:latin typeface="+mn-lt"/>
                <a:ea typeface="Calibri" panose="020F0502020204030204" pitchFamily="34" charset="0"/>
                <a:hlinkClick r:id="rId6">
                  <a:extLst>
                    <a:ext uri="{A12FA001-AC4F-418D-AE19-62706E023703}">
                      <ahyp:hlinkClr xmlns:ahyp="http://schemas.microsoft.com/office/drawing/2018/hyperlinkcolor" val="tx"/>
                    </a:ext>
                  </a:extLst>
                </a:hlinkClick>
              </a:rPr>
              <a:t>LinkedIn</a:t>
            </a:r>
            <a:r>
              <a:rPr lang="da-DK" sz="1000" u="sng" dirty="0">
                <a:solidFill>
                  <a:srgbClr val="0563C1"/>
                </a:solidFill>
                <a:effectLst/>
                <a:latin typeface="+mn-lt"/>
                <a:ea typeface="Calibri" panose="020F0502020204030204" pitchFamily="34" charset="0"/>
              </a:rPr>
              <a:t> </a:t>
            </a:r>
            <a:r>
              <a:rPr lang="da-DK" sz="1000" dirty="0">
                <a:solidFill>
                  <a:srgbClr val="000000"/>
                </a:solidFill>
                <a:effectLst/>
                <a:latin typeface="+mn-lt"/>
                <a:ea typeface="Calibri" panose="020F0502020204030204" pitchFamily="34" charset="0"/>
              </a:rPr>
              <a:t>and </a:t>
            </a:r>
            <a:r>
              <a:rPr lang="da-DK" sz="1000" u="sng" dirty="0">
                <a:solidFill>
                  <a:srgbClr val="0563C1"/>
                </a:solidFill>
                <a:effectLst/>
                <a:latin typeface="+mn-lt"/>
                <a:ea typeface="Calibri" panose="020F0502020204030204" pitchFamily="34" charset="0"/>
                <a:hlinkClick r:id="rId7">
                  <a:extLst>
                    <a:ext uri="{A12FA001-AC4F-418D-AE19-62706E023703}">
                      <ahyp:hlinkClr xmlns:ahyp="http://schemas.microsoft.com/office/drawing/2018/hyperlinkcolor" val="tx"/>
                    </a:ext>
                  </a:extLst>
                </a:hlinkClick>
              </a:rPr>
              <a:t>X</a:t>
            </a:r>
            <a:endParaRPr lang="da-DK" sz="1000" dirty="0">
              <a:solidFill>
                <a:srgbClr val="0563C1"/>
              </a:solidFill>
              <a:effectLst/>
              <a:latin typeface="+mn-lt"/>
              <a:ea typeface="Calibri" panose="020F0502020204030204" pitchFamily="34" charset="0"/>
            </a:endParaRPr>
          </a:p>
        </p:txBody>
      </p:sp>
      <p:cxnSp>
        <p:nvCxnSpPr>
          <p:cNvPr id="21" name="Straight Connector 20">
            <a:extLst>
              <a:ext uri="{FF2B5EF4-FFF2-40B4-BE49-F238E27FC236}">
                <a16:creationId xmlns:a16="http://schemas.microsoft.com/office/drawing/2014/main" id="{EB31A90E-52D8-4B71-8D75-C40ACD13D4FE}"/>
              </a:ext>
            </a:extLst>
          </p:cNvPr>
          <p:cNvCxnSpPr>
            <a:cxnSpLocks/>
          </p:cNvCxnSpPr>
          <p:nvPr userDrawn="1"/>
        </p:nvCxnSpPr>
        <p:spPr>
          <a:xfrm>
            <a:off x="552450" y="5845581"/>
            <a:ext cx="5619318" cy="0"/>
          </a:xfrm>
          <a:prstGeom prst="line">
            <a:avLst/>
          </a:prstGeom>
          <a:ln>
            <a:solidFill>
              <a:schemeClr val="accent4"/>
            </a:solidFill>
          </a:ln>
        </p:spPr>
        <p:style>
          <a:lnRef idx="1">
            <a:schemeClr val="accent1"/>
          </a:lnRef>
          <a:fillRef idx="0">
            <a:schemeClr val="accent1"/>
          </a:fillRef>
          <a:effectRef idx="0">
            <a:schemeClr val="accent1"/>
          </a:effectRef>
          <a:fontRef idx="minor">
            <a:schemeClr val="tx1"/>
          </a:fontRef>
        </p:style>
      </p:cxnSp>
      <p:sp>
        <p:nvSpPr>
          <p:cNvPr id="2" name="Address" descr="{&quot;templafy&quot;:{&quot;id&quot;:&quot;a342c253-05fa-429e-b450-f65e69f38240&quot;}}">
            <a:extLst>
              <a:ext uri="{FF2B5EF4-FFF2-40B4-BE49-F238E27FC236}">
                <a16:creationId xmlns:a16="http://schemas.microsoft.com/office/drawing/2014/main" id="{8901F19C-00DF-080E-BE3B-A06051CA14B8}"/>
              </a:ext>
            </a:extLst>
          </p:cNvPr>
          <p:cNvSpPr/>
          <p:nvPr userDrawn="1"/>
        </p:nvSpPr>
        <p:spPr>
          <a:xfrm>
            <a:off x="8829604" y="1759589"/>
            <a:ext cx="2592000" cy="61555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da-DK" sz="800" b="0" dirty="0">
                <a:solidFill>
                  <a:schemeClr val="bg1"/>
                </a:solidFill>
              </a:rPr>
              <a:t>Portland Towers
Göteborg Plads 1
DK-2150
Nordhavn
+45 39 25 5000</a:t>
            </a:r>
          </a:p>
        </p:txBody>
      </p:sp>
    </p:spTree>
    <p:extLst>
      <p:ext uri="{BB962C8B-B14F-4D97-AF65-F5344CB8AC3E}">
        <p14:creationId xmlns:p14="http://schemas.microsoft.com/office/powerpoint/2010/main" val="277305366"/>
      </p:ext>
    </p:extLst>
  </p:cSld>
  <p:clrMapOvr>
    <a:masterClrMapping/>
  </p:clrMapOvr>
  <p:transition>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OC Slide">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86A2DEF8-1492-4366-9112-AE7D0E10CD94}"/>
              </a:ext>
            </a:extLst>
          </p:cNvPr>
          <p:cNvSpPr>
            <a:spLocks noGrp="1"/>
          </p:cNvSpPr>
          <p:nvPr>
            <p:ph type="title" hasCustomPrompt="1"/>
          </p:nvPr>
        </p:nvSpPr>
        <p:spPr>
          <a:xfrm>
            <a:off x="554355" y="512763"/>
            <a:ext cx="5469890" cy="792465"/>
          </a:xfrm>
        </p:spPr>
        <p:txBody>
          <a:bodyPr/>
          <a:lstStyle>
            <a:lvl1pPr>
              <a:defRPr/>
            </a:lvl1pPr>
          </a:lstStyle>
          <a:p>
            <a:r>
              <a:rPr lang="da-DK"/>
              <a:t>Contents</a:t>
            </a:r>
          </a:p>
        </p:txBody>
      </p:sp>
      <p:cxnSp>
        <p:nvCxnSpPr>
          <p:cNvPr id="6" name="Straight Connector 5">
            <a:extLst>
              <a:ext uri="{FF2B5EF4-FFF2-40B4-BE49-F238E27FC236}">
                <a16:creationId xmlns:a16="http://schemas.microsoft.com/office/drawing/2014/main" id="{B912F9E5-5382-4E55-BAA9-D274B2F3603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95613812"/>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C Slide B">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86A2DEF8-1492-4366-9112-AE7D0E10CD94}"/>
              </a:ext>
            </a:extLst>
          </p:cNvPr>
          <p:cNvSpPr>
            <a:spLocks noGrp="1"/>
          </p:cNvSpPr>
          <p:nvPr>
            <p:ph type="title" hasCustomPrompt="1"/>
          </p:nvPr>
        </p:nvSpPr>
        <p:spPr>
          <a:xfrm>
            <a:off x="554355" y="512763"/>
            <a:ext cx="5469890" cy="792465"/>
          </a:xfrm>
        </p:spPr>
        <p:txBody>
          <a:bodyPr/>
          <a:lstStyle>
            <a:lvl1pPr>
              <a:defRPr/>
            </a:lvl1pPr>
          </a:lstStyle>
          <a:p>
            <a:r>
              <a:rPr lang="da-DK" dirty="0"/>
              <a:t>Contents</a:t>
            </a:r>
          </a:p>
        </p:txBody>
      </p:sp>
      <p:cxnSp>
        <p:nvCxnSpPr>
          <p:cNvPr id="6" name="Straight Connector 5">
            <a:extLst>
              <a:ext uri="{FF2B5EF4-FFF2-40B4-BE49-F238E27FC236}">
                <a16:creationId xmlns:a16="http://schemas.microsoft.com/office/drawing/2014/main" id="{B912F9E5-5382-4E55-BAA9-D274B2F3603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4" name="Picture Placeholder 3">
            <a:extLst>
              <a:ext uri="{FF2B5EF4-FFF2-40B4-BE49-F238E27FC236}">
                <a16:creationId xmlns:a16="http://schemas.microsoft.com/office/drawing/2014/main" id="{4D56E0F0-0940-44DB-A9DE-1C99EB033B1E}"/>
              </a:ext>
            </a:extLst>
          </p:cNvPr>
          <p:cNvSpPr>
            <a:spLocks noGrp="1"/>
          </p:cNvSpPr>
          <p:nvPr>
            <p:ph type="pic" sz="quarter" idx="24"/>
          </p:nvPr>
        </p:nvSpPr>
        <p:spPr>
          <a:xfrm>
            <a:off x="8042277" y="0"/>
            <a:ext cx="4152897" cy="6859588"/>
          </a:xfrm>
          <a:custGeom>
            <a:avLst/>
            <a:gdLst>
              <a:gd name="connsiteX0" fmla="*/ 103786 w 4152897"/>
              <a:gd name="connsiteY0" fmla="*/ 0 h 6859588"/>
              <a:gd name="connsiteX1" fmla="*/ 4152897 w 4152897"/>
              <a:gd name="connsiteY1" fmla="*/ 0 h 6859588"/>
              <a:gd name="connsiteX2" fmla="*/ 4152897 w 4152897"/>
              <a:gd name="connsiteY2" fmla="*/ 6859588 h 6859588"/>
              <a:gd name="connsiteX3" fmla="*/ 103786 w 4152897"/>
              <a:gd name="connsiteY3" fmla="*/ 6859588 h 6859588"/>
              <a:gd name="connsiteX4" fmla="*/ 0 w 4152897"/>
              <a:gd name="connsiteY4" fmla="*/ 6755802 h 6859588"/>
              <a:gd name="connsiteX5" fmla="*/ 0 w 4152897"/>
              <a:gd name="connsiteY5" fmla="*/ 103786 h 6859588"/>
              <a:gd name="connsiteX6" fmla="*/ 103786 w 415289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152897" h="6859588">
                <a:moveTo>
                  <a:pt x="103786" y="0"/>
                </a:moveTo>
                <a:lnTo>
                  <a:pt x="4152897" y="0"/>
                </a:lnTo>
                <a:lnTo>
                  <a:pt x="415289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Tree>
    <p:extLst>
      <p:ext uri="{BB962C8B-B14F-4D97-AF65-F5344CB8AC3E}">
        <p14:creationId xmlns:p14="http://schemas.microsoft.com/office/powerpoint/2010/main" val="3419460365"/>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Quote - Large Image 1">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2CF645C-E224-46A4-A63E-73E0CCF51C5E}"/>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flipH="1">
            <a:off x="-1" y="0"/>
            <a:ext cx="12195175" cy="6859786"/>
          </a:xfrm>
          <a:prstGeom prst="rect">
            <a:avLst/>
          </a:prstGeom>
        </p:spPr>
      </p:pic>
      <p:sp>
        <p:nvSpPr>
          <p:cNvPr id="21" name="Text Placeholder 2">
            <a:extLst>
              <a:ext uri="{FF2B5EF4-FFF2-40B4-BE49-F238E27FC236}">
                <a16:creationId xmlns:a16="http://schemas.microsoft.com/office/drawing/2014/main" id="{5592E049-09F0-4A02-954E-2DE6D31D169A}"/>
              </a:ext>
            </a:extLst>
          </p:cNvPr>
          <p:cNvSpPr>
            <a:spLocks noGrp="1"/>
          </p:cNvSpPr>
          <p:nvPr>
            <p:ph type="body" sz="quarter" idx="21"/>
          </p:nvPr>
        </p:nvSpPr>
        <p:spPr>
          <a:xfrm>
            <a:off x="552450" y="2680569"/>
            <a:ext cx="3749675" cy="2799083"/>
          </a:xfrm>
        </p:spPr>
        <p:txBody>
          <a:bodyPr tIns="0" rIns="0" bIns="0" anchor="b"/>
          <a:lstStyle>
            <a:lvl1pPr marL="0" indent="0" algn="l">
              <a:spcAft>
                <a:spcPts val="0"/>
              </a:spcAft>
              <a:defRPr>
                <a:solidFill>
                  <a:schemeClr val="bg1"/>
                </a:solidFill>
              </a:defRPr>
            </a:lvl1pPr>
            <a:lvl2pPr algn="l">
              <a:spcAft>
                <a:spcPts val="0"/>
              </a:spcAft>
              <a:defRPr>
                <a:solidFill>
                  <a:schemeClr val="bg1"/>
                </a:solidFill>
              </a:defRPr>
            </a:lvl2pPr>
            <a:lvl3pPr algn="l">
              <a:spcAft>
                <a:spcPts val="0"/>
              </a:spcAft>
              <a:defRPr>
                <a:solidFill>
                  <a:schemeClr val="bg1"/>
                </a:solidFill>
              </a:defRPr>
            </a:lvl3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p:txBody>
      </p:sp>
      <p:sp>
        <p:nvSpPr>
          <p:cNvPr id="28" name="Text Placeholder 55">
            <a:extLst>
              <a:ext uri="{FF2B5EF4-FFF2-40B4-BE49-F238E27FC236}">
                <a16:creationId xmlns:a16="http://schemas.microsoft.com/office/drawing/2014/main" id="{5E3817F9-0257-4167-BCFB-AD122192FF9B}"/>
              </a:ext>
            </a:extLst>
          </p:cNvPr>
          <p:cNvSpPr>
            <a:spLocks noGrp="1"/>
          </p:cNvSpPr>
          <p:nvPr>
            <p:ph type="body" sz="quarter" idx="19" hasCustomPrompt="1"/>
          </p:nvPr>
        </p:nvSpPr>
        <p:spPr>
          <a:xfrm>
            <a:off x="552450" y="5783703"/>
            <a:ext cx="3749675" cy="382147"/>
          </a:xfrm>
        </p:spPr>
        <p:txBody>
          <a:bodyPr lIns="0" rIns="0" anchor="ctr">
            <a:normAutofit/>
          </a:bodyPr>
          <a:lstStyle>
            <a:lvl1pPr algn="l">
              <a:lnSpc>
                <a:spcPct val="100000"/>
              </a:lnSpc>
              <a:spcAft>
                <a:spcPts val="0"/>
              </a:spcAft>
              <a:defRPr sz="1200" b="1" cap="none" baseline="0">
                <a:solidFill>
                  <a:schemeClr val="bg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da-DK" dirty="0" err="1"/>
              <a:t>Click</a:t>
            </a:r>
            <a:r>
              <a:rPr lang="da-DK" dirty="0"/>
              <a:t> to </a:t>
            </a:r>
            <a:r>
              <a:rPr lang="da-DK" dirty="0" err="1"/>
              <a:t>edit</a:t>
            </a:r>
            <a:r>
              <a:rPr lang="da-DK" dirty="0"/>
              <a:t> </a:t>
            </a:r>
            <a:r>
              <a:rPr lang="da-DK" dirty="0" err="1"/>
              <a:t>text</a:t>
            </a:r>
            <a:endParaRPr lang="da-DK" dirty="0"/>
          </a:p>
        </p:txBody>
      </p:sp>
      <p:pic>
        <p:nvPicPr>
          <p:cNvPr id="10" name="Graphic 9">
            <a:extLst>
              <a:ext uri="{FF2B5EF4-FFF2-40B4-BE49-F238E27FC236}">
                <a16:creationId xmlns:a16="http://schemas.microsoft.com/office/drawing/2014/main" id="{6EFAF493-0227-46EB-828B-1090860DE109}"/>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9" name="plcSlideNumber">
            <a:extLst>
              <a:ext uri="{FF2B5EF4-FFF2-40B4-BE49-F238E27FC236}">
                <a16:creationId xmlns:a16="http://schemas.microsoft.com/office/drawing/2014/main" id="{020595E3-E86C-4621-9760-24D10EE97DD5}"/>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bg1"/>
                </a:solidFill>
              </a:rPr>
              <a:pPr algn="ctr"/>
              <a:t>‹#›</a:t>
            </a:fld>
            <a:endParaRPr lang="da-DK" sz="800" dirty="0">
              <a:solidFill>
                <a:schemeClr val="bg1"/>
              </a:solidFill>
            </a:endParaRPr>
          </a:p>
        </p:txBody>
      </p:sp>
      <p:sp>
        <p:nvSpPr>
          <p:cNvPr id="11" name="txtFooter">
            <a:extLst>
              <a:ext uri="{FF2B5EF4-FFF2-40B4-BE49-F238E27FC236}">
                <a16:creationId xmlns:a16="http://schemas.microsoft.com/office/drawing/2014/main" id="{8EF16F5E-BBAF-4051-8163-CC854CC891F2}"/>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bg1"/>
                </a:solidFill>
              </a:rPr>
              <a:t>© PA Knowledge Limited  |     </a:t>
            </a:r>
            <a:endParaRPr lang="da-DK" dirty="0"/>
          </a:p>
        </p:txBody>
      </p:sp>
      <p:sp>
        <p:nvSpPr>
          <p:cNvPr id="12" name="Rectangle 11" descr="{&quot;templafy&quot;:{&quot;id&quot;:&quot;5312ccd1-8416-4684-b9f0-d6e349f3d2f7&quot;}}">
            <a:extLst>
              <a:ext uri="{FF2B5EF4-FFF2-40B4-BE49-F238E27FC236}">
                <a16:creationId xmlns:a16="http://schemas.microsoft.com/office/drawing/2014/main" id="{FD9CFC47-A7DE-4052-85A4-195DFC7ED710}"/>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chemeClr val="bg1"/>
              </a:solidFill>
            </a:endParaRPr>
          </a:p>
        </p:txBody>
      </p:sp>
    </p:spTree>
    <p:extLst>
      <p:ext uri="{BB962C8B-B14F-4D97-AF65-F5344CB8AC3E}">
        <p14:creationId xmlns:p14="http://schemas.microsoft.com/office/powerpoint/2010/main" val="317380234"/>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Quote - Large Image 2">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6B7FF157-8C02-42D2-9D40-6DB3CDC28CF8}"/>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352" y="0"/>
            <a:ext cx="12194823" cy="6859588"/>
          </a:xfrm>
          <a:prstGeom prst="rect">
            <a:avLst/>
          </a:prstGeom>
        </p:spPr>
      </p:pic>
      <p:sp>
        <p:nvSpPr>
          <p:cNvPr id="23" name="Text Placeholder 55">
            <a:extLst>
              <a:ext uri="{FF2B5EF4-FFF2-40B4-BE49-F238E27FC236}">
                <a16:creationId xmlns:a16="http://schemas.microsoft.com/office/drawing/2014/main" id="{7F248BB4-B6EA-40E2-AE11-23AFB181FE51}"/>
              </a:ext>
            </a:extLst>
          </p:cNvPr>
          <p:cNvSpPr>
            <a:spLocks noGrp="1"/>
          </p:cNvSpPr>
          <p:nvPr>
            <p:ph type="body" sz="quarter" idx="19" hasCustomPrompt="1"/>
          </p:nvPr>
        </p:nvSpPr>
        <p:spPr>
          <a:xfrm>
            <a:off x="552450" y="5767481"/>
            <a:ext cx="3749675" cy="382147"/>
          </a:xfrm>
        </p:spPr>
        <p:txBody>
          <a:bodyPr lIns="0" rIns="0" anchor="ctr">
            <a:normAutofit/>
          </a:bodyPr>
          <a:lstStyle>
            <a:lvl1pPr algn="l">
              <a:lnSpc>
                <a:spcPct val="100000"/>
              </a:lnSpc>
              <a:spcAft>
                <a:spcPts val="0"/>
              </a:spcAft>
              <a:defRPr sz="1200" b="1" cap="none" baseline="0">
                <a:solidFill>
                  <a:schemeClr val="bg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da-DK" dirty="0" err="1"/>
              <a:t>Click</a:t>
            </a:r>
            <a:r>
              <a:rPr lang="da-DK" dirty="0"/>
              <a:t> to </a:t>
            </a:r>
            <a:r>
              <a:rPr lang="da-DK" dirty="0" err="1"/>
              <a:t>edit</a:t>
            </a:r>
            <a:r>
              <a:rPr lang="da-DK" dirty="0"/>
              <a:t> </a:t>
            </a:r>
            <a:r>
              <a:rPr lang="da-DK" dirty="0" err="1"/>
              <a:t>text</a:t>
            </a:r>
            <a:endParaRPr lang="da-DK" dirty="0"/>
          </a:p>
        </p:txBody>
      </p:sp>
      <p:sp>
        <p:nvSpPr>
          <p:cNvPr id="24" name="Text Placeholder 2">
            <a:extLst>
              <a:ext uri="{FF2B5EF4-FFF2-40B4-BE49-F238E27FC236}">
                <a16:creationId xmlns:a16="http://schemas.microsoft.com/office/drawing/2014/main" id="{DE8EDB23-EE53-419D-A82E-C8C4C02CF053}"/>
              </a:ext>
            </a:extLst>
          </p:cNvPr>
          <p:cNvSpPr>
            <a:spLocks noGrp="1"/>
          </p:cNvSpPr>
          <p:nvPr>
            <p:ph type="body" sz="quarter" idx="21"/>
          </p:nvPr>
        </p:nvSpPr>
        <p:spPr>
          <a:xfrm>
            <a:off x="552450" y="2743200"/>
            <a:ext cx="3749675" cy="2739878"/>
          </a:xfrm>
        </p:spPr>
        <p:txBody>
          <a:bodyPr tIns="0" rIns="0" bIns="0" anchor="b"/>
          <a:lstStyle>
            <a:lvl1pPr marL="0" indent="0" algn="l">
              <a:spcAft>
                <a:spcPts val="0"/>
              </a:spcAft>
              <a:defRPr>
                <a:solidFill>
                  <a:schemeClr val="bg1"/>
                </a:solidFill>
              </a:defRPr>
            </a:lvl1pPr>
            <a:lvl2pPr algn="l">
              <a:spcAft>
                <a:spcPts val="0"/>
              </a:spcAft>
              <a:defRPr>
                <a:solidFill>
                  <a:schemeClr val="bg1"/>
                </a:solidFill>
              </a:defRPr>
            </a:lvl2pPr>
            <a:lvl3pPr algn="l">
              <a:spcAft>
                <a:spcPts val="0"/>
              </a:spcAft>
              <a:defRPr>
                <a:solidFill>
                  <a:schemeClr val="bg1"/>
                </a:solidFill>
              </a:defRPr>
            </a:lvl3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p:txBody>
      </p:sp>
      <p:pic>
        <p:nvPicPr>
          <p:cNvPr id="9" name="Graphic 8">
            <a:extLst>
              <a:ext uri="{FF2B5EF4-FFF2-40B4-BE49-F238E27FC236}">
                <a16:creationId xmlns:a16="http://schemas.microsoft.com/office/drawing/2014/main" id="{4B423117-1635-4D38-8B9C-DB61C078C622}"/>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DE4B54FF-136E-4E19-A121-C485059C6DD1}"/>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bg1"/>
                </a:solidFill>
              </a:rPr>
              <a:pPr algn="ctr"/>
              <a:t>‹#›</a:t>
            </a:fld>
            <a:endParaRPr lang="da-DK" sz="800" dirty="0">
              <a:solidFill>
                <a:schemeClr val="bg1"/>
              </a:solidFill>
            </a:endParaRPr>
          </a:p>
        </p:txBody>
      </p:sp>
      <p:sp>
        <p:nvSpPr>
          <p:cNvPr id="11" name="txtFooter">
            <a:extLst>
              <a:ext uri="{FF2B5EF4-FFF2-40B4-BE49-F238E27FC236}">
                <a16:creationId xmlns:a16="http://schemas.microsoft.com/office/drawing/2014/main" id="{C41CC7B7-D9D8-4267-B230-B664784DB0DA}"/>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bg1"/>
                </a:solidFill>
              </a:rPr>
              <a:t>© PA Knowledge Limited  |     </a:t>
            </a:r>
            <a:endParaRPr lang="da-DK" dirty="0"/>
          </a:p>
        </p:txBody>
      </p:sp>
      <p:sp>
        <p:nvSpPr>
          <p:cNvPr id="12" name="Rectangle 11" descr="{&quot;templafy&quot;:{&quot;id&quot;:&quot;137052e9-e3dd-4213-b36e-5b4c4b527c5c&quot;}}">
            <a:extLst>
              <a:ext uri="{FF2B5EF4-FFF2-40B4-BE49-F238E27FC236}">
                <a16:creationId xmlns:a16="http://schemas.microsoft.com/office/drawing/2014/main" id="{F3D323A7-E77D-4AA0-B4B7-2C78C9599641}"/>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chemeClr val="bg1"/>
              </a:solidFill>
            </a:endParaRPr>
          </a:p>
        </p:txBody>
      </p:sp>
    </p:spTree>
    <p:extLst>
      <p:ext uri="{BB962C8B-B14F-4D97-AF65-F5344CB8AC3E}">
        <p14:creationId xmlns:p14="http://schemas.microsoft.com/office/powerpoint/2010/main" val="3569314465"/>
      </p:ext>
    </p:extLst>
  </p:cSld>
  <p:clrMapOvr>
    <a:masterClrMapping/>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Quote - Large Image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FBB8C12A-7A9B-4B3E-BF98-3C61A1623096}"/>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352" y="0"/>
            <a:ext cx="12194823" cy="6859588"/>
          </a:xfrm>
          <a:prstGeom prst="rect">
            <a:avLst/>
          </a:prstGeom>
        </p:spPr>
      </p:pic>
      <p:sp>
        <p:nvSpPr>
          <p:cNvPr id="23" name="Text Placeholder 55">
            <a:extLst>
              <a:ext uri="{FF2B5EF4-FFF2-40B4-BE49-F238E27FC236}">
                <a16:creationId xmlns:a16="http://schemas.microsoft.com/office/drawing/2014/main" id="{803AD0AC-8770-47D0-A058-D5070344EE9D}"/>
              </a:ext>
            </a:extLst>
          </p:cNvPr>
          <p:cNvSpPr>
            <a:spLocks noGrp="1"/>
          </p:cNvSpPr>
          <p:nvPr>
            <p:ph type="body" sz="quarter" idx="22" hasCustomPrompt="1"/>
          </p:nvPr>
        </p:nvSpPr>
        <p:spPr>
          <a:xfrm>
            <a:off x="552451" y="5786679"/>
            <a:ext cx="3756437" cy="382147"/>
          </a:xfrm>
        </p:spPr>
        <p:txBody>
          <a:bodyPr lIns="0" rIns="0" anchor="ctr">
            <a:normAutofit/>
          </a:bodyPr>
          <a:lstStyle>
            <a:lvl1pPr algn="l">
              <a:lnSpc>
                <a:spcPct val="100000"/>
              </a:lnSpc>
              <a:spcAft>
                <a:spcPts val="0"/>
              </a:spcAft>
              <a:defRPr sz="1200" b="1" cap="none" baseline="0">
                <a:solidFill>
                  <a:schemeClr val="accent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da-DK" dirty="0" err="1"/>
              <a:t>Click</a:t>
            </a:r>
            <a:r>
              <a:rPr lang="da-DK" dirty="0"/>
              <a:t> to </a:t>
            </a:r>
            <a:r>
              <a:rPr lang="da-DK" dirty="0" err="1"/>
              <a:t>edit</a:t>
            </a:r>
            <a:r>
              <a:rPr lang="da-DK" dirty="0"/>
              <a:t> </a:t>
            </a:r>
            <a:r>
              <a:rPr lang="da-DK" dirty="0" err="1"/>
              <a:t>text</a:t>
            </a:r>
            <a:endParaRPr lang="da-DK" dirty="0"/>
          </a:p>
        </p:txBody>
      </p:sp>
      <p:sp>
        <p:nvSpPr>
          <p:cNvPr id="24" name="Text Placeholder 2">
            <a:extLst>
              <a:ext uri="{FF2B5EF4-FFF2-40B4-BE49-F238E27FC236}">
                <a16:creationId xmlns:a16="http://schemas.microsoft.com/office/drawing/2014/main" id="{87767EBD-1C39-4540-9A42-B0B3997BF428}"/>
              </a:ext>
            </a:extLst>
          </p:cNvPr>
          <p:cNvSpPr>
            <a:spLocks noGrp="1"/>
          </p:cNvSpPr>
          <p:nvPr>
            <p:ph type="body" sz="quarter" idx="23"/>
          </p:nvPr>
        </p:nvSpPr>
        <p:spPr>
          <a:xfrm>
            <a:off x="552450" y="1520826"/>
            <a:ext cx="3756438" cy="3958828"/>
          </a:xfrm>
        </p:spPr>
        <p:txBody>
          <a:bodyPr tIns="0" rIns="0" bIns="0" anchor="b"/>
          <a:lstStyle>
            <a:lvl1pPr marL="0" indent="0" algn="l">
              <a:spcAft>
                <a:spcPts val="0"/>
              </a:spcAft>
              <a:defRPr>
                <a:solidFill>
                  <a:schemeClr val="accent1"/>
                </a:solidFill>
              </a:defRPr>
            </a:lvl1pPr>
            <a:lvl2pPr algn="l">
              <a:spcAft>
                <a:spcPts val="0"/>
              </a:spcAft>
              <a:defRPr>
                <a:solidFill>
                  <a:schemeClr val="accent1"/>
                </a:solidFill>
              </a:defRPr>
            </a:lvl2pPr>
            <a:lvl3pPr algn="l">
              <a:spcAft>
                <a:spcPts val="0"/>
              </a:spcAft>
              <a:defRPr>
                <a:solidFill>
                  <a:schemeClr val="accent1"/>
                </a:solidFill>
              </a:defRPr>
            </a:lvl3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p:txBody>
      </p:sp>
      <p:pic>
        <p:nvPicPr>
          <p:cNvPr id="9" name="Graphic 8">
            <a:extLst>
              <a:ext uri="{FF2B5EF4-FFF2-40B4-BE49-F238E27FC236}">
                <a16:creationId xmlns:a16="http://schemas.microsoft.com/office/drawing/2014/main" id="{B451735B-5DDA-4191-BACE-FC68F8E8184A}"/>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D208EDCA-4415-4A1B-8540-D36CA7ADD8B9}"/>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accent1"/>
                </a:solidFill>
              </a:rPr>
              <a:pPr algn="ctr"/>
              <a:t>‹#›</a:t>
            </a:fld>
            <a:endParaRPr lang="da-DK" sz="800" dirty="0">
              <a:solidFill>
                <a:schemeClr val="accent1"/>
              </a:solidFill>
            </a:endParaRPr>
          </a:p>
        </p:txBody>
      </p:sp>
      <p:sp>
        <p:nvSpPr>
          <p:cNvPr id="11" name="txtFooter">
            <a:extLst>
              <a:ext uri="{FF2B5EF4-FFF2-40B4-BE49-F238E27FC236}">
                <a16:creationId xmlns:a16="http://schemas.microsoft.com/office/drawing/2014/main" id="{6CEF9CDD-CF18-433A-B122-C80DFFCC890E}"/>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1"/>
                </a:solidFill>
              </a:rPr>
              <a:t>© PA Knowledge Limited  |     </a:t>
            </a:r>
            <a:endParaRPr lang="da-DK" dirty="0"/>
          </a:p>
        </p:txBody>
      </p:sp>
      <p:sp>
        <p:nvSpPr>
          <p:cNvPr id="12" name="Rectangle 11" descr="{&quot;templafy&quot;:{&quot;id&quot;:&quot;d902a427-7a12-46e8-88df-a237b255860f&quot;}}">
            <a:extLst>
              <a:ext uri="{FF2B5EF4-FFF2-40B4-BE49-F238E27FC236}">
                <a16:creationId xmlns:a16="http://schemas.microsoft.com/office/drawing/2014/main" id="{DF54FF09-93BA-41CC-AFB4-BDF4C91CA9B1}"/>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chemeClr val="accent1"/>
              </a:solidFill>
            </a:endParaRPr>
          </a:p>
        </p:txBody>
      </p:sp>
    </p:spTree>
    <p:extLst>
      <p:ext uri="{BB962C8B-B14F-4D97-AF65-F5344CB8AC3E}">
        <p14:creationId xmlns:p14="http://schemas.microsoft.com/office/powerpoint/2010/main" val="935781164"/>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Quote - Large Image 4">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F35B3C3-BBD2-448E-92B3-541E3EE6E718}"/>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352" y="0"/>
            <a:ext cx="12194823" cy="6859588"/>
          </a:xfrm>
          <a:prstGeom prst="rect">
            <a:avLst/>
          </a:prstGeom>
        </p:spPr>
      </p:pic>
      <p:sp>
        <p:nvSpPr>
          <p:cNvPr id="22" name="Text Placeholder 55">
            <a:extLst>
              <a:ext uri="{FF2B5EF4-FFF2-40B4-BE49-F238E27FC236}">
                <a16:creationId xmlns:a16="http://schemas.microsoft.com/office/drawing/2014/main" id="{5FAA94E6-4704-4E51-ACB3-3E980D1A746D}"/>
              </a:ext>
            </a:extLst>
          </p:cNvPr>
          <p:cNvSpPr>
            <a:spLocks noGrp="1"/>
          </p:cNvSpPr>
          <p:nvPr>
            <p:ph type="body" sz="quarter" idx="19" hasCustomPrompt="1"/>
          </p:nvPr>
        </p:nvSpPr>
        <p:spPr>
          <a:xfrm>
            <a:off x="560921" y="5783703"/>
            <a:ext cx="3762794" cy="382147"/>
          </a:xfrm>
        </p:spPr>
        <p:txBody>
          <a:bodyPr lIns="0" rIns="0" anchor="ctr">
            <a:normAutofit/>
          </a:bodyPr>
          <a:lstStyle>
            <a:lvl1pPr algn="l">
              <a:lnSpc>
                <a:spcPct val="100000"/>
              </a:lnSpc>
              <a:spcAft>
                <a:spcPts val="0"/>
              </a:spcAft>
              <a:defRPr sz="1200" b="1" cap="none" baseline="0">
                <a:solidFill>
                  <a:schemeClr val="bg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da-DK" dirty="0" err="1"/>
              <a:t>Click</a:t>
            </a:r>
            <a:r>
              <a:rPr lang="da-DK" dirty="0"/>
              <a:t> to </a:t>
            </a:r>
            <a:r>
              <a:rPr lang="da-DK" dirty="0" err="1"/>
              <a:t>edit</a:t>
            </a:r>
            <a:r>
              <a:rPr lang="da-DK" dirty="0"/>
              <a:t> </a:t>
            </a:r>
            <a:r>
              <a:rPr lang="da-DK" dirty="0" err="1"/>
              <a:t>text</a:t>
            </a:r>
            <a:endParaRPr lang="da-DK" dirty="0"/>
          </a:p>
        </p:txBody>
      </p:sp>
      <p:sp>
        <p:nvSpPr>
          <p:cNvPr id="23" name="Text Placeholder 2">
            <a:extLst>
              <a:ext uri="{FF2B5EF4-FFF2-40B4-BE49-F238E27FC236}">
                <a16:creationId xmlns:a16="http://schemas.microsoft.com/office/drawing/2014/main" id="{DCD9DD10-F9B6-45A4-BD8A-4AA1A8BE1A1D}"/>
              </a:ext>
            </a:extLst>
          </p:cNvPr>
          <p:cNvSpPr>
            <a:spLocks noGrp="1"/>
          </p:cNvSpPr>
          <p:nvPr>
            <p:ph type="body" sz="quarter" idx="21"/>
          </p:nvPr>
        </p:nvSpPr>
        <p:spPr>
          <a:xfrm>
            <a:off x="560921" y="1520825"/>
            <a:ext cx="3762795" cy="3958828"/>
          </a:xfrm>
        </p:spPr>
        <p:txBody>
          <a:bodyPr tIns="0" rIns="0" bIns="0" anchor="b"/>
          <a:lstStyle>
            <a:lvl1pPr marL="0" indent="0" algn="l">
              <a:spcAft>
                <a:spcPts val="0"/>
              </a:spcAft>
              <a:defRPr>
                <a:solidFill>
                  <a:schemeClr val="bg1"/>
                </a:solidFill>
              </a:defRPr>
            </a:lvl1pPr>
            <a:lvl2pPr algn="l">
              <a:spcAft>
                <a:spcPts val="0"/>
              </a:spcAft>
              <a:defRPr>
                <a:solidFill>
                  <a:schemeClr val="bg1"/>
                </a:solidFill>
              </a:defRPr>
            </a:lvl2pPr>
            <a:lvl3pPr algn="l">
              <a:spcAft>
                <a:spcPts val="0"/>
              </a:spcAft>
              <a:defRPr>
                <a:solidFill>
                  <a:schemeClr val="bg1"/>
                </a:solidFill>
              </a:defRPr>
            </a:lvl3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p:txBody>
      </p:sp>
      <p:pic>
        <p:nvPicPr>
          <p:cNvPr id="9" name="Graphic 8">
            <a:extLst>
              <a:ext uri="{FF2B5EF4-FFF2-40B4-BE49-F238E27FC236}">
                <a16:creationId xmlns:a16="http://schemas.microsoft.com/office/drawing/2014/main" id="{7F15297D-CDF8-49C0-8AE1-95303A966674}"/>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26DB7B51-086A-4BE6-AF3D-BFF37C4DB5DC}"/>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bg1"/>
                </a:solidFill>
              </a:rPr>
              <a:pPr algn="ctr"/>
              <a:t>‹#›</a:t>
            </a:fld>
            <a:endParaRPr lang="da-DK" sz="800" dirty="0">
              <a:solidFill>
                <a:schemeClr val="bg1"/>
              </a:solidFill>
            </a:endParaRPr>
          </a:p>
        </p:txBody>
      </p:sp>
      <p:sp>
        <p:nvSpPr>
          <p:cNvPr id="11" name="txtFooter">
            <a:extLst>
              <a:ext uri="{FF2B5EF4-FFF2-40B4-BE49-F238E27FC236}">
                <a16:creationId xmlns:a16="http://schemas.microsoft.com/office/drawing/2014/main" id="{DA06BBC0-A82F-41EB-A6AB-7DE7C3E1F36E}"/>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bg1"/>
                </a:solidFill>
              </a:rPr>
              <a:t>© PA Knowledge Limited  |     </a:t>
            </a:r>
            <a:endParaRPr lang="da-DK" dirty="0"/>
          </a:p>
        </p:txBody>
      </p:sp>
      <p:sp>
        <p:nvSpPr>
          <p:cNvPr id="12" name="Rectangle 11" descr="{&quot;templafy&quot;:{&quot;id&quot;:&quot;4e7e0ce2-53c5-429b-854e-dd23c8ca7104&quot;}}">
            <a:extLst>
              <a:ext uri="{FF2B5EF4-FFF2-40B4-BE49-F238E27FC236}">
                <a16:creationId xmlns:a16="http://schemas.microsoft.com/office/drawing/2014/main" id="{50D0E46F-A3EA-4535-8DC2-340BA31A1F0A}"/>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chemeClr val="bg1"/>
              </a:solidFill>
            </a:endParaRPr>
          </a:p>
        </p:txBody>
      </p:sp>
    </p:spTree>
    <p:extLst>
      <p:ext uri="{BB962C8B-B14F-4D97-AF65-F5344CB8AC3E}">
        <p14:creationId xmlns:p14="http://schemas.microsoft.com/office/powerpoint/2010/main" val="1576751484"/>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le Slide B - Dark">
    <p:bg>
      <p:bgPr>
        <a:solidFill>
          <a:schemeClr val="accent1"/>
        </a:solidFill>
        <a:effectLst/>
      </p:bgPr>
    </p:bg>
    <p:spTree>
      <p:nvGrpSpPr>
        <p:cNvPr id="1" name=""/>
        <p:cNvGrpSpPr/>
        <p:nvPr/>
      </p:nvGrpSpPr>
      <p:grpSpPr>
        <a:xfrm>
          <a:off x="0" y="0"/>
          <a:ext cx="0" cy="0"/>
          <a:chOff x="0" y="0"/>
          <a:chExt cx="0" cy="0"/>
        </a:xfrm>
      </p:grpSpPr>
      <p:sp>
        <p:nvSpPr>
          <p:cNvPr id="10" name="txtSecureMarker1" hidden="1"/>
          <p:cNvSpPr txBox="1"/>
          <p:nvPr userDrawn="1"/>
        </p:nvSpPr>
        <p:spPr>
          <a:xfrm>
            <a:off x="3762235" y="2653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txtSecureMarker2" hidden="1"/>
          <p:cNvSpPr txBox="1"/>
          <p:nvPr userDrawn="1"/>
        </p:nvSpPr>
        <p:spPr>
          <a:xfrm>
            <a:off x="4080241" y="6326065"/>
            <a:ext cx="4034692" cy="466997"/>
          </a:xfrm>
          <a:prstGeom prst="rect">
            <a:avLst/>
          </a:prstGeom>
          <a:noFill/>
        </p:spPr>
        <p:txBody>
          <a:bodyPr wrap="square" lIns="103931" tIns="51965" rIns="103931" bIns="51965" rtlCol="0" anchor="b" anchorCtr="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pic>
        <p:nvPicPr>
          <p:cNvPr id="14" name="Graphic 13">
            <a:extLst>
              <a:ext uri="{FF2B5EF4-FFF2-40B4-BE49-F238E27FC236}">
                <a16:creationId xmlns:a16="http://schemas.microsoft.com/office/drawing/2014/main" id="{2A186C81-374F-4EE6-9233-C724E7C91A8E}"/>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850563" y="700776"/>
            <a:ext cx="792162" cy="699572"/>
          </a:xfrm>
          <a:prstGeom prst="rect">
            <a:avLst/>
          </a:prstGeom>
        </p:spPr>
      </p:pic>
      <p:sp>
        <p:nvSpPr>
          <p:cNvPr id="21" name="Text Placeholder 7">
            <a:extLst>
              <a:ext uri="{FF2B5EF4-FFF2-40B4-BE49-F238E27FC236}">
                <a16:creationId xmlns:a16="http://schemas.microsoft.com/office/drawing/2014/main" id="{4A064FF8-5D5B-4CED-9876-D59D4983B18C}"/>
              </a:ext>
            </a:extLst>
          </p:cNvPr>
          <p:cNvSpPr>
            <a:spLocks noGrp="1"/>
          </p:cNvSpPr>
          <p:nvPr>
            <p:ph type="body" sz="quarter" idx="15" hasCustomPrompt="1"/>
          </p:nvPr>
        </p:nvSpPr>
        <p:spPr>
          <a:xfrm>
            <a:off x="547205" y="696966"/>
            <a:ext cx="5329339"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bg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da-DK" dirty="0" err="1"/>
              <a:t>Click</a:t>
            </a:r>
            <a:r>
              <a:rPr lang="da-DK" dirty="0"/>
              <a:t> to </a:t>
            </a:r>
            <a:r>
              <a:rPr lang="da-DK" dirty="0" err="1"/>
              <a:t>add</a:t>
            </a:r>
            <a:r>
              <a:rPr lang="da-DK" dirty="0"/>
              <a:t> </a:t>
            </a:r>
            <a:r>
              <a:rPr lang="da-DK" dirty="0" err="1"/>
              <a:t>title</a:t>
            </a:r>
            <a:endParaRPr lang="da-DK" dirty="0"/>
          </a:p>
        </p:txBody>
      </p:sp>
      <p:cxnSp>
        <p:nvCxnSpPr>
          <p:cNvPr id="22" name="Straight Connector 21">
            <a:extLst>
              <a:ext uri="{FF2B5EF4-FFF2-40B4-BE49-F238E27FC236}">
                <a16:creationId xmlns:a16="http://schemas.microsoft.com/office/drawing/2014/main" id="{DD6C5442-D800-41C8-AF65-CF6815099E9C}"/>
              </a:ext>
            </a:extLst>
          </p:cNvPr>
          <p:cNvCxnSpPr/>
          <p:nvPr userDrawn="1"/>
        </p:nvCxnSpPr>
        <p:spPr>
          <a:xfrm>
            <a:off x="549109" y="3516910"/>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3" name="Text Placeholder 3">
            <a:extLst>
              <a:ext uri="{FF2B5EF4-FFF2-40B4-BE49-F238E27FC236}">
                <a16:creationId xmlns:a16="http://schemas.microsoft.com/office/drawing/2014/main" id="{FB6A44D4-B386-4943-9D12-7E3E6AC5FB8B}"/>
              </a:ext>
            </a:extLst>
          </p:cNvPr>
          <p:cNvSpPr>
            <a:spLocks noGrp="1"/>
          </p:cNvSpPr>
          <p:nvPr>
            <p:ph type="body" sz="quarter" idx="20"/>
          </p:nvPr>
        </p:nvSpPr>
        <p:spPr>
          <a:xfrm>
            <a:off x="547205" y="3676453"/>
            <a:ext cx="5329339"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a:solidFill>
                  <a:schemeClr val="accent5"/>
                </a:solidFill>
                <a:latin typeface="+mn-lt"/>
                <a:ea typeface="+mn-ea"/>
                <a:cs typeface="+mn-cs"/>
              </a:defRPr>
            </a:lvl1pPr>
            <a:lvl2pPr>
              <a:defRPr b="0">
                <a:solidFill>
                  <a:schemeClr val="bg1"/>
                </a:solidFill>
              </a:defRPr>
            </a:lvl2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pic>
        <p:nvPicPr>
          <p:cNvPr id="15" name="Picture 14">
            <a:extLst>
              <a:ext uri="{FF2B5EF4-FFF2-40B4-BE49-F238E27FC236}">
                <a16:creationId xmlns:a16="http://schemas.microsoft.com/office/drawing/2014/main" id="{E798CB9B-D9D0-4EF8-931B-D05C3513C8A1}"/>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555321" y="5811850"/>
            <a:ext cx="2045333" cy="354000"/>
          </a:xfrm>
          <a:prstGeom prst="rect">
            <a:avLst/>
          </a:prstGeom>
        </p:spPr>
      </p:pic>
      <p:sp>
        <p:nvSpPr>
          <p:cNvPr id="25" name="Picture Placeholder 24">
            <a:extLst>
              <a:ext uri="{FF2B5EF4-FFF2-40B4-BE49-F238E27FC236}">
                <a16:creationId xmlns:a16="http://schemas.microsoft.com/office/drawing/2014/main" id="{82CAF4D6-D7EC-4C84-B5B0-6C629FC19A75}"/>
              </a:ext>
            </a:extLst>
          </p:cNvPr>
          <p:cNvSpPr>
            <a:spLocks noGrp="1"/>
          </p:cNvSpPr>
          <p:nvPr>
            <p:ph type="pic" sz="quarter" idx="23"/>
          </p:nvPr>
        </p:nvSpPr>
        <p:spPr>
          <a:xfrm>
            <a:off x="9913937" y="2567305"/>
            <a:ext cx="1728788" cy="1720162"/>
          </a:xfrm>
          <a:custGeom>
            <a:avLst/>
            <a:gdLst>
              <a:gd name="connsiteX0" fmla="*/ 66880 w 1728788"/>
              <a:gd name="connsiteY0" fmla="*/ 0 h 1720162"/>
              <a:gd name="connsiteX1" fmla="*/ 1661908 w 1728788"/>
              <a:gd name="connsiteY1" fmla="*/ 0 h 1720162"/>
              <a:gd name="connsiteX2" fmla="*/ 1728788 w 1728788"/>
              <a:gd name="connsiteY2" fmla="*/ 66880 h 1720162"/>
              <a:gd name="connsiteX3" fmla="*/ 1728788 w 1728788"/>
              <a:gd name="connsiteY3" fmla="*/ 1653282 h 1720162"/>
              <a:gd name="connsiteX4" fmla="*/ 1661908 w 1728788"/>
              <a:gd name="connsiteY4" fmla="*/ 1720162 h 1720162"/>
              <a:gd name="connsiteX5" fmla="*/ 66880 w 1728788"/>
              <a:gd name="connsiteY5" fmla="*/ 1720162 h 1720162"/>
              <a:gd name="connsiteX6" fmla="*/ 0 w 1728788"/>
              <a:gd name="connsiteY6" fmla="*/ 1653282 h 1720162"/>
              <a:gd name="connsiteX7" fmla="*/ 0 w 1728788"/>
              <a:gd name="connsiteY7" fmla="*/ 66880 h 1720162"/>
              <a:gd name="connsiteX8" fmla="*/ 66880 w 1728788"/>
              <a:gd name="connsiteY8" fmla="*/ 0 h 17201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0162">
                <a:moveTo>
                  <a:pt x="66880" y="0"/>
                </a:moveTo>
                <a:lnTo>
                  <a:pt x="1661908" y="0"/>
                </a:lnTo>
                <a:cubicBezTo>
                  <a:pt x="1698845" y="0"/>
                  <a:pt x="1728788" y="29943"/>
                  <a:pt x="1728788" y="66880"/>
                </a:cubicBezTo>
                <a:lnTo>
                  <a:pt x="1728788" y="1653282"/>
                </a:lnTo>
                <a:cubicBezTo>
                  <a:pt x="1728788" y="1690219"/>
                  <a:pt x="1698845" y="1720162"/>
                  <a:pt x="1661908" y="1720162"/>
                </a:cubicBezTo>
                <a:lnTo>
                  <a:pt x="66880" y="1720162"/>
                </a:lnTo>
                <a:cubicBezTo>
                  <a:pt x="29943" y="1720162"/>
                  <a:pt x="0" y="1690219"/>
                  <a:pt x="0" y="1653282"/>
                </a:cubicBezTo>
                <a:lnTo>
                  <a:pt x="0" y="66880"/>
                </a:lnTo>
                <a:cubicBezTo>
                  <a:pt x="0" y="29943"/>
                  <a:pt x="29943" y="0"/>
                  <a:pt x="66880" y="0"/>
                </a:cubicBezTo>
                <a:close/>
              </a:path>
            </a:pathLst>
          </a:custGeom>
          <a:solidFill>
            <a:schemeClr val="accent6"/>
          </a:solidFill>
        </p:spPr>
        <p:txBody>
          <a:bodyPr wrap="square" anchor="ctr">
            <a:noAutofit/>
          </a:bodyPr>
          <a:lstStyle>
            <a:lvl1pPr algn="ctr">
              <a:defRPr/>
            </a:lvl1pPr>
          </a:lstStyle>
          <a:p>
            <a:endParaRPr lang="da-DK"/>
          </a:p>
        </p:txBody>
      </p:sp>
      <p:sp>
        <p:nvSpPr>
          <p:cNvPr id="26" name="Picture Placeholder 25">
            <a:extLst>
              <a:ext uri="{FF2B5EF4-FFF2-40B4-BE49-F238E27FC236}">
                <a16:creationId xmlns:a16="http://schemas.microsoft.com/office/drawing/2014/main" id="{4E74C6FE-0727-4B4F-BBFA-B0A72E20EB6E}"/>
              </a:ext>
            </a:extLst>
          </p:cNvPr>
          <p:cNvSpPr>
            <a:spLocks noGrp="1"/>
          </p:cNvSpPr>
          <p:nvPr>
            <p:ph type="pic" sz="quarter" idx="22"/>
          </p:nvPr>
        </p:nvSpPr>
        <p:spPr>
          <a:xfrm>
            <a:off x="6169025" y="2567305"/>
            <a:ext cx="3600452" cy="3600441"/>
          </a:xfrm>
          <a:custGeom>
            <a:avLst/>
            <a:gdLst>
              <a:gd name="connsiteX0" fmla="*/ 66716 w 3600452"/>
              <a:gd name="connsiteY0" fmla="*/ 0 h 3600441"/>
              <a:gd name="connsiteX1" fmla="*/ 3533736 w 3600452"/>
              <a:gd name="connsiteY1" fmla="*/ 0 h 3600441"/>
              <a:gd name="connsiteX2" fmla="*/ 3600452 w 3600452"/>
              <a:gd name="connsiteY2" fmla="*/ 66716 h 3600441"/>
              <a:gd name="connsiteX3" fmla="*/ 3600452 w 3600452"/>
              <a:gd name="connsiteY3" fmla="*/ 3533725 h 3600441"/>
              <a:gd name="connsiteX4" fmla="*/ 3533736 w 3600452"/>
              <a:gd name="connsiteY4" fmla="*/ 3600441 h 3600441"/>
              <a:gd name="connsiteX5" fmla="*/ 66716 w 3600452"/>
              <a:gd name="connsiteY5" fmla="*/ 3600441 h 3600441"/>
              <a:gd name="connsiteX6" fmla="*/ 0 w 3600452"/>
              <a:gd name="connsiteY6" fmla="*/ 3533725 h 3600441"/>
              <a:gd name="connsiteX7" fmla="*/ 0 w 3600452"/>
              <a:gd name="connsiteY7" fmla="*/ 66716 h 3600441"/>
              <a:gd name="connsiteX8" fmla="*/ 66716 w 3600452"/>
              <a:gd name="connsiteY8" fmla="*/ 0 h 36004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600452" h="3600441">
                <a:moveTo>
                  <a:pt x="66716" y="0"/>
                </a:moveTo>
                <a:lnTo>
                  <a:pt x="3533736" y="0"/>
                </a:lnTo>
                <a:cubicBezTo>
                  <a:pt x="3570582" y="0"/>
                  <a:pt x="3600452" y="29870"/>
                  <a:pt x="3600452" y="66716"/>
                </a:cubicBezTo>
                <a:lnTo>
                  <a:pt x="3600452" y="3533725"/>
                </a:lnTo>
                <a:cubicBezTo>
                  <a:pt x="3600452" y="3570571"/>
                  <a:pt x="3570582" y="3600441"/>
                  <a:pt x="3533736" y="3600441"/>
                </a:cubicBezTo>
                <a:lnTo>
                  <a:pt x="66716" y="3600441"/>
                </a:lnTo>
                <a:cubicBezTo>
                  <a:pt x="29870" y="3600441"/>
                  <a:pt x="0" y="3570571"/>
                  <a:pt x="0" y="3533725"/>
                </a:cubicBezTo>
                <a:lnTo>
                  <a:pt x="0" y="66716"/>
                </a:lnTo>
                <a:cubicBezTo>
                  <a:pt x="0" y="29870"/>
                  <a:pt x="29870" y="0"/>
                  <a:pt x="66716" y="0"/>
                </a:cubicBezTo>
                <a:close/>
              </a:path>
            </a:pathLst>
          </a:custGeom>
          <a:solidFill>
            <a:schemeClr val="accent6"/>
          </a:solidFill>
        </p:spPr>
        <p:txBody>
          <a:bodyPr wrap="square" anchor="ctr">
            <a:noAutofit/>
          </a:bodyPr>
          <a:lstStyle>
            <a:lvl1pPr algn="ctr">
              <a:defRPr/>
            </a:lvl1pPr>
          </a:lstStyle>
          <a:p>
            <a:endParaRPr lang="da-DK"/>
          </a:p>
        </p:txBody>
      </p:sp>
      <p:sp>
        <p:nvSpPr>
          <p:cNvPr id="27" name="Picture Placeholder 26">
            <a:extLst>
              <a:ext uri="{FF2B5EF4-FFF2-40B4-BE49-F238E27FC236}">
                <a16:creationId xmlns:a16="http://schemas.microsoft.com/office/drawing/2014/main" id="{5676D66A-32D8-465B-A371-C4BFDE3A0115}"/>
              </a:ext>
            </a:extLst>
          </p:cNvPr>
          <p:cNvSpPr>
            <a:spLocks noGrp="1"/>
          </p:cNvSpPr>
          <p:nvPr>
            <p:ph type="pic" sz="quarter" idx="21"/>
          </p:nvPr>
        </p:nvSpPr>
        <p:spPr>
          <a:xfrm>
            <a:off x="6170930" y="695062"/>
            <a:ext cx="1728788" cy="1727464"/>
          </a:xfrm>
          <a:custGeom>
            <a:avLst/>
            <a:gdLst>
              <a:gd name="connsiteX0" fmla="*/ 69029 w 1728788"/>
              <a:gd name="connsiteY0" fmla="*/ 0 h 1727464"/>
              <a:gd name="connsiteX1" fmla="*/ 1659759 w 1728788"/>
              <a:gd name="connsiteY1" fmla="*/ 0 h 1727464"/>
              <a:gd name="connsiteX2" fmla="*/ 1728788 w 1728788"/>
              <a:gd name="connsiteY2" fmla="*/ 69029 h 1727464"/>
              <a:gd name="connsiteX3" fmla="*/ 1728788 w 1728788"/>
              <a:gd name="connsiteY3" fmla="*/ 1658435 h 1727464"/>
              <a:gd name="connsiteX4" fmla="*/ 1659759 w 1728788"/>
              <a:gd name="connsiteY4" fmla="*/ 1727464 h 1727464"/>
              <a:gd name="connsiteX5" fmla="*/ 69029 w 1728788"/>
              <a:gd name="connsiteY5" fmla="*/ 1727464 h 1727464"/>
              <a:gd name="connsiteX6" fmla="*/ 0 w 1728788"/>
              <a:gd name="connsiteY6" fmla="*/ 1658435 h 1727464"/>
              <a:gd name="connsiteX7" fmla="*/ 0 w 1728788"/>
              <a:gd name="connsiteY7" fmla="*/ 69029 h 1727464"/>
              <a:gd name="connsiteX8" fmla="*/ 69029 w 1728788"/>
              <a:gd name="connsiteY8" fmla="*/ 0 h 17274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7464">
                <a:moveTo>
                  <a:pt x="69029" y="0"/>
                </a:moveTo>
                <a:lnTo>
                  <a:pt x="1659759" y="0"/>
                </a:lnTo>
                <a:cubicBezTo>
                  <a:pt x="1697883" y="0"/>
                  <a:pt x="1728788" y="30905"/>
                  <a:pt x="1728788" y="69029"/>
                </a:cubicBezTo>
                <a:lnTo>
                  <a:pt x="1728788" y="1658435"/>
                </a:lnTo>
                <a:cubicBezTo>
                  <a:pt x="1728788" y="1696559"/>
                  <a:pt x="1697883" y="1727464"/>
                  <a:pt x="1659759" y="1727464"/>
                </a:cubicBezTo>
                <a:lnTo>
                  <a:pt x="69029" y="1727464"/>
                </a:lnTo>
                <a:cubicBezTo>
                  <a:pt x="30905" y="1727464"/>
                  <a:pt x="0" y="1696559"/>
                  <a:pt x="0" y="1658435"/>
                </a:cubicBezTo>
                <a:lnTo>
                  <a:pt x="0" y="69029"/>
                </a:lnTo>
                <a:cubicBezTo>
                  <a:pt x="0" y="30905"/>
                  <a:pt x="30905" y="0"/>
                  <a:pt x="69029" y="0"/>
                </a:cubicBezTo>
                <a:close/>
              </a:path>
            </a:pathLst>
          </a:custGeom>
          <a:solidFill>
            <a:schemeClr val="accent6"/>
          </a:solidFill>
        </p:spPr>
        <p:txBody>
          <a:bodyPr wrap="square" anchor="ctr">
            <a:noAutofit/>
          </a:bodyPr>
          <a:lstStyle>
            <a:lvl1pPr algn="ctr">
              <a:defRPr/>
            </a:lvl1pPr>
          </a:lstStyle>
          <a:p>
            <a:endParaRPr lang="da-DK"/>
          </a:p>
        </p:txBody>
      </p:sp>
    </p:spTree>
    <p:extLst>
      <p:ext uri="{BB962C8B-B14F-4D97-AF65-F5344CB8AC3E}">
        <p14:creationId xmlns:p14="http://schemas.microsoft.com/office/powerpoint/2010/main" val="31263588"/>
      </p:ext>
    </p:extLst>
  </p:cSld>
  <p:clrMapOvr>
    <a:masterClrMapping/>
  </p:clrMapOvr>
  <p:transition>
    <p:fade/>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e - Large Image 5">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3B7745E-2D62-4232-AC5D-154359BF2B81}"/>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352" y="0"/>
            <a:ext cx="12194823" cy="6859588"/>
          </a:xfrm>
          <a:prstGeom prst="rect">
            <a:avLst/>
          </a:prstGeom>
        </p:spPr>
      </p:pic>
      <p:sp>
        <p:nvSpPr>
          <p:cNvPr id="23" name="Text Placeholder 55">
            <a:extLst>
              <a:ext uri="{FF2B5EF4-FFF2-40B4-BE49-F238E27FC236}">
                <a16:creationId xmlns:a16="http://schemas.microsoft.com/office/drawing/2014/main" id="{544D8A63-CEE8-4881-90BE-FB3DAB8CCED1}"/>
              </a:ext>
            </a:extLst>
          </p:cNvPr>
          <p:cNvSpPr>
            <a:spLocks noGrp="1"/>
          </p:cNvSpPr>
          <p:nvPr>
            <p:ph type="body" sz="quarter" idx="22" hasCustomPrompt="1"/>
          </p:nvPr>
        </p:nvSpPr>
        <p:spPr>
          <a:xfrm>
            <a:off x="552451" y="3199225"/>
            <a:ext cx="3767137" cy="381276"/>
          </a:xfrm>
        </p:spPr>
        <p:txBody>
          <a:bodyPr lIns="0" rIns="0" anchor="ctr">
            <a:normAutofit/>
          </a:bodyPr>
          <a:lstStyle>
            <a:lvl1pPr algn="l">
              <a:lnSpc>
                <a:spcPct val="100000"/>
              </a:lnSpc>
              <a:spcAft>
                <a:spcPts val="0"/>
              </a:spcAft>
              <a:defRPr sz="1200" b="1" cap="none" baseline="0">
                <a:solidFill>
                  <a:schemeClr val="accent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da-DK" dirty="0" err="1"/>
              <a:t>Click</a:t>
            </a:r>
            <a:r>
              <a:rPr lang="da-DK" dirty="0"/>
              <a:t> to </a:t>
            </a:r>
            <a:r>
              <a:rPr lang="da-DK" dirty="0" err="1"/>
              <a:t>edit</a:t>
            </a:r>
            <a:r>
              <a:rPr lang="da-DK" dirty="0"/>
              <a:t> </a:t>
            </a:r>
            <a:r>
              <a:rPr lang="da-DK" dirty="0" err="1"/>
              <a:t>text</a:t>
            </a:r>
            <a:endParaRPr lang="da-DK" dirty="0"/>
          </a:p>
        </p:txBody>
      </p:sp>
      <p:sp>
        <p:nvSpPr>
          <p:cNvPr id="24" name="Text Placeholder 2">
            <a:extLst>
              <a:ext uri="{FF2B5EF4-FFF2-40B4-BE49-F238E27FC236}">
                <a16:creationId xmlns:a16="http://schemas.microsoft.com/office/drawing/2014/main" id="{9951156A-AD8E-4760-84A9-590FB2CB3BCF}"/>
              </a:ext>
            </a:extLst>
          </p:cNvPr>
          <p:cNvSpPr>
            <a:spLocks noGrp="1"/>
          </p:cNvSpPr>
          <p:nvPr>
            <p:ph type="body" sz="quarter" idx="23"/>
          </p:nvPr>
        </p:nvSpPr>
        <p:spPr>
          <a:xfrm>
            <a:off x="552450" y="700776"/>
            <a:ext cx="3767138" cy="2193528"/>
          </a:xfrm>
        </p:spPr>
        <p:txBody>
          <a:bodyPr tIns="0" rIns="0" bIns="0" anchor="b"/>
          <a:lstStyle>
            <a:lvl1pPr marL="0" indent="0" algn="l">
              <a:spcAft>
                <a:spcPts val="0"/>
              </a:spcAft>
              <a:defRPr>
                <a:solidFill>
                  <a:schemeClr val="accent1"/>
                </a:solidFill>
              </a:defRPr>
            </a:lvl1pPr>
            <a:lvl2pPr algn="l">
              <a:spcAft>
                <a:spcPts val="0"/>
              </a:spcAft>
              <a:defRPr>
                <a:solidFill>
                  <a:schemeClr val="accent1"/>
                </a:solidFill>
              </a:defRPr>
            </a:lvl2pPr>
            <a:lvl3pPr algn="l">
              <a:spcAft>
                <a:spcPts val="0"/>
              </a:spcAft>
              <a:defRPr>
                <a:solidFill>
                  <a:schemeClr val="accent1"/>
                </a:solidFill>
              </a:defRPr>
            </a:lvl3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p:txBody>
      </p:sp>
      <p:pic>
        <p:nvPicPr>
          <p:cNvPr id="9" name="Graphic 8">
            <a:extLst>
              <a:ext uri="{FF2B5EF4-FFF2-40B4-BE49-F238E27FC236}">
                <a16:creationId xmlns:a16="http://schemas.microsoft.com/office/drawing/2014/main" id="{53EA7DF7-6844-43FA-B044-D3D044C81D74}"/>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2509814B-0DDC-47C0-9461-236B4BB076E2}"/>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bg1"/>
                </a:solidFill>
              </a:rPr>
              <a:pPr algn="ctr"/>
              <a:t>‹#›</a:t>
            </a:fld>
            <a:endParaRPr lang="da-DK" sz="800" dirty="0">
              <a:solidFill>
                <a:schemeClr val="bg1"/>
              </a:solidFill>
            </a:endParaRPr>
          </a:p>
        </p:txBody>
      </p:sp>
      <p:sp>
        <p:nvSpPr>
          <p:cNvPr id="11" name="txtFooter">
            <a:extLst>
              <a:ext uri="{FF2B5EF4-FFF2-40B4-BE49-F238E27FC236}">
                <a16:creationId xmlns:a16="http://schemas.microsoft.com/office/drawing/2014/main" id="{77C9EA77-97C0-4938-9ADE-1C628E222738}"/>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bg1"/>
                </a:solidFill>
              </a:rPr>
              <a:t>© PA Knowledge Limited  |     </a:t>
            </a:r>
            <a:endParaRPr lang="da-DK" dirty="0"/>
          </a:p>
        </p:txBody>
      </p:sp>
      <p:sp>
        <p:nvSpPr>
          <p:cNvPr id="12" name="Rectangle 11" descr="{&quot;templafy&quot;:{&quot;id&quot;:&quot;dbcf818c-a86c-4754-bbce-3adc1dcdf9ef&quot;}}">
            <a:extLst>
              <a:ext uri="{FF2B5EF4-FFF2-40B4-BE49-F238E27FC236}">
                <a16:creationId xmlns:a16="http://schemas.microsoft.com/office/drawing/2014/main" id="{093F4C7E-BD8C-4CF1-84CD-0543921C4E96}"/>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chemeClr val="bg1"/>
              </a:solidFill>
            </a:endParaRPr>
          </a:p>
        </p:txBody>
      </p:sp>
    </p:spTree>
    <p:extLst>
      <p:ext uri="{BB962C8B-B14F-4D97-AF65-F5344CB8AC3E}">
        <p14:creationId xmlns:p14="http://schemas.microsoft.com/office/powerpoint/2010/main" val="190029171"/>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Profiles - One Profile">
    <p:spTree>
      <p:nvGrpSpPr>
        <p:cNvPr id="1" name=""/>
        <p:cNvGrpSpPr/>
        <p:nvPr/>
      </p:nvGrpSpPr>
      <p:grpSpPr>
        <a:xfrm>
          <a:off x="0" y="0"/>
          <a:ext cx="0" cy="0"/>
          <a:chOff x="0" y="0"/>
          <a:chExt cx="0" cy="0"/>
        </a:xfrm>
      </p:grpSpPr>
      <p:sp>
        <p:nvSpPr>
          <p:cNvPr id="11" name="Freeform: Shape 10">
            <a:extLst>
              <a:ext uri="{FF2B5EF4-FFF2-40B4-BE49-F238E27FC236}">
                <a16:creationId xmlns:a16="http://schemas.microsoft.com/office/drawing/2014/main" id="{9D2CD2C4-CBA4-4A38-B597-133D9D97BF7F}"/>
              </a:ext>
            </a:extLst>
          </p:cNvPr>
          <p:cNvSpPr/>
          <p:nvPr userDrawn="1"/>
        </p:nvSpPr>
        <p:spPr>
          <a:xfrm>
            <a:off x="7105651" y="0"/>
            <a:ext cx="5089525" cy="6859588"/>
          </a:xfrm>
          <a:custGeom>
            <a:avLst/>
            <a:gdLst>
              <a:gd name="connsiteX0" fmla="*/ 89804 w 5089525"/>
              <a:gd name="connsiteY0" fmla="*/ 0 h 6859588"/>
              <a:gd name="connsiteX1" fmla="*/ 5089525 w 5089525"/>
              <a:gd name="connsiteY1" fmla="*/ 0 h 6859588"/>
              <a:gd name="connsiteX2" fmla="*/ 5089525 w 5089525"/>
              <a:gd name="connsiteY2" fmla="*/ 6859588 h 6859588"/>
              <a:gd name="connsiteX3" fmla="*/ 89804 w 5089525"/>
              <a:gd name="connsiteY3" fmla="*/ 6859588 h 6859588"/>
              <a:gd name="connsiteX4" fmla="*/ 0 w 5089525"/>
              <a:gd name="connsiteY4" fmla="*/ 6769784 h 6859588"/>
              <a:gd name="connsiteX5" fmla="*/ 0 w 5089525"/>
              <a:gd name="connsiteY5" fmla="*/ 89804 h 6859588"/>
              <a:gd name="connsiteX6" fmla="*/ 89804 w 5089525"/>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89525" h="6859588">
                <a:moveTo>
                  <a:pt x="89804" y="0"/>
                </a:moveTo>
                <a:lnTo>
                  <a:pt x="5089525" y="0"/>
                </a:lnTo>
                <a:lnTo>
                  <a:pt x="5089525" y="6859588"/>
                </a:lnTo>
                <a:lnTo>
                  <a:pt x="89804" y="6859588"/>
                </a:lnTo>
                <a:cubicBezTo>
                  <a:pt x="40207" y="6859588"/>
                  <a:pt x="0" y="6819381"/>
                  <a:pt x="0" y="6769784"/>
                </a:cubicBezTo>
                <a:lnTo>
                  <a:pt x="0" y="89804"/>
                </a:lnTo>
                <a:cubicBezTo>
                  <a:pt x="0" y="40207"/>
                  <a:pt x="40207" y="0"/>
                  <a:pt x="89804"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da-DK" sz="1400" dirty="0"/>
          </a:p>
        </p:txBody>
      </p:sp>
      <p:sp>
        <p:nvSpPr>
          <p:cNvPr id="13" name="Content Placeholder 2">
            <a:extLst>
              <a:ext uri="{FF2B5EF4-FFF2-40B4-BE49-F238E27FC236}">
                <a16:creationId xmlns:a16="http://schemas.microsoft.com/office/drawing/2014/main" id="{D8788A95-A374-4690-B6FE-DCC823436A46}"/>
              </a:ext>
            </a:extLst>
          </p:cNvPr>
          <p:cNvSpPr>
            <a:spLocks noGrp="1"/>
          </p:cNvSpPr>
          <p:nvPr>
            <p:ph idx="1"/>
          </p:nvPr>
        </p:nvSpPr>
        <p:spPr>
          <a:xfrm>
            <a:off x="2425700" y="1630363"/>
            <a:ext cx="4320000" cy="4535487"/>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5" name="Picture Placeholder 14">
            <a:extLst>
              <a:ext uri="{FF2B5EF4-FFF2-40B4-BE49-F238E27FC236}">
                <a16:creationId xmlns:a16="http://schemas.microsoft.com/office/drawing/2014/main" id="{A2B9F47C-EF60-45DE-A234-D7903AF19AC6}"/>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16" name="Content Placeholder 2">
            <a:extLst>
              <a:ext uri="{FF2B5EF4-FFF2-40B4-BE49-F238E27FC236}">
                <a16:creationId xmlns:a16="http://schemas.microsoft.com/office/drawing/2014/main" id="{B0103CF0-AA81-4CEA-A4D1-6FF02A7ADDB3}"/>
              </a:ext>
            </a:extLst>
          </p:cNvPr>
          <p:cNvSpPr>
            <a:spLocks noGrp="1"/>
          </p:cNvSpPr>
          <p:nvPr>
            <p:ph idx="16"/>
          </p:nvPr>
        </p:nvSpPr>
        <p:spPr>
          <a:xfrm>
            <a:off x="7339582" y="737870"/>
            <a:ext cx="4320000" cy="5427980"/>
          </a:xfrm>
        </p:spPr>
        <p:txBody>
          <a:bodyPr rIns="0">
            <a:noAutofit/>
          </a:bodyPr>
          <a:lstStyle>
            <a:lvl1pPr>
              <a:defRPr>
                <a:solidFill>
                  <a:schemeClr val="bg1"/>
                </a:solidFill>
              </a:defRPr>
            </a:lvl1pPr>
            <a:lvl2pPr>
              <a:spcBef>
                <a:spcPts val="0"/>
              </a:spcBef>
              <a:defRPr>
                <a:solidFill>
                  <a:schemeClr val="bg1"/>
                </a:solidFill>
              </a:defRPr>
            </a:lvl2pPr>
            <a:lvl3pPr>
              <a:defRPr>
                <a:solidFill>
                  <a:schemeClr val="bg1"/>
                </a:solidFill>
              </a:defRPr>
            </a:lvl3pPr>
            <a:lvl4pPr>
              <a:buClrTx/>
              <a:defRPr>
                <a:solidFill>
                  <a:schemeClr val="bg1"/>
                </a:solidFill>
              </a:defRPr>
            </a:lvl4pPr>
            <a:lvl5pPr>
              <a:buClrTx/>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buClr>
                <a:schemeClr val="bg1"/>
              </a:buClr>
              <a:defRPr>
                <a:solidFill>
                  <a:schemeClr val="bg1"/>
                </a:solidFill>
              </a:defRPr>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8" name="Text Placeholder 7">
            <a:extLst>
              <a:ext uri="{FF2B5EF4-FFF2-40B4-BE49-F238E27FC236}">
                <a16:creationId xmlns:a16="http://schemas.microsoft.com/office/drawing/2014/main" id="{E69EB36B-7DC5-4D1F-B087-048EA4D1F104}"/>
              </a:ext>
            </a:extLst>
          </p:cNvPr>
          <p:cNvSpPr>
            <a:spLocks noGrp="1"/>
          </p:cNvSpPr>
          <p:nvPr>
            <p:ph type="body" sz="quarter" idx="13" hasCustomPrompt="1"/>
          </p:nvPr>
        </p:nvSpPr>
        <p:spPr>
          <a:xfrm>
            <a:off x="2428240" y="696914"/>
            <a:ext cx="431746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tx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17" name="Straight Connector 16">
            <a:extLst>
              <a:ext uri="{FF2B5EF4-FFF2-40B4-BE49-F238E27FC236}">
                <a16:creationId xmlns:a16="http://schemas.microsoft.com/office/drawing/2014/main" id="{6C68EB18-3156-4369-A60E-B4A2D49A5780}"/>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28175852"/>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Profiles - One Profile - Dark">
    <p:bg>
      <p:bgPr>
        <a:solidFill>
          <a:schemeClr val="accent1"/>
        </a:solidFill>
        <a:effectLst/>
      </p:bgPr>
    </p:bg>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D8788A95-A374-4690-B6FE-DCC823436A46}"/>
              </a:ext>
            </a:extLst>
          </p:cNvPr>
          <p:cNvSpPr>
            <a:spLocks noGrp="1"/>
          </p:cNvSpPr>
          <p:nvPr>
            <p:ph idx="1"/>
          </p:nvPr>
        </p:nvSpPr>
        <p:spPr>
          <a:xfrm>
            <a:off x="2425700" y="1630363"/>
            <a:ext cx="4320000" cy="4535487"/>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5" name="Picture Placeholder 14">
            <a:extLst>
              <a:ext uri="{FF2B5EF4-FFF2-40B4-BE49-F238E27FC236}">
                <a16:creationId xmlns:a16="http://schemas.microsoft.com/office/drawing/2014/main" id="{A2B9F47C-EF60-45DE-A234-D7903AF19AC6}"/>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16" name="Content Placeholder 2">
            <a:extLst>
              <a:ext uri="{FF2B5EF4-FFF2-40B4-BE49-F238E27FC236}">
                <a16:creationId xmlns:a16="http://schemas.microsoft.com/office/drawing/2014/main" id="{B0103CF0-AA81-4CEA-A4D1-6FF02A7ADDB3}"/>
              </a:ext>
            </a:extLst>
          </p:cNvPr>
          <p:cNvSpPr>
            <a:spLocks noGrp="1"/>
          </p:cNvSpPr>
          <p:nvPr>
            <p:ph idx="16"/>
          </p:nvPr>
        </p:nvSpPr>
        <p:spPr>
          <a:xfrm>
            <a:off x="7339582" y="737870"/>
            <a:ext cx="4320000" cy="5427980"/>
          </a:xfrm>
        </p:spPr>
        <p:txBody>
          <a:bodyPr rIns="0">
            <a:noAutofit/>
          </a:bodyPr>
          <a:lstStyle>
            <a:lvl1pPr>
              <a:defRPr>
                <a:solidFill>
                  <a:schemeClr val="bg1"/>
                </a:solidFill>
              </a:defRPr>
            </a:lvl1pPr>
            <a:lvl2pPr>
              <a:spcBef>
                <a:spcPts val="0"/>
              </a:spcBef>
              <a:defRPr>
                <a:solidFill>
                  <a:schemeClr val="bg1"/>
                </a:solidFill>
              </a:defRPr>
            </a:lvl2pPr>
            <a:lvl3pPr>
              <a:defRPr>
                <a:solidFill>
                  <a:schemeClr val="bg1"/>
                </a:solidFill>
              </a:defRPr>
            </a:lvl3pPr>
            <a:lvl4pPr>
              <a:buClrTx/>
              <a:defRPr>
                <a:solidFill>
                  <a:schemeClr val="bg1"/>
                </a:solidFill>
              </a:defRPr>
            </a:lvl4pPr>
            <a:lvl5pPr>
              <a:buClrTx/>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buClr>
                <a:schemeClr val="bg1"/>
              </a:buClr>
              <a:defRPr>
                <a:solidFill>
                  <a:schemeClr val="bg1"/>
                </a:solidFill>
              </a:defRPr>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8" name="Text Placeholder 7">
            <a:extLst>
              <a:ext uri="{FF2B5EF4-FFF2-40B4-BE49-F238E27FC236}">
                <a16:creationId xmlns:a16="http://schemas.microsoft.com/office/drawing/2014/main" id="{E69EB36B-7DC5-4D1F-B087-048EA4D1F104}"/>
              </a:ext>
            </a:extLst>
          </p:cNvPr>
          <p:cNvSpPr>
            <a:spLocks noGrp="1"/>
          </p:cNvSpPr>
          <p:nvPr>
            <p:ph type="body" sz="quarter" idx="13" hasCustomPrompt="1"/>
          </p:nvPr>
        </p:nvSpPr>
        <p:spPr>
          <a:xfrm>
            <a:off x="2428240" y="696914"/>
            <a:ext cx="431746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17" name="Straight Connector 16">
            <a:extLst>
              <a:ext uri="{FF2B5EF4-FFF2-40B4-BE49-F238E27FC236}">
                <a16:creationId xmlns:a16="http://schemas.microsoft.com/office/drawing/2014/main" id="{6C68EB18-3156-4369-A60E-B4A2D49A5780}"/>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57718234"/>
      </p:ext>
    </p:extLst>
  </p:cSld>
  <p:clrMapOvr>
    <a:masterClrMapping/>
  </p:clrMapOvr>
  <p:transition>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Profiles - Two Profiles">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5FFFD768-DC79-4EC3-A7B9-9A67F6799615}"/>
              </a:ext>
            </a:extLst>
          </p:cNvPr>
          <p:cNvSpPr>
            <a:spLocks noGrp="1"/>
          </p:cNvSpPr>
          <p:nvPr>
            <p:ph idx="1"/>
          </p:nvPr>
        </p:nvSpPr>
        <p:spPr>
          <a:xfrm>
            <a:off x="2425700" y="1630363"/>
            <a:ext cx="3456001" cy="4535487"/>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4" name="Picture Placeholder 14">
            <a:extLst>
              <a:ext uri="{FF2B5EF4-FFF2-40B4-BE49-F238E27FC236}">
                <a16:creationId xmlns:a16="http://schemas.microsoft.com/office/drawing/2014/main" id="{CBD22EAF-3F7F-445F-9FCF-D3E18E624184}"/>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15" name="Text Placeholder 7">
            <a:extLst>
              <a:ext uri="{FF2B5EF4-FFF2-40B4-BE49-F238E27FC236}">
                <a16:creationId xmlns:a16="http://schemas.microsoft.com/office/drawing/2014/main" id="{9F5541FC-FA31-4787-BB4A-811EFA1B0DCD}"/>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16" name="Straight Connector 15">
            <a:extLst>
              <a:ext uri="{FF2B5EF4-FFF2-40B4-BE49-F238E27FC236}">
                <a16:creationId xmlns:a16="http://schemas.microsoft.com/office/drawing/2014/main" id="{24D3174D-34D8-4357-9D78-1BD6AE909494}"/>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7" name="Content Placeholder 2">
            <a:extLst>
              <a:ext uri="{FF2B5EF4-FFF2-40B4-BE49-F238E27FC236}">
                <a16:creationId xmlns:a16="http://schemas.microsoft.com/office/drawing/2014/main" id="{09DE5AC3-2622-43C8-A15A-B03CB82F9E0F}"/>
              </a:ext>
            </a:extLst>
          </p:cNvPr>
          <p:cNvSpPr>
            <a:spLocks noGrp="1"/>
          </p:cNvSpPr>
          <p:nvPr>
            <p:ph idx="16"/>
          </p:nvPr>
        </p:nvSpPr>
        <p:spPr>
          <a:xfrm>
            <a:off x="8044201" y="1630363"/>
            <a:ext cx="3456001" cy="4535487"/>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0" name="Picture Placeholder 14">
            <a:extLst>
              <a:ext uri="{FF2B5EF4-FFF2-40B4-BE49-F238E27FC236}">
                <a16:creationId xmlns:a16="http://schemas.microsoft.com/office/drawing/2014/main" id="{24B0C9EB-C647-4C3A-AE4F-3968CBC6A010}"/>
              </a:ext>
            </a:extLst>
          </p:cNvPr>
          <p:cNvSpPr>
            <a:spLocks noGrp="1"/>
          </p:cNvSpPr>
          <p:nvPr>
            <p:ph type="pic" sz="quarter" idx="17"/>
          </p:nvPr>
        </p:nvSpPr>
        <p:spPr>
          <a:xfrm>
            <a:off x="6170951"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2" name="Text Placeholder 7">
            <a:extLst>
              <a:ext uri="{FF2B5EF4-FFF2-40B4-BE49-F238E27FC236}">
                <a16:creationId xmlns:a16="http://schemas.microsoft.com/office/drawing/2014/main" id="{BDE548DD-43B0-4AF6-B57F-91DE54E3789B}"/>
              </a:ext>
            </a:extLst>
          </p:cNvPr>
          <p:cNvSpPr>
            <a:spLocks noGrp="1"/>
          </p:cNvSpPr>
          <p:nvPr>
            <p:ph type="body" sz="quarter" idx="18" hasCustomPrompt="1"/>
          </p:nvPr>
        </p:nvSpPr>
        <p:spPr>
          <a:xfrm>
            <a:off x="8046741"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27" name="Straight Connector 26">
            <a:extLst>
              <a:ext uri="{FF2B5EF4-FFF2-40B4-BE49-F238E27FC236}">
                <a16:creationId xmlns:a16="http://schemas.microsoft.com/office/drawing/2014/main" id="{42144227-E658-4B0E-A01D-01443608F0D6}"/>
              </a:ext>
            </a:extLst>
          </p:cNvPr>
          <p:cNvCxnSpPr>
            <a:cxnSpLocks/>
          </p:cNvCxnSpPr>
          <p:nvPr userDrawn="1"/>
        </p:nvCxnSpPr>
        <p:spPr>
          <a:xfrm>
            <a:off x="8044201"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8023265"/>
      </p:ext>
    </p:extLst>
  </p:cSld>
  <p:clrMapOvr>
    <a:masterClrMapping/>
  </p:clrMapOvr>
  <p:transition>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Profiles - Two Profiles - Dark">
    <p:bg>
      <p:bgPr>
        <a:solidFill>
          <a:schemeClr val="accent1"/>
        </a:solidFill>
        <a:effectLst/>
      </p:bgPr>
    </p:bg>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5FFFD768-DC79-4EC3-A7B9-9A67F6799615}"/>
              </a:ext>
            </a:extLst>
          </p:cNvPr>
          <p:cNvSpPr>
            <a:spLocks noGrp="1"/>
          </p:cNvSpPr>
          <p:nvPr>
            <p:ph idx="1"/>
          </p:nvPr>
        </p:nvSpPr>
        <p:spPr>
          <a:xfrm>
            <a:off x="2425700" y="1630363"/>
            <a:ext cx="3456001" cy="4535487"/>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4" name="Picture Placeholder 14">
            <a:extLst>
              <a:ext uri="{FF2B5EF4-FFF2-40B4-BE49-F238E27FC236}">
                <a16:creationId xmlns:a16="http://schemas.microsoft.com/office/drawing/2014/main" id="{CBD22EAF-3F7F-445F-9FCF-D3E18E624184}"/>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15" name="Text Placeholder 7">
            <a:extLst>
              <a:ext uri="{FF2B5EF4-FFF2-40B4-BE49-F238E27FC236}">
                <a16:creationId xmlns:a16="http://schemas.microsoft.com/office/drawing/2014/main" id="{9F5541FC-FA31-4787-BB4A-811EFA1B0DCD}"/>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16" name="Straight Connector 15">
            <a:extLst>
              <a:ext uri="{FF2B5EF4-FFF2-40B4-BE49-F238E27FC236}">
                <a16:creationId xmlns:a16="http://schemas.microsoft.com/office/drawing/2014/main" id="{24D3174D-34D8-4357-9D78-1BD6AE909494}"/>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7" name="Content Placeholder 2">
            <a:extLst>
              <a:ext uri="{FF2B5EF4-FFF2-40B4-BE49-F238E27FC236}">
                <a16:creationId xmlns:a16="http://schemas.microsoft.com/office/drawing/2014/main" id="{09DE5AC3-2622-43C8-A15A-B03CB82F9E0F}"/>
              </a:ext>
            </a:extLst>
          </p:cNvPr>
          <p:cNvSpPr>
            <a:spLocks noGrp="1"/>
          </p:cNvSpPr>
          <p:nvPr>
            <p:ph idx="16"/>
          </p:nvPr>
        </p:nvSpPr>
        <p:spPr>
          <a:xfrm>
            <a:off x="8044201" y="1630363"/>
            <a:ext cx="3456001" cy="4535487"/>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0" name="Picture Placeholder 14">
            <a:extLst>
              <a:ext uri="{FF2B5EF4-FFF2-40B4-BE49-F238E27FC236}">
                <a16:creationId xmlns:a16="http://schemas.microsoft.com/office/drawing/2014/main" id="{24B0C9EB-C647-4C3A-AE4F-3968CBC6A010}"/>
              </a:ext>
            </a:extLst>
          </p:cNvPr>
          <p:cNvSpPr>
            <a:spLocks noGrp="1"/>
          </p:cNvSpPr>
          <p:nvPr>
            <p:ph type="pic" sz="quarter" idx="17"/>
          </p:nvPr>
        </p:nvSpPr>
        <p:spPr>
          <a:xfrm>
            <a:off x="6170951"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2" name="Text Placeholder 7">
            <a:extLst>
              <a:ext uri="{FF2B5EF4-FFF2-40B4-BE49-F238E27FC236}">
                <a16:creationId xmlns:a16="http://schemas.microsoft.com/office/drawing/2014/main" id="{BDE548DD-43B0-4AF6-B57F-91DE54E3789B}"/>
              </a:ext>
            </a:extLst>
          </p:cNvPr>
          <p:cNvSpPr>
            <a:spLocks noGrp="1"/>
          </p:cNvSpPr>
          <p:nvPr>
            <p:ph type="body" sz="quarter" idx="18" hasCustomPrompt="1"/>
          </p:nvPr>
        </p:nvSpPr>
        <p:spPr>
          <a:xfrm>
            <a:off x="8046741"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27" name="Straight Connector 26">
            <a:extLst>
              <a:ext uri="{FF2B5EF4-FFF2-40B4-BE49-F238E27FC236}">
                <a16:creationId xmlns:a16="http://schemas.microsoft.com/office/drawing/2014/main" id="{42144227-E658-4B0E-A01D-01443608F0D6}"/>
              </a:ext>
            </a:extLst>
          </p:cNvPr>
          <p:cNvCxnSpPr>
            <a:cxnSpLocks/>
          </p:cNvCxnSpPr>
          <p:nvPr userDrawn="1"/>
        </p:nvCxnSpPr>
        <p:spPr>
          <a:xfrm>
            <a:off x="8044201"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00177155"/>
      </p:ext>
    </p:extLst>
  </p:cSld>
  <p:clrMapOvr>
    <a:masterClrMapping/>
  </p:clrMapOvr>
  <p:transition>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Profiles - Four Profiles">
    <p:spTree>
      <p:nvGrpSpPr>
        <p:cNvPr id="1" name=""/>
        <p:cNvGrpSpPr/>
        <p:nvPr/>
      </p:nvGrpSpPr>
      <p:grpSpPr>
        <a:xfrm>
          <a:off x="0" y="0"/>
          <a:ext cx="0" cy="0"/>
          <a:chOff x="0" y="0"/>
          <a:chExt cx="0" cy="0"/>
        </a:xfrm>
      </p:grpSpPr>
      <p:sp>
        <p:nvSpPr>
          <p:cNvPr id="23" name="Content Placeholder 2">
            <a:extLst>
              <a:ext uri="{FF2B5EF4-FFF2-40B4-BE49-F238E27FC236}">
                <a16:creationId xmlns:a16="http://schemas.microsoft.com/office/drawing/2014/main" id="{CBC5AE41-5438-4FD3-9740-463599D0FEC6}"/>
              </a:ext>
            </a:extLst>
          </p:cNvPr>
          <p:cNvSpPr>
            <a:spLocks noGrp="1"/>
          </p:cNvSpPr>
          <p:nvPr>
            <p:ph idx="1"/>
          </p:nvPr>
        </p:nvSpPr>
        <p:spPr>
          <a:xfrm>
            <a:off x="2425700" y="1630364"/>
            <a:ext cx="3456001" cy="1727200"/>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4" name="Picture Placeholder 14">
            <a:extLst>
              <a:ext uri="{FF2B5EF4-FFF2-40B4-BE49-F238E27FC236}">
                <a16:creationId xmlns:a16="http://schemas.microsoft.com/office/drawing/2014/main" id="{B3B60367-D03F-4045-BA7A-04DDDB58D547}"/>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5" name="Text Placeholder 7">
            <a:extLst>
              <a:ext uri="{FF2B5EF4-FFF2-40B4-BE49-F238E27FC236}">
                <a16:creationId xmlns:a16="http://schemas.microsoft.com/office/drawing/2014/main" id="{2F8556F8-850D-48D8-9FBF-EA96E2925A12}"/>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26" name="Straight Connector 25">
            <a:extLst>
              <a:ext uri="{FF2B5EF4-FFF2-40B4-BE49-F238E27FC236}">
                <a16:creationId xmlns:a16="http://schemas.microsoft.com/office/drawing/2014/main" id="{171AE972-AE08-4D30-A4A2-C94057F8F0A5}"/>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7" name="Content Placeholder 2">
            <a:extLst>
              <a:ext uri="{FF2B5EF4-FFF2-40B4-BE49-F238E27FC236}">
                <a16:creationId xmlns:a16="http://schemas.microsoft.com/office/drawing/2014/main" id="{A7D3A890-5944-4C6A-ADE7-1919E8A87971}"/>
              </a:ext>
            </a:extLst>
          </p:cNvPr>
          <p:cNvSpPr>
            <a:spLocks noGrp="1"/>
          </p:cNvSpPr>
          <p:nvPr>
            <p:ph idx="16"/>
          </p:nvPr>
        </p:nvSpPr>
        <p:spPr>
          <a:xfrm>
            <a:off x="8042275" y="1630364"/>
            <a:ext cx="3456001" cy="1727200"/>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8" name="Picture Placeholder 14">
            <a:extLst>
              <a:ext uri="{FF2B5EF4-FFF2-40B4-BE49-F238E27FC236}">
                <a16:creationId xmlns:a16="http://schemas.microsoft.com/office/drawing/2014/main" id="{6245B2C4-EBFE-4544-9DFB-4953F4DD119F}"/>
              </a:ext>
            </a:extLst>
          </p:cNvPr>
          <p:cNvSpPr>
            <a:spLocks noGrp="1"/>
          </p:cNvSpPr>
          <p:nvPr>
            <p:ph type="pic" sz="quarter" idx="17"/>
          </p:nvPr>
        </p:nvSpPr>
        <p:spPr>
          <a:xfrm>
            <a:off x="6169025"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9" name="Text Placeholder 7">
            <a:extLst>
              <a:ext uri="{FF2B5EF4-FFF2-40B4-BE49-F238E27FC236}">
                <a16:creationId xmlns:a16="http://schemas.microsoft.com/office/drawing/2014/main" id="{E3BFAAA9-5C01-43DF-B797-73F076F5D6A2}"/>
              </a:ext>
            </a:extLst>
          </p:cNvPr>
          <p:cNvSpPr>
            <a:spLocks noGrp="1"/>
          </p:cNvSpPr>
          <p:nvPr>
            <p:ph type="body" sz="quarter" idx="18" hasCustomPrompt="1"/>
          </p:nvPr>
        </p:nvSpPr>
        <p:spPr>
          <a:xfrm>
            <a:off x="8044815"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0" name="Straight Connector 29">
            <a:extLst>
              <a:ext uri="{FF2B5EF4-FFF2-40B4-BE49-F238E27FC236}">
                <a16:creationId xmlns:a16="http://schemas.microsoft.com/office/drawing/2014/main" id="{984B0C49-E788-4FE2-8B60-5E9E2618235C}"/>
              </a:ext>
            </a:extLst>
          </p:cNvPr>
          <p:cNvCxnSpPr>
            <a:cxnSpLocks/>
          </p:cNvCxnSpPr>
          <p:nvPr userDrawn="1"/>
        </p:nvCxnSpPr>
        <p:spPr>
          <a:xfrm>
            <a:off x="8042275"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1" name="Content Placeholder 2">
            <a:extLst>
              <a:ext uri="{FF2B5EF4-FFF2-40B4-BE49-F238E27FC236}">
                <a16:creationId xmlns:a16="http://schemas.microsoft.com/office/drawing/2014/main" id="{61061E83-BD01-4C7E-A134-3A004A0BA921}"/>
              </a:ext>
            </a:extLst>
          </p:cNvPr>
          <p:cNvSpPr>
            <a:spLocks noGrp="1"/>
          </p:cNvSpPr>
          <p:nvPr>
            <p:ph idx="19"/>
          </p:nvPr>
        </p:nvSpPr>
        <p:spPr>
          <a:xfrm>
            <a:off x="2425700" y="4449289"/>
            <a:ext cx="3456001" cy="1727200"/>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2" name="Picture Placeholder 14">
            <a:extLst>
              <a:ext uri="{FF2B5EF4-FFF2-40B4-BE49-F238E27FC236}">
                <a16:creationId xmlns:a16="http://schemas.microsoft.com/office/drawing/2014/main" id="{6BA7A345-7BEF-4FD4-8D5F-59AEC0C10516}"/>
              </a:ext>
            </a:extLst>
          </p:cNvPr>
          <p:cNvSpPr>
            <a:spLocks noGrp="1"/>
          </p:cNvSpPr>
          <p:nvPr>
            <p:ph type="pic" sz="quarter" idx="20"/>
          </p:nvPr>
        </p:nvSpPr>
        <p:spPr>
          <a:xfrm>
            <a:off x="552450"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3" name="Text Placeholder 7">
            <a:extLst>
              <a:ext uri="{FF2B5EF4-FFF2-40B4-BE49-F238E27FC236}">
                <a16:creationId xmlns:a16="http://schemas.microsoft.com/office/drawing/2014/main" id="{B95665D2-55F0-47B2-8EC5-FA26CFFD7ED7}"/>
              </a:ext>
            </a:extLst>
          </p:cNvPr>
          <p:cNvSpPr>
            <a:spLocks noGrp="1"/>
          </p:cNvSpPr>
          <p:nvPr>
            <p:ph type="body" sz="quarter" idx="21" hasCustomPrompt="1"/>
          </p:nvPr>
        </p:nvSpPr>
        <p:spPr>
          <a:xfrm>
            <a:off x="2428240"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4" name="Straight Connector 33">
            <a:extLst>
              <a:ext uri="{FF2B5EF4-FFF2-40B4-BE49-F238E27FC236}">
                <a16:creationId xmlns:a16="http://schemas.microsoft.com/office/drawing/2014/main" id="{7C988DE4-1B79-497C-AEE1-548C23437828}"/>
              </a:ext>
            </a:extLst>
          </p:cNvPr>
          <p:cNvCxnSpPr>
            <a:cxnSpLocks/>
          </p:cNvCxnSpPr>
          <p:nvPr userDrawn="1"/>
        </p:nvCxnSpPr>
        <p:spPr>
          <a:xfrm>
            <a:off x="2425700"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5" name="Content Placeholder 2">
            <a:extLst>
              <a:ext uri="{FF2B5EF4-FFF2-40B4-BE49-F238E27FC236}">
                <a16:creationId xmlns:a16="http://schemas.microsoft.com/office/drawing/2014/main" id="{3D317D79-906C-4DDD-8A95-57ADE50BAFC9}"/>
              </a:ext>
            </a:extLst>
          </p:cNvPr>
          <p:cNvSpPr>
            <a:spLocks noGrp="1"/>
          </p:cNvSpPr>
          <p:nvPr>
            <p:ph idx="22"/>
          </p:nvPr>
        </p:nvSpPr>
        <p:spPr>
          <a:xfrm>
            <a:off x="8042275" y="4449289"/>
            <a:ext cx="3456001" cy="1727200"/>
          </a:xfrm>
        </p:spPr>
        <p:txBody>
          <a:bodyPr rIns="0">
            <a:noAutofit/>
          </a:bodyPr>
          <a:lstStyle>
            <a:lvl5pPr>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6" name="Picture Placeholder 14">
            <a:extLst>
              <a:ext uri="{FF2B5EF4-FFF2-40B4-BE49-F238E27FC236}">
                <a16:creationId xmlns:a16="http://schemas.microsoft.com/office/drawing/2014/main" id="{615EBBA1-48B5-48C8-BF67-FFE323601E85}"/>
              </a:ext>
            </a:extLst>
          </p:cNvPr>
          <p:cNvSpPr>
            <a:spLocks noGrp="1"/>
          </p:cNvSpPr>
          <p:nvPr>
            <p:ph type="pic" sz="quarter" idx="23"/>
          </p:nvPr>
        </p:nvSpPr>
        <p:spPr>
          <a:xfrm>
            <a:off x="6169025"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7" name="Text Placeholder 7">
            <a:extLst>
              <a:ext uri="{FF2B5EF4-FFF2-40B4-BE49-F238E27FC236}">
                <a16:creationId xmlns:a16="http://schemas.microsoft.com/office/drawing/2014/main" id="{3DE6C8BB-1E53-42AB-9235-F11000837E3C}"/>
              </a:ext>
            </a:extLst>
          </p:cNvPr>
          <p:cNvSpPr>
            <a:spLocks noGrp="1"/>
          </p:cNvSpPr>
          <p:nvPr>
            <p:ph type="body" sz="quarter" idx="24" hasCustomPrompt="1"/>
          </p:nvPr>
        </p:nvSpPr>
        <p:spPr>
          <a:xfrm>
            <a:off x="8044815"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8" name="Straight Connector 37">
            <a:extLst>
              <a:ext uri="{FF2B5EF4-FFF2-40B4-BE49-F238E27FC236}">
                <a16:creationId xmlns:a16="http://schemas.microsoft.com/office/drawing/2014/main" id="{2AE03B15-C704-43A4-BE42-62D09237DDEE}"/>
              </a:ext>
            </a:extLst>
          </p:cNvPr>
          <p:cNvCxnSpPr>
            <a:cxnSpLocks/>
          </p:cNvCxnSpPr>
          <p:nvPr userDrawn="1"/>
        </p:nvCxnSpPr>
        <p:spPr>
          <a:xfrm>
            <a:off x="8042275"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03278021"/>
      </p:ext>
    </p:extLst>
  </p:cSld>
  <p:clrMapOvr>
    <a:masterClrMapping/>
  </p:clrMapOvr>
  <p:transition>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Profiles - Four Profiles - Dark">
    <p:bg>
      <p:bgPr>
        <a:solidFill>
          <a:schemeClr val="accent1"/>
        </a:solidFill>
        <a:effectLst/>
      </p:bgPr>
    </p:bg>
    <p:spTree>
      <p:nvGrpSpPr>
        <p:cNvPr id="1" name=""/>
        <p:cNvGrpSpPr/>
        <p:nvPr/>
      </p:nvGrpSpPr>
      <p:grpSpPr>
        <a:xfrm>
          <a:off x="0" y="0"/>
          <a:ext cx="0" cy="0"/>
          <a:chOff x="0" y="0"/>
          <a:chExt cx="0" cy="0"/>
        </a:xfrm>
      </p:grpSpPr>
      <p:sp>
        <p:nvSpPr>
          <p:cNvPr id="23" name="Content Placeholder 2">
            <a:extLst>
              <a:ext uri="{FF2B5EF4-FFF2-40B4-BE49-F238E27FC236}">
                <a16:creationId xmlns:a16="http://schemas.microsoft.com/office/drawing/2014/main" id="{CBC5AE41-5438-4FD3-9740-463599D0FEC6}"/>
              </a:ext>
            </a:extLst>
          </p:cNvPr>
          <p:cNvSpPr>
            <a:spLocks noGrp="1"/>
          </p:cNvSpPr>
          <p:nvPr>
            <p:ph idx="1"/>
          </p:nvPr>
        </p:nvSpPr>
        <p:spPr>
          <a:xfrm>
            <a:off x="2425700" y="1630364"/>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4" name="Picture Placeholder 14">
            <a:extLst>
              <a:ext uri="{FF2B5EF4-FFF2-40B4-BE49-F238E27FC236}">
                <a16:creationId xmlns:a16="http://schemas.microsoft.com/office/drawing/2014/main" id="{B3B60367-D03F-4045-BA7A-04DDDB58D547}"/>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5" name="Text Placeholder 7">
            <a:extLst>
              <a:ext uri="{FF2B5EF4-FFF2-40B4-BE49-F238E27FC236}">
                <a16:creationId xmlns:a16="http://schemas.microsoft.com/office/drawing/2014/main" id="{2F8556F8-850D-48D8-9FBF-EA96E2925A12}"/>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26" name="Straight Connector 25">
            <a:extLst>
              <a:ext uri="{FF2B5EF4-FFF2-40B4-BE49-F238E27FC236}">
                <a16:creationId xmlns:a16="http://schemas.microsoft.com/office/drawing/2014/main" id="{171AE972-AE08-4D30-A4A2-C94057F8F0A5}"/>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7" name="Content Placeholder 2">
            <a:extLst>
              <a:ext uri="{FF2B5EF4-FFF2-40B4-BE49-F238E27FC236}">
                <a16:creationId xmlns:a16="http://schemas.microsoft.com/office/drawing/2014/main" id="{A7D3A890-5944-4C6A-ADE7-1919E8A87971}"/>
              </a:ext>
            </a:extLst>
          </p:cNvPr>
          <p:cNvSpPr>
            <a:spLocks noGrp="1"/>
          </p:cNvSpPr>
          <p:nvPr>
            <p:ph idx="16"/>
          </p:nvPr>
        </p:nvSpPr>
        <p:spPr>
          <a:xfrm>
            <a:off x="8042275" y="1630364"/>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8" name="Picture Placeholder 14">
            <a:extLst>
              <a:ext uri="{FF2B5EF4-FFF2-40B4-BE49-F238E27FC236}">
                <a16:creationId xmlns:a16="http://schemas.microsoft.com/office/drawing/2014/main" id="{6245B2C4-EBFE-4544-9DFB-4953F4DD119F}"/>
              </a:ext>
            </a:extLst>
          </p:cNvPr>
          <p:cNvSpPr>
            <a:spLocks noGrp="1"/>
          </p:cNvSpPr>
          <p:nvPr>
            <p:ph type="pic" sz="quarter" idx="17"/>
          </p:nvPr>
        </p:nvSpPr>
        <p:spPr>
          <a:xfrm>
            <a:off x="6169025"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29" name="Text Placeholder 7">
            <a:extLst>
              <a:ext uri="{FF2B5EF4-FFF2-40B4-BE49-F238E27FC236}">
                <a16:creationId xmlns:a16="http://schemas.microsoft.com/office/drawing/2014/main" id="{E3BFAAA9-5C01-43DF-B797-73F076F5D6A2}"/>
              </a:ext>
            </a:extLst>
          </p:cNvPr>
          <p:cNvSpPr>
            <a:spLocks noGrp="1"/>
          </p:cNvSpPr>
          <p:nvPr>
            <p:ph type="body" sz="quarter" idx="18" hasCustomPrompt="1"/>
          </p:nvPr>
        </p:nvSpPr>
        <p:spPr>
          <a:xfrm>
            <a:off x="8044815"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0" name="Straight Connector 29">
            <a:extLst>
              <a:ext uri="{FF2B5EF4-FFF2-40B4-BE49-F238E27FC236}">
                <a16:creationId xmlns:a16="http://schemas.microsoft.com/office/drawing/2014/main" id="{984B0C49-E788-4FE2-8B60-5E9E2618235C}"/>
              </a:ext>
            </a:extLst>
          </p:cNvPr>
          <p:cNvCxnSpPr>
            <a:cxnSpLocks/>
          </p:cNvCxnSpPr>
          <p:nvPr userDrawn="1"/>
        </p:nvCxnSpPr>
        <p:spPr>
          <a:xfrm>
            <a:off x="8042275"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1" name="Content Placeholder 2">
            <a:extLst>
              <a:ext uri="{FF2B5EF4-FFF2-40B4-BE49-F238E27FC236}">
                <a16:creationId xmlns:a16="http://schemas.microsoft.com/office/drawing/2014/main" id="{61061E83-BD01-4C7E-A134-3A004A0BA921}"/>
              </a:ext>
            </a:extLst>
          </p:cNvPr>
          <p:cNvSpPr>
            <a:spLocks noGrp="1"/>
          </p:cNvSpPr>
          <p:nvPr>
            <p:ph idx="19"/>
          </p:nvPr>
        </p:nvSpPr>
        <p:spPr>
          <a:xfrm>
            <a:off x="2425700" y="4449289"/>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2" name="Picture Placeholder 14">
            <a:extLst>
              <a:ext uri="{FF2B5EF4-FFF2-40B4-BE49-F238E27FC236}">
                <a16:creationId xmlns:a16="http://schemas.microsoft.com/office/drawing/2014/main" id="{6BA7A345-7BEF-4FD4-8D5F-59AEC0C10516}"/>
              </a:ext>
            </a:extLst>
          </p:cNvPr>
          <p:cNvSpPr>
            <a:spLocks noGrp="1"/>
          </p:cNvSpPr>
          <p:nvPr>
            <p:ph type="pic" sz="quarter" idx="20"/>
          </p:nvPr>
        </p:nvSpPr>
        <p:spPr>
          <a:xfrm>
            <a:off x="552450"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3" name="Text Placeholder 7">
            <a:extLst>
              <a:ext uri="{FF2B5EF4-FFF2-40B4-BE49-F238E27FC236}">
                <a16:creationId xmlns:a16="http://schemas.microsoft.com/office/drawing/2014/main" id="{B95665D2-55F0-47B2-8EC5-FA26CFFD7ED7}"/>
              </a:ext>
            </a:extLst>
          </p:cNvPr>
          <p:cNvSpPr>
            <a:spLocks noGrp="1"/>
          </p:cNvSpPr>
          <p:nvPr>
            <p:ph type="body" sz="quarter" idx="21" hasCustomPrompt="1"/>
          </p:nvPr>
        </p:nvSpPr>
        <p:spPr>
          <a:xfrm>
            <a:off x="2428240"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4" name="Straight Connector 33">
            <a:extLst>
              <a:ext uri="{FF2B5EF4-FFF2-40B4-BE49-F238E27FC236}">
                <a16:creationId xmlns:a16="http://schemas.microsoft.com/office/drawing/2014/main" id="{7C988DE4-1B79-497C-AEE1-548C23437828}"/>
              </a:ext>
            </a:extLst>
          </p:cNvPr>
          <p:cNvCxnSpPr>
            <a:cxnSpLocks/>
          </p:cNvCxnSpPr>
          <p:nvPr userDrawn="1"/>
        </p:nvCxnSpPr>
        <p:spPr>
          <a:xfrm>
            <a:off x="2425700"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5" name="Content Placeholder 2">
            <a:extLst>
              <a:ext uri="{FF2B5EF4-FFF2-40B4-BE49-F238E27FC236}">
                <a16:creationId xmlns:a16="http://schemas.microsoft.com/office/drawing/2014/main" id="{3D317D79-906C-4DDD-8A95-57ADE50BAFC9}"/>
              </a:ext>
            </a:extLst>
          </p:cNvPr>
          <p:cNvSpPr>
            <a:spLocks noGrp="1"/>
          </p:cNvSpPr>
          <p:nvPr>
            <p:ph idx="22"/>
          </p:nvPr>
        </p:nvSpPr>
        <p:spPr>
          <a:xfrm>
            <a:off x="8042275" y="4449289"/>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6" name="Picture Placeholder 14">
            <a:extLst>
              <a:ext uri="{FF2B5EF4-FFF2-40B4-BE49-F238E27FC236}">
                <a16:creationId xmlns:a16="http://schemas.microsoft.com/office/drawing/2014/main" id="{615EBBA1-48B5-48C8-BF67-FFE323601E85}"/>
              </a:ext>
            </a:extLst>
          </p:cNvPr>
          <p:cNvSpPr>
            <a:spLocks noGrp="1"/>
          </p:cNvSpPr>
          <p:nvPr>
            <p:ph type="pic" sz="quarter" idx="23"/>
          </p:nvPr>
        </p:nvSpPr>
        <p:spPr>
          <a:xfrm>
            <a:off x="6169025"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7" name="Text Placeholder 7">
            <a:extLst>
              <a:ext uri="{FF2B5EF4-FFF2-40B4-BE49-F238E27FC236}">
                <a16:creationId xmlns:a16="http://schemas.microsoft.com/office/drawing/2014/main" id="{3DE6C8BB-1E53-42AB-9235-F11000837E3C}"/>
              </a:ext>
            </a:extLst>
          </p:cNvPr>
          <p:cNvSpPr>
            <a:spLocks noGrp="1"/>
          </p:cNvSpPr>
          <p:nvPr>
            <p:ph type="body" sz="quarter" idx="24" hasCustomPrompt="1"/>
          </p:nvPr>
        </p:nvSpPr>
        <p:spPr>
          <a:xfrm>
            <a:off x="8044815"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itle</a:t>
            </a:r>
            <a:r>
              <a:rPr lang="da-DK" dirty="0"/>
              <a:t> </a:t>
            </a:r>
          </a:p>
          <a:p>
            <a:pPr lvl="1"/>
            <a:r>
              <a:rPr lang="da-DK" dirty="0"/>
              <a:t>Second </a:t>
            </a:r>
            <a:r>
              <a:rPr lang="da-DK" dirty="0" err="1"/>
              <a:t>level</a:t>
            </a:r>
            <a:endParaRPr lang="da-DK" dirty="0"/>
          </a:p>
        </p:txBody>
      </p:sp>
      <p:cxnSp>
        <p:nvCxnSpPr>
          <p:cNvPr id="38" name="Straight Connector 37">
            <a:extLst>
              <a:ext uri="{FF2B5EF4-FFF2-40B4-BE49-F238E27FC236}">
                <a16:creationId xmlns:a16="http://schemas.microsoft.com/office/drawing/2014/main" id="{2AE03B15-C704-43A4-BE42-62D09237DDEE}"/>
              </a:ext>
            </a:extLst>
          </p:cNvPr>
          <p:cNvCxnSpPr>
            <a:cxnSpLocks/>
          </p:cNvCxnSpPr>
          <p:nvPr userDrawn="1"/>
        </p:nvCxnSpPr>
        <p:spPr>
          <a:xfrm>
            <a:off x="8042275"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17514404"/>
      </p:ext>
    </p:extLst>
  </p:cSld>
  <p:clrMapOvr>
    <a:masterClrMapping/>
  </p:clrMapOvr>
  <p:transition>
    <p:fade/>
  </p:transition>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Profiles - Six Name Profiles">
    <p:spTree>
      <p:nvGrpSpPr>
        <p:cNvPr id="1" name=""/>
        <p:cNvGrpSpPr/>
        <p:nvPr/>
      </p:nvGrpSpPr>
      <p:grpSpPr>
        <a:xfrm>
          <a:off x="0" y="0"/>
          <a:ext cx="0" cy="0"/>
          <a:chOff x="0" y="0"/>
          <a:chExt cx="0" cy="0"/>
        </a:xfrm>
      </p:grpSpPr>
      <p:sp>
        <p:nvSpPr>
          <p:cNvPr id="31" name="Title 1">
            <a:extLst>
              <a:ext uri="{FF2B5EF4-FFF2-40B4-BE49-F238E27FC236}">
                <a16:creationId xmlns:a16="http://schemas.microsoft.com/office/drawing/2014/main" id="{C683575C-C4B9-4E2F-9D9F-FEBDB331FA64}"/>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32" name="Straight Connector 31">
            <a:extLst>
              <a:ext uri="{FF2B5EF4-FFF2-40B4-BE49-F238E27FC236}">
                <a16:creationId xmlns:a16="http://schemas.microsoft.com/office/drawing/2014/main" id="{489D076B-26A2-474D-925F-D4CF348D9272}"/>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3" name="Picture Placeholder 14">
            <a:extLst>
              <a:ext uri="{FF2B5EF4-FFF2-40B4-BE49-F238E27FC236}">
                <a16:creationId xmlns:a16="http://schemas.microsoft.com/office/drawing/2014/main" id="{74495213-3AF1-42BD-867D-D8579D54150F}"/>
              </a:ext>
            </a:extLst>
          </p:cNvPr>
          <p:cNvSpPr>
            <a:spLocks noGrp="1"/>
          </p:cNvSpPr>
          <p:nvPr>
            <p:ph type="pic" sz="quarter" idx="15"/>
          </p:nvPr>
        </p:nvSpPr>
        <p:spPr>
          <a:xfrm>
            <a:off x="552450"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4" name="Text Placeholder 7">
            <a:extLst>
              <a:ext uri="{FF2B5EF4-FFF2-40B4-BE49-F238E27FC236}">
                <a16:creationId xmlns:a16="http://schemas.microsoft.com/office/drawing/2014/main" id="{4F5530C5-3AA0-43DA-A346-E167D251F458}"/>
              </a:ext>
            </a:extLst>
          </p:cNvPr>
          <p:cNvSpPr>
            <a:spLocks noGrp="1"/>
          </p:cNvSpPr>
          <p:nvPr>
            <p:ph type="body" sz="quarter" idx="13" hasCustomPrompt="1"/>
          </p:nvPr>
        </p:nvSpPr>
        <p:spPr>
          <a:xfrm>
            <a:off x="2131812"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37" name="Picture Placeholder 14">
            <a:extLst>
              <a:ext uri="{FF2B5EF4-FFF2-40B4-BE49-F238E27FC236}">
                <a16:creationId xmlns:a16="http://schemas.microsoft.com/office/drawing/2014/main" id="{6CBE9017-C530-4B6C-A061-200A955633D3}"/>
              </a:ext>
            </a:extLst>
          </p:cNvPr>
          <p:cNvSpPr>
            <a:spLocks noGrp="1"/>
          </p:cNvSpPr>
          <p:nvPr>
            <p:ph type="pic" sz="quarter" idx="16"/>
          </p:nvPr>
        </p:nvSpPr>
        <p:spPr>
          <a:xfrm>
            <a:off x="552450"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8" name="Text Placeholder 7">
            <a:extLst>
              <a:ext uri="{FF2B5EF4-FFF2-40B4-BE49-F238E27FC236}">
                <a16:creationId xmlns:a16="http://schemas.microsoft.com/office/drawing/2014/main" id="{34D60246-2F54-434D-BCEC-61BDCB970F08}"/>
              </a:ext>
            </a:extLst>
          </p:cNvPr>
          <p:cNvSpPr>
            <a:spLocks noGrp="1"/>
          </p:cNvSpPr>
          <p:nvPr>
            <p:ph type="body" sz="quarter" idx="17" hasCustomPrompt="1"/>
          </p:nvPr>
        </p:nvSpPr>
        <p:spPr>
          <a:xfrm>
            <a:off x="2131812"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39" name="Picture Placeholder 14">
            <a:extLst>
              <a:ext uri="{FF2B5EF4-FFF2-40B4-BE49-F238E27FC236}">
                <a16:creationId xmlns:a16="http://schemas.microsoft.com/office/drawing/2014/main" id="{A7107C72-2EDB-4ECA-8454-D356EC4F45C5}"/>
              </a:ext>
            </a:extLst>
          </p:cNvPr>
          <p:cNvSpPr>
            <a:spLocks noGrp="1"/>
          </p:cNvSpPr>
          <p:nvPr>
            <p:ph type="pic" sz="quarter" idx="18"/>
          </p:nvPr>
        </p:nvSpPr>
        <p:spPr>
          <a:xfrm>
            <a:off x="552450"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0" name="Text Placeholder 7">
            <a:extLst>
              <a:ext uri="{FF2B5EF4-FFF2-40B4-BE49-F238E27FC236}">
                <a16:creationId xmlns:a16="http://schemas.microsoft.com/office/drawing/2014/main" id="{B6EF5E86-92AE-4DF0-BB72-1ACABA04061B}"/>
              </a:ext>
            </a:extLst>
          </p:cNvPr>
          <p:cNvSpPr>
            <a:spLocks noGrp="1"/>
          </p:cNvSpPr>
          <p:nvPr>
            <p:ph type="body" sz="quarter" idx="19" hasCustomPrompt="1"/>
          </p:nvPr>
        </p:nvSpPr>
        <p:spPr>
          <a:xfrm>
            <a:off x="2131812"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1" name="Picture Placeholder 14">
            <a:extLst>
              <a:ext uri="{FF2B5EF4-FFF2-40B4-BE49-F238E27FC236}">
                <a16:creationId xmlns:a16="http://schemas.microsoft.com/office/drawing/2014/main" id="{6470DC53-31A1-4886-96DD-24E8DB5DD9C4}"/>
              </a:ext>
            </a:extLst>
          </p:cNvPr>
          <p:cNvSpPr>
            <a:spLocks noGrp="1"/>
          </p:cNvSpPr>
          <p:nvPr>
            <p:ph type="pic" sz="quarter" idx="20"/>
          </p:nvPr>
        </p:nvSpPr>
        <p:spPr>
          <a:xfrm>
            <a:off x="6169026"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2" name="Text Placeholder 7">
            <a:extLst>
              <a:ext uri="{FF2B5EF4-FFF2-40B4-BE49-F238E27FC236}">
                <a16:creationId xmlns:a16="http://schemas.microsoft.com/office/drawing/2014/main" id="{AD8B2916-BAAC-4A71-97D3-1324495398E1}"/>
              </a:ext>
            </a:extLst>
          </p:cNvPr>
          <p:cNvSpPr>
            <a:spLocks noGrp="1"/>
          </p:cNvSpPr>
          <p:nvPr>
            <p:ph type="body" sz="quarter" idx="21" hasCustomPrompt="1"/>
          </p:nvPr>
        </p:nvSpPr>
        <p:spPr>
          <a:xfrm>
            <a:off x="7748388"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3" name="Picture Placeholder 14">
            <a:extLst>
              <a:ext uri="{FF2B5EF4-FFF2-40B4-BE49-F238E27FC236}">
                <a16:creationId xmlns:a16="http://schemas.microsoft.com/office/drawing/2014/main" id="{CE347703-514B-459B-A699-56915BD151AF}"/>
              </a:ext>
            </a:extLst>
          </p:cNvPr>
          <p:cNvSpPr>
            <a:spLocks noGrp="1"/>
          </p:cNvSpPr>
          <p:nvPr>
            <p:ph type="pic" sz="quarter" idx="22"/>
          </p:nvPr>
        </p:nvSpPr>
        <p:spPr>
          <a:xfrm>
            <a:off x="6169026"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4" name="Text Placeholder 7">
            <a:extLst>
              <a:ext uri="{FF2B5EF4-FFF2-40B4-BE49-F238E27FC236}">
                <a16:creationId xmlns:a16="http://schemas.microsoft.com/office/drawing/2014/main" id="{87ED199E-E1CB-43A8-BB2F-E9906D67BA30}"/>
              </a:ext>
            </a:extLst>
          </p:cNvPr>
          <p:cNvSpPr>
            <a:spLocks noGrp="1"/>
          </p:cNvSpPr>
          <p:nvPr>
            <p:ph type="body" sz="quarter" idx="23" hasCustomPrompt="1"/>
          </p:nvPr>
        </p:nvSpPr>
        <p:spPr>
          <a:xfrm>
            <a:off x="7748388"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5" name="Picture Placeholder 14">
            <a:extLst>
              <a:ext uri="{FF2B5EF4-FFF2-40B4-BE49-F238E27FC236}">
                <a16:creationId xmlns:a16="http://schemas.microsoft.com/office/drawing/2014/main" id="{064781D7-E620-4CDA-8D0D-4A4971B11A42}"/>
              </a:ext>
            </a:extLst>
          </p:cNvPr>
          <p:cNvSpPr>
            <a:spLocks noGrp="1"/>
          </p:cNvSpPr>
          <p:nvPr>
            <p:ph type="pic" sz="quarter" idx="24"/>
          </p:nvPr>
        </p:nvSpPr>
        <p:spPr>
          <a:xfrm>
            <a:off x="6169026"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6" name="Text Placeholder 7">
            <a:extLst>
              <a:ext uri="{FF2B5EF4-FFF2-40B4-BE49-F238E27FC236}">
                <a16:creationId xmlns:a16="http://schemas.microsoft.com/office/drawing/2014/main" id="{57EF6C9F-85E3-40FB-9407-9352A5EED4CB}"/>
              </a:ext>
            </a:extLst>
          </p:cNvPr>
          <p:cNvSpPr>
            <a:spLocks noGrp="1"/>
          </p:cNvSpPr>
          <p:nvPr>
            <p:ph type="body" sz="quarter" idx="25" hasCustomPrompt="1"/>
          </p:nvPr>
        </p:nvSpPr>
        <p:spPr>
          <a:xfrm>
            <a:off x="7748388"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Tree>
    <p:extLst>
      <p:ext uri="{BB962C8B-B14F-4D97-AF65-F5344CB8AC3E}">
        <p14:creationId xmlns:p14="http://schemas.microsoft.com/office/powerpoint/2010/main" val="3633363034"/>
      </p:ext>
    </p:extLst>
  </p:cSld>
  <p:clrMapOvr>
    <a:masterClrMapping/>
  </p:clrMapOvr>
  <p:transition>
    <p:fade/>
  </p:transition>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Profiles - Six Name Profiles - Dark">
    <p:bg>
      <p:bgPr>
        <a:solidFill>
          <a:schemeClr val="accent1"/>
        </a:solidFill>
        <a:effectLst/>
      </p:bgPr>
    </p:bg>
    <p:spTree>
      <p:nvGrpSpPr>
        <p:cNvPr id="1" name=""/>
        <p:cNvGrpSpPr/>
        <p:nvPr/>
      </p:nvGrpSpPr>
      <p:grpSpPr>
        <a:xfrm>
          <a:off x="0" y="0"/>
          <a:ext cx="0" cy="0"/>
          <a:chOff x="0" y="0"/>
          <a:chExt cx="0" cy="0"/>
        </a:xfrm>
      </p:grpSpPr>
      <p:sp>
        <p:nvSpPr>
          <p:cNvPr id="31" name="Title 1">
            <a:extLst>
              <a:ext uri="{FF2B5EF4-FFF2-40B4-BE49-F238E27FC236}">
                <a16:creationId xmlns:a16="http://schemas.microsoft.com/office/drawing/2014/main" id="{C683575C-C4B9-4E2F-9D9F-FEBDB331FA64}"/>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32" name="Straight Connector 31">
            <a:extLst>
              <a:ext uri="{FF2B5EF4-FFF2-40B4-BE49-F238E27FC236}">
                <a16:creationId xmlns:a16="http://schemas.microsoft.com/office/drawing/2014/main" id="{489D076B-26A2-474D-925F-D4CF348D9272}"/>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3" name="Picture Placeholder 14">
            <a:extLst>
              <a:ext uri="{FF2B5EF4-FFF2-40B4-BE49-F238E27FC236}">
                <a16:creationId xmlns:a16="http://schemas.microsoft.com/office/drawing/2014/main" id="{74495213-3AF1-42BD-867D-D8579D54150F}"/>
              </a:ext>
            </a:extLst>
          </p:cNvPr>
          <p:cNvSpPr>
            <a:spLocks noGrp="1"/>
          </p:cNvSpPr>
          <p:nvPr>
            <p:ph type="pic" sz="quarter" idx="15"/>
          </p:nvPr>
        </p:nvSpPr>
        <p:spPr>
          <a:xfrm>
            <a:off x="552450"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4" name="Text Placeholder 7">
            <a:extLst>
              <a:ext uri="{FF2B5EF4-FFF2-40B4-BE49-F238E27FC236}">
                <a16:creationId xmlns:a16="http://schemas.microsoft.com/office/drawing/2014/main" id="{4F5530C5-3AA0-43DA-A346-E167D251F458}"/>
              </a:ext>
            </a:extLst>
          </p:cNvPr>
          <p:cNvSpPr>
            <a:spLocks noGrp="1"/>
          </p:cNvSpPr>
          <p:nvPr>
            <p:ph type="body" sz="quarter" idx="13" hasCustomPrompt="1"/>
          </p:nvPr>
        </p:nvSpPr>
        <p:spPr>
          <a:xfrm>
            <a:off x="2131812"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37" name="Picture Placeholder 14">
            <a:extLst>
              <a:ext uri="{FF2B5EF4-FFF2-40B4-BE49-F238E27FC236}">
                <a16:creationId xmlns:a16="http://schemas.microsoft.com/office/drawing/2014/main" id="{6CBE9017-C530-4B6C-A061-200A955633D3}"/>
              </a:ext>
            </a:extLst>
          </p:cNvPr>
          <p:cNvSpPr>
            <a:spLocks noGrp="1"/>
          </p:cNvSpPr>
          <p:nvPr>
            <p:ph type="pic" sz="quarter" idx="16"/>
          </p:nvPr>
        </p:nvSpPr>
        <p:spPr>
          <a:xfrm>
            <a:off x="552450"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38" name="Text Placeholder 7">
            <a:extLst>
              <a:ext uri="{FF2B5EF4-FFF2-40B4-BE49-F238E27FC236}">
                <a16:creationId xmlns:a16="http://schemas.microsoft.com/office/drawing/2014/main" id="{34D60246-2F54-434D-BCEC-61BDCB970F08}"/>
              </a:ext>
            </a:extLst>
          </p:cNvPr>
          <p:cNvSpPr>
            <a:spLocks noGrp="1"/>
          </p:cNvSpPr>
          <p:nvPr>
            <p:ph type="body" sz="quarter" idx="17" hasCustomPrompt="1"/>
          </p:nvPr>
        </p:nvSpPr>
        <p:spPr>
          <a:xfrm>
            <a:off x="2131812"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39" name="Picture Placeholder 14">
            <a:extLst>
              <a:ext uri="{FF2B5EF4-FFF2-40B4-BE49-F238E27FC236}">
                <a16:creationId xmlns:a16="http://schemas.microsoft.com/office/drawing/2014/main" id="{A7107C72-2EDB-4ECA-8454-D356EC4F45C5}"/>
              </a:ext>
            </a:extLst>
          </p:cNvPr>
          <p:cNvSpPr>
            <a:spLocks noGrp="1"/>
          </p:cNvSpPr>
          <p:nvPr>
            <p:ph type="pic" sz="quarter" idx="18"/>
          </p:nvPr>
        </p:nvSpPr>
        <p:spPr>
          <a:xfrm>
            <a:off x="552450"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0" name="Text Placeholder 7">
            <a:extLst>
              <a:ext uri="{FF2B5EF4-FFF2-40B4-BE49-F238E27FC236}">
                <a16:creationId xmlns:a16="http://schemas.microsoft.com/office/drawing/2014/main" id="{B6EF5E86-92AE-4DF0-BB72-1ACABA04061B}"/>
              </a:ext>
            </a:extLst>
          </p:cNvPr>
          <p:cNvSpPr>
            <a:spLocks noGrp="1"/>
          </p:cNvSpPr>
          <p:nvPr>
            <p:ph type="body" sz="quarter" idx="19" hasCustomPrompt="1"/>
          </p:nvPr>
        </p:nvSpPr>
        <p:spPr>
          <a:xfrm>
            <a:off x="2131812"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1" name="Picture Placeholder 14">
            <a:extLst>
              <a:ext uri="{FF2B5EF4-FFF2-40B4-BE49-F238E27FC236}">
                <a16:creationId xmlns:a16="http://schemas.microsoft.com/office/drawing/2014/main" id="{6470DC53-31A1-4886-96DD-24E8DB5DD9C4}"/>
              </a:ext>
            </a:extLst>
          </p:cNvPr>
          <p:cNvSpPr>
            <a:spLocks noGrp="1"/>
          </p:cNvSpPr>
          <p:nvPr>
            <p:ph type="pic" sz="quarter" idx="20"/>
          </p:nvPr>
        </p:nvSpPr>
        <p:spPr>
          <a:xfrm>
            <a:off x="6169026"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2" name="Text Placeholder 7">
            <a:extLst>
              <a:ext uri="{FF2B5EF4-FFF2-40B4-BE49-F238E27FC236}">
                <a16:creationId xmlns:a16="http://schemas.microsoft.com/office/drawing/2014/main" id="{AD8B2916-BAAC-4A71-97D3-1324495398E1}"/>
              </a:ext>
            </a:extLst>
          </p:cNvPr>
          <p:cNvSpPr>
            <a:spLocks noGrp="1"/>
          </p:cNvSpPr>
          <p:nvPr>
            <p:ph type="body" sz="quarter" idx="21" hasCustomPrompt="1"/>
          </p:nvPr>
        </p:nvSpPr>
        <p:spPr>
          <a:xfrm>
            <a:off x="7748388"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3" name="Picture Placeholder 14">
            <a:extLst>
              <a:ext uri="{FF2B5EF4-FFF2-40B4-BE49-F238E27FC236}">
                <a16:creationId xmlns:a16="http://schemas.microsoft.com/office/drawing/2014/main" id="{CE347703-514B-459B-A699-56915BD151AF}"/>
              </a:ext>
            </a:extLst>
          </p:cNvPr>
          <p:cNvSpPr>
            <a:spLocks noGrp="1"/>
          </p:cNvSpPr>
          <p:nvPr>
            <p:ph type="pic" sz="quarter" idx="22"/>
          </p:nvPr>
        </p:nvSpPr>
        <p:spPr>
          <a:xfrm>
            <a:off x="6169026"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4" name="Text Placeholder 7">
            <a:extLst>
              <a:ext uri="{FF2B5EF4-FFF2-40B4-BE49-F238E27FC236}">
                <a16:creationId xmlns:a16="http://schemas.microsoft.com/office/drawing/2014/main" id="{87ED199E-E1CB-43A8-BB2F-E9906D67BA30}"/>
              </a:ext>
            </a:extLst>
          </p:cNvPr>
          <p:cNvSpPr>
            <a:spLocks noGrp="1"/>
          </p:cNvSpPr>
          <p:nvPr>
            <p:ph type="body" sz="quarter" idx="23" hasCustomPrompt="1"/>
          </p:nvPr>
        </p:nvSpPr>
        <p:spPr>
          <a:xfrm>
            <a:off x="7748388"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45" name="Picture Placeholder 14">
            <a:extLst>
              <a:ext uri="{FF2B5EF4-FFF2-40B4-BE49-F238E27FC236}">
                <a16:creationId xmlns:a16="http://schemas.microsoft.com/office/drawing/2014/main" id="{064781D7-E620-4CDA-8D0D-4A4971B11A42}"/>
              </a:ext>
            </a:extLst>
          </p:cNvPr>
          <p:cNvSpPr>
            <a:spLocks noGrp="1"/>
          </p:cNvSpPr>
          <p:nvPr>
            <p:ph type="pic" sz="quarter" idx="24"/>
          </p:nvPr>
        </p:nvSpPr>
        <p:spPr>
          <a:xfrm>
            <a:off x="6169026"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6" name="Text Placeholder 7">
            <a:extLst>
              <a:ext uri="{FF2B5EF4-FFF2-40B4-BE49-F238E27FC236}">
                <a16:creationId xmlns:a16="http://schemas.microsoft.com/office/drawing/2014/main" id="{57EF6C9F-85E3-40FB-9407-9352A5EED4CB}"/>
              </a:ext>
            </a:extLst>
          </p:cNvPr>
          <p:cNvSpPr>
            <a:spLocks noGrp="1"/>
          </p:cNvSpPr>
          <p:nvPr>
            <p:ph type="body" sz="quarter" idx="25" hasCustomPrompt="1"/>
          </p:nvPr>
        </p:nvSpPr>
        <p:spPr>
          <a:xfrm>
            <a:off x="7748388"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Tree>
    <p:extLst>
      <p:ext uri="{BB962C8B-B14F-4D97-AF65-F5344CB8AC3E}">
        <p14:creationId xmlns:p14="http://schemas.microsoft.com/office/powerpoint/2010/main" val="499369919"/>
      </p:ext>
    </p:extLst>
  </p:cSld>
  <p:clrMapOvr>
    <a:masterClrMapping/>
  </p:clrMapOvr>
  <p:transition>
    <p:fade/>
  </p:transition>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Profiles - Eight Name Profiles">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B600BB97-C2E3-4E66-95D4-0298C359B6A5}"/>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39" name="Straight Connector 38">
            <a:extLst>
              <a:ext uri="{FF2B5EF4-FFF2-40B4-BE49-F238E27FC236}">
                <a16:creationId xmlns:a16="http://schemas.microsoft.com/office/drawing/2014/main" id="{D6DB83E4-E72D-4A5B-B643-83A6589A5AB4}"/>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40" name="Picture Placeholder 14">
            <a:extLst>
              <a:ext uri="{FF2B5EF4-FFF2-40B4-BE49-F238E27FC236}">
                <a16:creationId xmlns:a16="http://schemas.microsoft.com/office/drawing/2014/main" id="{9D15D003-E1BD-4E78-9CE6-1EB83EEF0DF4}"/>
              </a:ext>
            </a:extLst>
          </p:cNvPr>
          <p:cNvSpPr>
            <a:spLocks noGrp="1"/>
          </p:cNvSpPr>
          <p:nvPr>
            <p:ph type="pic" sz="quarter" idx="15"/>
          </p:nvPr>
        </p:nvSpPr>
        <p:spPr>
          <a:xfrm>
            <a:off x="552450"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1" name="Text Placeholder 7">
            <a:extLst>
              <a:ext uri="{FF2B5EF4-FFF2-40B4-BE49-F238E27FC236}">
                <a16:creationId xmlns:a16="http://schemas.microsoft.com/office/drawing/2014/main" id="{D31CFFDF-803A-4295-A1F7-0711B416F0CF}"/>
              </a:ext>
            </a:extLst>
          </p:cNvPr>
          <p:cNvSpPr>
            <a:spLocks noGrp="1"/>
          </p:cNvSpPr>
          <p:nvPr>
            <p:ph type="body" sz="quarter" idx="13" hasCustomPrompt="1"/>
          </p:nvPr>
        </p:nvSpPr>
        <p:spPr>
          <a:xfrm>
            <a:off x="1809840"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57" name="Picture Placeholder 14">
            <a:extLst>
              <a:ext uri="{FF2B5EF4-FFF2-40B4-BE49-F238E27FC236}">
                <a16:creationId xmlns:a16="http://schemas.microsoft.com/office/drawing/2014/main" id="{EB0C49C5-4742-40C1-9D0F-85237002793E}"/>
              </a:ext>
            </a:extLst>
          </p:cNvPr>
          <p:cNvSpPr>
            <a:spLocks noGrp="1"/>
          </p:cNvSpPr>
          <p:nvPr>
            <p:ph type="pic" sz="quarter" idx="16"/>
          </p:nvPr>
        </p:nvSpPr>
        <p:spPr>
          <a:xfrm>
            <a:off x="552450"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58" name="Picture Placeholder 14">
            <a:extLst>
              <a:ext uri="{FF2B5EF4-FFF2-40B4-BE49-F238E27FC236}">
                <a16:creationId xmlns:a16="http://schemas.microsoft.com/office/drawing/2014/main" id="{C1830070-A506-4604-9EFD-E8DD509E8BC3}"/>
              </a:ext>
            </a:extLst>
          </p:cNvPr>
          <p:cNvSpPr>
            <a:spLocks noGrp="1"/>
          </p:cNvSpPr>
          <p:nvPr>
            <p:ph type="pic" sz="quarter" idx="17"/>
          </p:nvPr>
        </p:nvSpPr>
        <p:spPr>
          <a:xfrm>
            <a:off x="552450"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59" name="Picture Placeholder 14">
            <a:extLst>
              <a:ext uri="{FF2B5EF4-FFF2-40B4-BE49-F238E27FC236}">
                <a16:creationId xmlns:a16="http://schemas.microsoft.com/office/drawing/2014/main" id="{BE584E3E-2BBB-438F-BB7F-F21AF4D744A8}"/>
              </a:ext>
            </a:extLst>
          </p:cNvPr>
          <p:cNvSpPr>
            <a:spLocks noGrp="1"/>
          </p:cNvSpPr>
          <p:nvPr>
            <p:ph type="pic" sz="quarter" idx="18"/>
          </p:nvPr>
        </p:nvSpPr>
        <p:spPr>
          <a:xfrm>
            <a:off x="552450"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65" name="Text Placeholder 7">
            <a:extLst>
              <a:ext uri="{FF2B5EF4-FFF2-40B4-BE49-F238E27FC236}">
                <a16:creationId xmlns:a16="http://schemas.microsoft.com/office/drawing/2014/main" id="{31F65786-1174-48B7-B643-CBF347172DA3}"/>
              </a:ext>
            </a:extLst>
          </p:cNvPr>
          <p:cNvSpPr>
            <a:spLocks noGrp="1"/>
          </p:cNvSpPr>
          <p:nvPr>
            <p:ph type="body" sz="quarter" idx="19" hasCustomPrompt="1"/>
          </p:nvPr>
        </p:nvSpPr>
        <p:spPr>
          <a:xfrm>
            <a:off x="1809840"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67" name="Text Placeholder 7">
            <a:extLst>
              <a:ext uri="{FF2B5EF4-FFF2-40B4-BE49-F238E27FC236}">
                <a16:creationId xmlns:a16="http://schemas.microsoft.com/office/drawing/2014/main" id="{0BCFF047-2BE3-47B9-9151-A03E098CC432}"/>
              </a:ext>
            </a:extLst>
          </p:cNvPr>
          <p:cNvSpPr>
            <a:spLocks noGrp="1"/>
          </p:cNvSpPr>
          <p:nvPr>
            <p:ph type="body" sz="quarter" idx="20" hasCustomPrompt="1"/>
          </p:nvPr>
        </p:nvSpPr>
        <p:spPr>
          <a:xfrm>
            <a:off x="1809840"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6" name="Text Placeholder 7">
            <a:extLst>
              <a:ext uri="{FF2B5EF4-FFF2-40B4-BE49-F238E27FC236}">
                <a16:creationId xmlns:a16="http://schemas.microsoft.com/office/drawing/2014/main" id="{DD2A57D3-EB15-4893-92A9-F58BA3202649}"/>
              </a:ext>
            </a:extLst>
          </p:cNvPr>
          <p:cNvSpPr>
            <a:spLocks noGrp="1"/>
          </p:cNvSpPr>
          <p:nvPr>
            <p:ph type="body" sz="quarter" idx="21" hasCustomPrompt="1"/>
          </p:nvPr>
        </p:nvSpPr>
        <p:spPr>
          <a:xfrm>
            <a:off x="1809840"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7" name="Picture Placeholder 14">
            <a:extLst>
              <a:ext uri="{FF2B5EF4-FFF2-40B4-BE49-F238E27FC236}">
                <a16:creationId xmlns:a16="http://schemas.microsoft.com/office/drawing/2014/main" id="{23C4F3EE-BFF0-4E40-96E4-FE2B7DE80710}"/>
              </a:ext>
            </a:extLst>
          </p:cNvPr>
          <p:cNvSpPr>
            <a:spLocks noGrp="1"/>
          </p:cNvSpPr>
          <p:nvPr>
            <p:ph type="pic" sz="quarter" idx="22"/>
          </p:nvPr>
        </p:nvSpPr>
        <p:spPr>
          <a:xfrm>
            <a:off x="6169025"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88" name="Text Placeholder 7">
            <a:extLst>
              <a:ext uri="{FF2B5EF4-FFF2-40B4-BE49-F238E27FC236}">
                <a16:creationId xmlns:a16="http://schemas.microsoft.com/office/drawing/2014/main" id="{E54A773E-4FDE-4966-8075-C547FC0FCED7}"/>
              </a:ext>
            </a:extLst>
          </p:cNvPr>
          <p:cNvSpPr>
            <a:spLocks noGrp="1"/>
          </p:cNvSpPr>
          <p:nvPr>
            <p:ph type="body" sz="quarter" idx="23" hasCustomPrompt="1"/>
          </p:nvPr>
        </p:nvSpPr>
        <p:spPr>
          <a:xfrm>
            <a:off x="7426415"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9" name="Picture Placeholder 14">
            <a:extLst>
              <a:ext uri="{FF2B5EF4-FFF2-40B4-BE49-F238E27FC236}">
                <a16:creationId xmlns:a16="http://schemas.microsoft.com/office/drawing/2014/main" id="{E890FD61-4C0A-4DE2-A179-529E52584449}"/>
              </a:ext>
            </a:extLst>
          </p:cNvPr>
          <p:cNvSpPr>
            <a:spLocks noGrp="1"/>
          </p:cNvSpPr>
          <p:nvPr>
            <p:ph type="pic" sz="quarter" idx="24"/>
          </p:nvPr>
        </p:nvSpPr>
        <p:spPr>
          <a:xfrm>
            <a:off x="6169025"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0" name="Picture Placeholder 14">
            <a:extLst>
              <a:ext uri="{FF2B5EF4-FFF2-40B4-BE49-F238E27FC236}">
                <a16:creationId xmlns:a16="http://schemas.microsoft.com/office/drawing/2014/main" id="{ED82CCD2-C351-4F86-8C79-592752F52494}"/>
              </a:ext>
            </a:extLst>
          </p:cNvPr>
          <p:cNvSpPr>
            <a:spLocks noGrp="1"/>
          </p:cNvSpPr>
          <p:nvPr>
            <p:ph type="pic" sz="quarter" idx="25"/>
          </p:nvPr>
        </p:nvSpPr>
        <p:spPr>
          <a:xfrm>
            <a:off x="6169025"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1" name="Picture Placeholder 14">
            <a:extLst>
              <a:ext uri="{FF2B5EF4-FFF2-40B4-BE49-F238E27FC236}">
                <a16:creationId xmlns:a16="http://schemas.microsoft.com/office/drawing/2014/main" id="{2204C394-2E55-41AF-8506-CDFA29AD4ACC}"/>
              </a:ext>
            </a:extLst>
          </p:cNvPr>
          <p:cNvSpPr>
            <a:spLocks noGrp="1"/>
          </p:cNvSpPr>
          <p:nvPr>
            <p:ph type="pic" sz="quarter" idx="26"/>
          </p:nvPr>
        </p:nvSpPr>
        <p:spPr>
          <a:xfrm>
            <a:off x="6169025"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2" name="Text Placeholder 7">
            <a:extLst>
              <a:ext uri="{FF2B5EF4-FFF2-40B4-BE49-F238E27FC236}">
                <a16:creationId xmlns:a16="http://schemas.microsoft.com/office/drawing/2014/main" id="{97AD3BC9-FC4F-4204-800F-C8F6F96646AA}"/>
              </a:ext>
            </a:extLst>
          </p:cNvPr>
          <p:cNvSpPr>
            <a:spLocks noGrp="1"/>
          </p:cNvSpPr>
          <p:nvPr>
            <p:ph type="body" sz="quarter" idx="27" hasCustomPrompt="1"/>
          </p:nvPr>
        </p:nvSpPr>
        <p:spPr>
          <a:xfrm>
            <a:off x="7426415"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93" name="Text Placeholder 7">
            <a:extLst>
              <a:ext uri="{FF2B5EF4-FFF2-40B4-BE49-F238E27FC236}">
                <a16:creationId xmlns:a16="http://schemas.microsoft.com/office/drawing/2014/main" id="{3C07D480-0F9C-4D0D-8A64-0D29768C78C9}"/>
              </a:ext>
            </a:extLst>
          </p:cNvPr>
          <p:cNvSpPr>
            <a:spLocks noGrp="1"/>
          </p:cNvSpPr>
          <p:nvPr>
            <p:ph type="body" sz="quarter" idx="28" hasCustomPrompt="1"/>
          </p:nvPr>
        </p:nvSpPr>
        <p:spPr>
          <a:xfrm>
            <a:off x="7426415"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94" name="Text Placeholder 7">
            <a:extLst>
              <a:ext uri="{FF2B5EF4-FFF2-40B4-BE49-F238E27FC236}">
                <a16:creationId xmlns:a16="http://schemas.microsoft.com/office/drawing/2014/main" id="{A9A5EA2F-086C-4316-ADEB-00F9E85FC8CB}"/>
              </a:ext>
            </a:extLst>
          </p:cNvPr>
          <p:cNvSpPr>
            <a:spLocks noGrp="1"/>
          </p:cNvSpPr>
          <p:nvPr>
            <p:ph type="body" sz="quarter" idx="29" hasCustomPrompt="1"/>
          </p:nvPr>
        </p:nvSpPr>
        <p:spPr>
          <a:xfrm>
            <a:off x="7426415"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Tree>
    <p:extLst>
      <p:ext uri="{BB962C8B-B14F-4D97-AF65-F5344CB8AC3E}">
        <p14:creationId xmlns:p14="http://schemas.microsoft.com/office/powerpoint/2010/main" val="872403353"/>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Slide A [TOC Source]">
    <p:spTree>
      <p:nvGrpSpPr>
        <p:cNvPr id="1" name=""/>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A76F78DF-1E3F-4F25-8273-DCD1EE32DC67}"/>
              </a:ext>
            </a:extLst>
          </p:cNvPr>
          <p:cNvSpPr>
            <a:spLocks noGrp="1"/>
          </p:cNvSpPr>
          <p:nvPr>
            <p:ph type="pic" sz="quarter" idx="24"/>
          </p:nvPr>
        </p:nvSpPr>
        <p:spPr>
          <a:xfrm>
            <a:off x="4297362" y="0"/>
            <a:ext cx="7897812" cy="6859588"/>
          </a:xfrm>
          <a:custGeom>
            <a:avLst/>
            <a:gdLst>
              <a:gd name="connsiteX0" fmla="*/ 103786 w 7897812"/>
              <a:gd name="connsiteY0" fmla="*/ 0 h 6859588"/>
              <a:gd name="connsiteX1" fmla="*/ 7897812 w 7897812"/>
              <a:gd name="connsiteY1" fmla="*/ 0 h 6859588"/>
              <a:gd name="connsiteX2" fmla="*/ 7897812 w 7897812"/>
              <a:gd name="connsiteY2" fmla="*/ 6859588 h 6859588"/>
              <a:gd name="connsiteX3" fmla="*/ 103786 w 7897812"/>
              <a:gd name="connsiteY3" fmla="*/ 6859588 h 6859588"/>
              <a:gd name="connsiteX4" fmla="*/ 0 w 7897812"/>
              <a:gd name="connsiteY4" fmla="*/ 6755802 h 6859588"/>
              <a:gd name="connsiteX5" fmla="*/ 0 w 7897812"/>
              <a:gd name="connsiteY5" fmla="*/ 103786 h 6859588"/>
              <a:gd name="connsiteX6" fmla="*/ 103786 w 7897812"/>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897812" h="6859588">
                <a:moveTo>
                  <a:pt x="103786" y="0"/>
                </a:moveTo>
                <a:lnTo>
                  <a:pt x="7897812" y="0"/>
                </a:lnTo>
                <a:lnTo>
                  <a:pt x="7897812"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sp>
        <p:nvSpPr>
          <p:cNvPr id="10" name="plcSectionNumber">
            <a:extLst>
              <a:ext uri="{FF2B5EF4-FFF2-40B4-BE49-F238E27FC236}">
                <a16:creationId xmlns:a16="http://schemas.microsoft.com/office/drawing/2014/main" id="{7CB557C8-32D2-47BF-983C-E96EE794946D}"/>
              </a:ext>
            </a:extLst>
          </p:cNvPr>
          <p:cNvSpPr>
            <a:spLocks noGrp="1"/>
          </p:cNvSpPr>
          <p:nvPr>
            <p:ph type="body" sz="quarter" idx="23" hasCustomPrompt="1"/>
          </p:nvPr>
        </p:nvSpPr>
        <p:spPr>
          <a:xfrm>
            <a:off x="558546" y="958467"/>
            <a:ext cx="3488164" cy="2399096"/>
          </a:xfrm>
          <a:prstGeom prst="rect">
            <a:avLst/>
          </a:prstGeom>
          <a:noFill/>
        </p:spPr>
        <p:txBody>
          <a:bodyPr wrap="square" lIns="0" rIns="0" anchor="b">
            <a:noAutofit/>
          </a:bodyPr>
          <a:lstStyle>
            <a:lvl1pPr algn="l">
              <a:spcAft>
                <a:spcPts val="0"/>
              </a:spcAft>
              <a:defRPr sz="11500" b="0">
                <a:solidFill>
                  <a:schemeClr val="accent4"/>
                </a:solidFill>
                <a:latin typeface="+mj-lt"/>
              </a:defRPr>
            </a:lvl1pPr>
            <a:lvl2pPr>
              <a:defRPr sz="2400"/>
            </a:lvl2pPr>
            <a:lvl3pPr>
              <a:defRPr sz="2000"/>
            </a:lvl3pPr>
            <a:lvl4pPr>
              <a:defRPr sz="2000"/>
            </a:lvl4pPr>
            <a:lvl5pPr>
              <a:defRPr sz="2000"/>
            </a:lvl5pPr>
          </a:lstStyle>
          <a:p>
            <a:pPr lvl="0"/>
            <a:r>
              <a:rPr lang="da-DK" dirty="0"/>
              <a:t>##</a:t>
            </a:r>
          </a:p>
        </p:txBody>
      </p:sp>
      <p:sp>
        <p:nvSpPr>
          <p:cNvPr id="14" name="plcSectionTitle">
            <a:extLst>
              <a:ext uri="{FF2B5EF4-FFF2-40B4-BE49-F238E27FC236}">
                <a16:creationId xmlns:a16="http://schemas.microsoft.com/office/drawing/2014/main" id="{0FEC81F5-7067-4927-80AA-EFEBE52A9A3C}"/>
              </a:ext>
            </a:extLst>
          </p:cNvPr>
          <p:cNvSpPr>
            <a:spLocks noGrp="1"/>
          </p:cNvSpPr>
          <p:nvPr>
            <p:ph type="body" sz="quarter" idx="13" hasCustomPrompt="1"/>
          </p:nvPr>
        </p:nvSpPr>
        <p:spPr>
          <a:xfrm>
            <a:off x="55854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accent1"/>
                </a:solidFill>
              </a:defRPr>
            </a:lvl1pPr>
            <a:lvl2pPr>
              <a:lnSpc>
                <a:spcPct val="100000"/>
              </a:lnSpc>
              <a:spcBef>
                <a:spcPts val="600"/>
              </a:spcBef>
              <a:spcAft>
                <a:spcPts val="0"/>
              </a:spcAft>
              <a:defRPr sz="1800" b="0" cap="none" spc="0">
                <a:solidFill>
                  <a:schemeClr val="accent4"/>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da-DK" dirty="0"/>
              <a:t>Divider </a:t>
            </a:r>
            <a:r>
              <a:rPr lang="da-DK" dirty="0" err="1"/>
              <a:t>title</a:t>
            </a:r>
            <a:r>
              <a:rPr lang="da-DK" dirty="0"/>
              <a:t>  </a:t>
            </a:r>
          </a:p>
          <a:p>
            <a:pPr lvl="1"/>
            <a:r>
              <a:rPr lang="da-DK" dirty="0"/>
              <a:t>Second </a:t>
            </a:r>
            <a:r>
              <a:rPr lang="da-DK" dirty="0" err="1"/>
              <a:t>level</a:t>
            </a:r>
            <a:endParaRPr lang="da-DK" dirty="0"/>
          </a:p>
        </p:txBody>
      </p:sp>
      <p:sp>
        <p:nvSpPr>
          <p:cNvPr id="9" name="txtSecureMarker2" hidden="1"/>
          <p:cNvSpPr txBox="1"/>
          <p:nvPr userDrawn="1"/>
        </p:nvSpPr>
        <p:spPr>
          <a:xfrm>
            <a:off x="3762235" y="653622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7" name="txtSecureMarker1" hidden="1"/>
          <p:cNvSpPr txBox="1"/>
          <p:nvPr userDrawn="1"/>
        </p:nvSpPr>
        <p:spPr>
          <a:xfrm>
            <a:off x="3762235" y="55401"/>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cxnSp>
        <p:nvCxnSpPr>
          <p:cNvPr id="8" name="Straight Connector 7">
            <a:extLst>
              <a:ext uri="{FF2B5EF4-FFF2-40B4-BE49-F238E27FC236}">
                <a16:creationId xmlns:a16="http://schemas.microsoft.com/office/drawing/2014/main" id="{F5A109E8-3E20-466D-B088-63D770403E1D}"/>
              </a:ext>
            </a:extLst>
          </p:cNvPr>
          <p:cNvCxnSpPr>
            <a:cxnSpLocks/>
          </p:cNvCxnSpPr>
          <p:nvPr userDrawn="1"/>
        </p:nvCxnSpPr>
        <p:spPr>
          <a:xfrm>
            <a:off x="55854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30196982"/>
      </p:ext>
    </p:extLst>
  </p:cSld>
  <p:clrMapOvr>
    <a:masterClrMapping/>
  </p:clrMapOvr>
  <p:transition>
    <p:fade/>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Profiles - Eight Name Profiles - Dark">
    <p:bg>
      <p:bgPr>
        <a:solidFill>
          <a:schemeClr val="accent1"/>
        </a:solidFill>
        <a:effectLst/>
      </p:bgPr>
    </p:bg>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B600BB97-C2E3-4E66-95D4-0298C359B6A5}"/>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39" name="Straight Connector 38">
            <a:extLst>
              <a:ext uri="{FF2B5EF4-FFF2-40B4-BE49-F238E27FC236}">
                <a16:creationId xmlns:a16="http://schemas.microsoft.com/office/drawing/2014/main" id="{D6DB83E4-E72D-4A5B-B643-83A6589A5AB4}"/>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40" name="Picture Placeholder 14">
            <a:extLst>
              <a:ext uri="{FF2B5EF4-FFF2-40B4-BE49-F238E27FC236}">
                <a16:creationId xmlns:a16="http://schemas.microsoft.com/office/drawing/2014/main" id="{9D15D003-E1BD-4E78-9CE6-1EB83EEF0DF4}"/>
              </a:ext>
            </a:extLst>
          </p:cNvPr>
          <p:cNvSpPr>
            <a:spLocks noGrp="1"/>
          </p:cNvSpPr>
          <p:nvPr>
            <p:ph type="pic" sz="quarter" idx="15"/>
          </p:nvPr>
        </p:nvSpPr>
        <p:spPr>
          <a:xfrm>
            <a:off x="552450"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41" name="Text Placeholder 7">
            <a:extLst>
              <a:ext uri="{FF2B5EF4-FFF2-40B4-BE49-F238E27FC236}">
                <a16:creationId xmlns:a16="http://schemas.microsoft.com/office/drawing/2014/main" id="{D31CFFDF-803A-4295-A1F7-0711B416F0CF}"/>
              </a:ext>
            </a:extLst>
          </p:cNvPr>
          <p:cNvSpPr>
            <a:spLocks noGrp="1"/>
          </p:cNvSpPr>
          <p:nvPr>
            <p:ph type="body" sz="quarter" idx="13" hasCustomPrompt="1"/>
          </p:nvPr>
        </p:nvSpPr>
        <p:spPr>
          <a:xfrm>
            <a:off x="1809840"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57" name="Picture Placeholder 14">
            <a:extLst>
              <a:ext uri="{FF2B5EF4-FFF2-40B4-BE49-F238E27FC236}">
                <a16:creationId xmlns:a16="http://schemas.microsoft.com/office/drawing/2014/main" id="{EB0C49C5-4742-40C1-9D0F-85237002793E}"/>
              </a:ext>
            </a:extLst>
          </p:cNvPr>
          <p:cNvSpPr>
            <a:spLocks noGrp="1"/>
          </p:cNvSpPr>
          <p:nvPr>
            <p:ph type="pic" sz="quarter" idx="16"/>
          </p:nvPr>
        </p:nvSpPr>
        <p:spPr>
          <a:xfrm>
            <a:off x="552450"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58" name="Picture Placeholder 14">
            <a:extLst>
              <a:ext uri="{FF2B5EF4-FFF2-40B4-BE49-F238E27FC236}">
                <a16:creationId xmlns:a16="http://schemas.microsoft.com/office/drawing/2014/main" id="{C1830070-A506-4604-9EFD-E8DD509E8BC3}"/>
              </a:ext>
            </a:extLst>
          </p:cNvPr>
          <p:cNvSpPr>
            <a:spLocks noGrp="1"/>
          </p:cNvSpPr>
          <p:nvPr>
            <p:ph type="pic" sz="quarter" idx="17"/>
          </p:nvPr>
        </p:nvSpPr>
        <p:spPr>
          <a:xfrm>
            <a:off x="552450"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59" name="Picture Placeholder 14">
            <a:extLst>
              <a:ext uri="{FF2B5EF4-FFF2-40B4-BE49-F238E27FC236}">
                <a16:creationId xmlns:a16="http://schemas.microsoft.com/office/drawing/2014/main" id="{BE584E3E-2BBB-438F-BB7F-F21AF4D744A8}"/>
              </a:ext>
            </a:extLst>
          </p:cNvPr>
          <p:cNvSpPr>
            <a:spLocks noGrp="1"/>
          </p:cNvSpPr>
          <p:nvPr>
            <p:ph type="pic" sz="quarter" idx="18"/>
          </p:nvPr>
        </p:nvSpPr>
        <p:spPr>
          <a:xfrm>
            <a:off x="552450"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65" name="Text Placeholder 7">
            <a:extLst>
              <a:ext uri="{FF2B5EF4-FFF2-40B4-BE49-F238E27FC236}">
                <a16:creationId xmlns:a16="http://schemas.microsoft.com/office/drawing/2014/main" id="{31F65786-1174-48B7-B643-CBF347172DA3}"/>
              </a:ext>
            </a:extLst>
          </p:cNvPr>
          <p:cNvSpPr>
            <a:spLocks noGrp="1"/>
          </p:cNvSpPr>
          <p:nvPr>
            <p:ph type="body" sz="quarter" idx="19" hasCustomPrompt="1"/>
          </p:nvPr>
        </p:nvSpPr>
        <p:spPr>
          <a:xfrm>
            <a:off x="1809840"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67" name="Text Placeholder 7">
            <a:extLst>
              <a:ext uri="{FF2B5EF4-FFF2-40B4-BE49-F238E27FC236}">
                <a16:creationId xmlns:a16="http://schemas.microsoft.com/office/drawing/2014/main" id="{0BCFF047-2BE3-47B9-9151-A03E098CC432}"/>
              </a:ext>
            </a:extLst>
          </p:cNvPr>
          <p:cNvSpPr>
            <a:spLocks noGrp="1"/>
          </p:cNvSpPr>
          <p:nvPr>
            <p:ph type="body" sz="quarter" idx="20" hasCustomPrompt="1"/>
          </p:nvPr>
        </p:nvSpPr>
        <p:spPr>
          <a:xfrm>
            <a:off x="1809840"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6" name="Text Placeholder 7">
            <a:extLst>
              <a:ext uri="{FF2B5EF4-FFF2-40B4-BE49-F238E27FC236}">
                <a16:creationId xmlns:a16="http://schemas.microsoft.com/office/drawing/2014/main" id="{DD2A57D3-EB15-4893-92A9-F58BA3202649}"/>
              </a:ext>
            </a:extLst>
          </p:cNvPr>
          <p:cNvSpPr>
            <a:spLocks noGrp="1"/>
          </p:cNvSpPr>
          <p:nvPr>
            <p:ph type="body" sz="quarter" idx="21" hasCustomPrompt="1"/>
          </p:nvPr>
        </p:nvSpPr>
        <p:spPr>
          <a:xfrm>
            <a:off x="1809840"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7" name="Picture Placeholder 14">
            <a:extLst>
              <a:ext uri="{FF2B5EF4-FFF2-40B4-BE49-F238E27FC236}">
                <a16:creationId xmlns:a16="http://schemas.microsoft.com/office/drawing/2014/main" id="{23C4F3EE-BFF0-4E40-96E4-FE2B7DE80710}"/>
              </a:ext>
            </a:extLst>
          </p:cNvPr>
          <p:cNvSpPr>
            <a:spLocks noGrp="1"/>
          </p:cNvSpPr>
          <p:nvPr>
            <p:ph type="pic" sz="quarter" idx="22"/>
          </p:nvPr>
        </p:nvSpPr>
        <p:spPr>
          <a:xfrm>
            <a:off x="6169025"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88" name="Text Placeholder 7">
            <a:extLst>
              <a:ext uri="{FF2B5EF4-FFF2-40B4-BE49-F238E27FC236}">
                <a16:creationId xmlns:a16="http://schemas.microsoft.com/office/drawing/2014/main" id="{E54A773E-4FDE-4966-8075-C547FC0FCED7}"/>
              </a:ext>
            </a:extLst>
          </p:cNvPr>
          <p:cNvSpPr>
            <a:spLocks noGrp="1"/>
          </p:cNvSpPr>
          <p:nvPr>
            <p:ph type="body" sz="quarter" idx="23" hasCustomPrompt="1"/>
          </p:nvPr>
        </p:nvSpPr>
        <p:spPr>
          <a:xfrm>
            <a:off x="7426415"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89" name="Picture Placeholder 14">
            <a:extLst>
              <a:ext uri="{FF2B5EF4-FFF2-40B4-BE49-F238E27FC236}">
                <a16:creationId xmlns:a16="http://schemas.microsoft.com/office/drawing/2014/main" id="{E890FD61-4C0A-4DE2-A179-529E52584449}"/>
              </a:ext>
            </a:extLst>
          </p:cNvPr>
          <p:cNvSpPr>
            <a:spLocks noGrp="1"/>
          </p:cNvSpPr>
          <p:nvPr>
            <p:ph type="pic" sz="quarter" idx="24"/>
          </p:nvPr>
        </p:nvSpPr>
        <p:spPr>
          <a:xfrm>
            <a:off x="6169025"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0" name="Picture Placeholder 14">
            <a:extLst>
              <a:ext uri="{FF2B5EF4-FFF2-40B4-BE49-F238E27FC236}">
                <a16:creationId xmlns:a16="http://schemas.microsoft.com/office/drawing/2014/main" id="{ED82CCD2-C351-4F86-8C79-592752F52494}"/>
              </a:ext>
            </a:extLst>
          </p:cNvPr>
          <p:cNvSpPr>
            <a:spLocks noGrp="1"/>
          </p:cNvSpPr>
          <p:nvPr>
            <p:ph type="pic" sz="quarter" idx="25"/>
          </p:nvPr>
        </p:nvSpPr>
        <p:spPr>
          <a:xfrm>
            <a:off x="6169025"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1" name="Picture Placeholder 14">
            <a:extLst>
              <a:ext uri="{FF2B5EF4-FFF2-40B4-BE49-F238E27FC236}">
                <a16:creationId xmlns:a16="http://schemas.microsoft.com/office/drawing/2014/main" id="{2204C394-2E55-41AF-8506-CDFA29AD4ACC}"/>
              </a:ext>
            </a:extLst>
          </p:cNvPr>
          <p:cNvSpPr>
            <a:spLocks noGrp="1"/>
          </p:cNvSpPr>
          <p:nvPr>
            <p:ph type="pic" sz="quarter" idx="26"/>
          </p:nvPr>
        </p:nvSpPr>
        <p:spPr>
          <a:xfrm>
            <a:off x="6169025"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da-DK"/>
          </a:p>
        </p:txBody>
      </p:sp>
      <p:sp>
        <p:nvSpPr>
          <p:cNvPr id="92" name="Text Placeholder 7">
            <a:extLst>
              <a:ext uri="{FF2B5EF4-FFF2-40B4-BE49-F238E27FC236}">
                <a16:creationId xmlns:a16="http://schemas.microsoft.com/office/drawing/2014/main" id="{97AD3BC9-FC4F-4204-800F-C8F6F96646AA}"/>
              </a:ext>
            </a:extLst>
          </p:cNvPr>
          <p:cNvSpPr>
            <a:spLocks noGrp="1"/>
          </p:cNvSpPr>
          <p:nvPr>
            <p:ph type="body" sz="quarter" idx="27" hasCustomPrompt="1"/>
          </p:nvPr>
        </p:nvSpPr>
        <p:spPr>
          <a:xfrm>
            <a:off x="7426415"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93" name="Text Placeholder 7">
            <a:extLst>
              <a:ext uri="{FF2B5EF4-FFF2-40B4-BE49-F238E27FC236}">
                <a16:creationId xmlns:a16="http://schemas.microsoft.com/office/drawing/2014/main" id="{3C07D480-0F9C-4D0D-8A64-0D29768C78C9}"/>
              </a:ext>
            </a:extLst>
          </p:cNvPr>
          <p:cNvSpPr>
            <a:spLocks noGrp="1"/>
          </p:cNvSpPr>
          <p:nvPr>
            <p:ph type="body" sz="quarter" idx="28" hasCustomPrompt="1"/>
          </p:nvPr>
        </p:nvSpPr>
        <p:spPr>
          <a:xfrm>
            <a:off x="7426415"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
        <p:nvSpPr>
          <p:cNvPr id="94" name="Text Placeholder 7">
            <a:extLst>
              <a:ext uri="{FF2B5EF4-FFF2-40B4-BE49-F238E27FC236}">
                <a16:creationId xmlns:a16="http://schemas.microsoft.com/office/drawing/2014/main" id="{A9A5EA2F-086C-4316-ADEB-00F9E85FC8CB}"/>
              </a:ext>
            </a:extLst>
          </p:cNvPr>
          <p:cNvSpPr>
            <a:spLocks noGrp="1"/>
          </p:cNvSpPr>
          <p:nvPr>
            <p:ph type="body" sz="quarter" idx="29" hasCustomPrompt="1"/>
          </p:nvPr>
        </p:nvSpPr>
        <p:spPr>
          <a:xfrm>
            <a:off x="7426415"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da-DK" dirty="0" err="1"/>
              <a:t>Click</a:t>
            </a:r>
            <a:r>
              <a:rPr lang="da-DK" dirty="0"/>
              <a:t> to </a:t>
            </a:r>
            <a:r>
              <a:rPr lang="da-DK" dirty="0" err="1"/>
              <a:t>edit</a:t>
            </a:r>
            <a:r>
              <a:rPr lang="da-DK" dirty="0"/>
              <a:t> </a:t>
            </a:r>
            <a:r>
              <a:rPr lang="da-DK" dirty="0" err="1"/>
              <a:t>text</a:t>
            </a:r>
            <a:r>
              <a:rPr lang="da-DK" dirty="0"/>
              <a:t> </a:t>
            </a:r>
          </a:p>
          <a:p>
            <a:pPr lvl="1"/>
            <a:r>
              <a:rPr lang="da-DK" dirty="0"/>
              <a:t>Second </a:t>
            </a:r>
            <a:r>
              <a:rPr lang="da-DK" dirty="0" err="1"/>
              <a:t>level</a:t>
            </a:r>
            <a:endParaRPr lang="da-DK" dirty="0"/>
          </a:p>
        </p:txBody>
      </p:sp>
    </p:spTree>
    <p:extLst>
      <p:ext uri="{BB962C8B-B14F-4D97-AF65-F5344CB8AC3E}">
        <p14:creationId xmlns:p14="http://schemas.microsoft.com/office/powerpoint/2010/main" val="844619627"/>
      </p:ext>
    </p:extLst>
  </p:cSld>
  <p:clrMapOvr>
    <a:masterClrMapping/>
  </p:clrMapOvr>
  <p:transition>
    <p:fade/>
  </p:transition>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Profiles - Three Short Profiles">
    <p:spTree>
      <p:nvGrpSpPr>
        <p:cNvPr id="1" name=""/>
        <p:cNvGrpSpPr/>
        <p:nvPr/>
      </p:nvGrpSpPr>
      <p:grpSpPr>
        <a:xfrm>
          <a:off x="0" y="0"/>
          <a:ext cx="0" cy="0"/>
          <a:chOff x="0" y="0"/>
          <a:chExt cx="0" cy="0"/>
        </a:xfrm>
      </p:grpSpPr>
      <p:sp>
        <p:nvSpPr>
          <p:cNvPr id="16" name="Picture Placeholder 3">
            <a:extLst>
              <a:ext uri="{FF2B5EF4-FFF2-40B4-BE49-F238E27FC236}">
                <a16:creationId xmlns:a16="http://schemas.microsoft.com/office/drawing/2014/main" id="{52CF6D8C-4AA7-4BB7-8D73-99ED35A5726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22" name="Text Placeholder 4">
            <a:extLst>
              <a:ext uri="{FF2B5EF4-FFF2-40B4-BE49-F238E27FC236}">
                <a16:creationId xmlns:a16="http://schemas.microsoft.com/office/drawing/2014/main" id="{6EC1A3BF-0F2D-4B6D-BDF5-FF7669CE38AC}"/>
              </a:ext>
            </a:extLst>
          </p:cNvPr>
          <p:cNvSpPr>
            <a:spLocks noGrp="1"/>
          </p:cNvSpPr>
          <p:nvPr>
            <p:ph type="body" sz="quarter" idx="33"/>
          </p:nvPr>
        </p:nvSpPr>
        <p:spPr>
          <a:xfrm>
            <a:off x="552450" y="4438650"/>
            <a:ext cx="2665413"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9" name="Title 1">
            <a:extLst>
              <a:ext uri="{FF2B5EF4-FFF2-40B4-BE49-F238E27FC236}">
                <a16:creationId xmlns:a16="http://schemas.microsoft.com/office/drawing/2014/main" id="{BA4EA9B1-514F-42B2-941C-FA9F7A847A66}"/>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0" name="Straight Connector 19">
            <a:extLst>
              <a:ext uri="{FF2B5EF4-FFF2-40B4-BE49-F238E27FC236}">
                <a16:creationId xmlns:a16="http://schemas.microsoft.com/office/drawing/2014/main" id="{A79F3F4D-85C7-40E3-B2C0-9A7DB6AE30D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2" name="Picture Placeholder 3">
            <a:extLst>
              <a:ext uri="{FF2B5EF4-FFF2-40B4-BE49-F238E27FC236}">
                <a16:creationId xmlns:a16="http://schemas.microsoft.com/office/drawing/2014/main" id="{AC287A1C-0CB1-4A32-A2A1-8C11535F42E5}"/>
              </a:ext>
            </a:extLst>
          </p:cNvPr>
          <p:cNvSpPr>
            <a:spLocks noGrp="1"/>
          </p:cNvSpPr>
          <p:nvPr>
            <p:ph type="pic" sz="quarter" idx="34"/>
          </p:nvPr>
        </p:nvSpPr>
        <p:spPr>
          <a:xfrm>
            <a:off x="429577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3" name="Text Placeholder 4">
            <a:extLst>
              <a:ext uri="{FF2B5EF4-FFF2-40B4-BE49-F238E27FC236}">
                <a16:creationId xmlns:a16="http://schemas.microsoft.com/office/drawing/2014/main" id="{6EACC9BB-4078-4A59-B341-C5CC7545AEE4}"/>
              </a:ext>
            </a:extLst>
          </p:cNvPr>
          <p:cNvSpPr>
            <a:spLocks noGrp="1"/>
          </p:cNvSpPr>
          <p:nvPr>
            <p:ph type="body" sz="quarter" idx="35"/>
          </p:nvPr>
        </p:nvSpPr>
        <p:spPr>
          <a:xfrm>
            <a:off x="4295775" y="4438650"/>
            <a:ext cx="2665413"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4" name="Picture Placeholder 3">
            <a:extLst>
              <a:ext uri="{FF2B5EF4-FFF2-40B4-BE49-F238E27FC236}">
                <a16:creationId xmlns:a16="http://schemas.microsoft.com/office/drawing/2014/main" id="{DB74DC24-6212-47F4-B442-E2CE67E1EEFF}"/>
              </a:ext>
            </a:extLst>
          </p:cNvPr>
          <p:cNvSpPr>
            <a:spLocks noGrp="1"/>
          </p:cNvSpPr>
          <p:nvPr>
            <p:ph type="pic" sz="quarter" idx="36"/>
          </p:nvPr>
        </p:nvSpPr>
        <p:spPr>
          <a:xfrm>
            <a:off x="803910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5" name="Text Placeholder 4">
            <a:extLst>
              <a:ext uri="{FF2B5EF4-FFF2-40B4-BE49-F238E27FC236}">
                <a16:creationId xmlns:a16="http://schemas.microsoft.com/office/drawing/2014/main" id="{2D4739AF-41CF-4A54-8668-EC236387772F}"/>
              </a:ext>
            </a:extLst>
          </p:cNvPr>
          <p:cNvSpPr>
            <a:spLocks noGrp="1"/>
          </p:cNvSpPr>
          <p:nvPr>
            <p:ph type="body" sz="quarter" idx="37"/>
          </p:nvPr>
        </p:nvSpPr>
        <p:spPr>
          <a:xfrm>
            <a:off x="8039100" y="4438650"/>
            <a:ext cx="2665413"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Tree>
    <p:extLst>
      <p:ext uri="{BB962C8B-B14F-4D97-AF65-F5344CB8AC3E}">
        <p14:creationId xmlns:p14="http://schemas.microsoft.com/office/powerpoint/2010/main" val="3346774808"/>
      </p:ext>
    </p:extLst>
  </p:cSld>
  <p:clrMapOvr>
    <a:masterClrMapping/>
  </p:clrMapOvr>
  <p:transition>
    <p:fade/>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1_Profiles - Three Short Profiles - Dark">
    <p:bg>
      <p:bgPr>
        <a:solidFill>
          <a:schemeClr val="accent1"/>
        </a:solidFill>
        <a:effectLst/>
      </p:bgPr>
    </p:bg>
    <p:spTree>
      <p:nvGrpSpPr>
        <p:cNvPr id="1" name=""/>
        <p:cNvGrpSpPr/>
        <p:nvPr/>
      </p:nvGrpSpPr>
      <p:grpSpPr>
        <a:xfrm>
          <a:off x="0" y="0"/>
          <a:ext cx="0" cy="0"/>
          <a:chOff x="0" y="0"/>
          <a:chExt cx="0" cy="0"/>
        </a:xfrm>
      </p:grpSpPr>
      <p:sp>
        <p:nvSpPr>
          <p:cNvPr id="16" name="Picture Placeholder 3">
            <a:extLst>
              <a:ext uri="{FF2B5EF4-FFF2-40B4-BE49-F238E27FC236}">
                <a16:creationId xmlns:a16="http://schemas.microsoft.com/office/drawing/2014/main" id="{52CF6D8C-4AA7-4BB7-8D73-99ED35A5726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22" name="Text Placeholder 4">
            <a:extLst>
              <a:ext uri="{FF2B5EF4-FFF2-40B4-BE49-F238E27FC236}">
                <a16:creationId xmlns:a16="http://schemas.microsoft.com/office/drawing/2014/main" id="{6EC1A3BF-0F2D-4B6D-BDF5-FF7669CE38AC}"/>
              </a:ext>
            </a:extLst>
          </p:cNvPr>
          <p:cNvSpPr>
            <a:spLocks noGrp="1"/>
          </p:cNvSpPr>
          <p:nvPr>
            <p:ph type="body" sz="quarter" idx="33"/>
          </p:nvPr>
        </p:nvSpPr>
        <p:spPr>
          <a:xfrm>
            <a:off x="552450" y="4438650"/>
            <a:ext cx="2665413"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9" name="Title 1">
            <a:extLst>
              <a:ext uri="{FF2B5EF4-FFF2-40B4-BE49-F238E27FC236}">
                <a16:creationId xmlns:a16="http://schemas.microsoft.com/office/drawing/2014/main" id="{BA4EA9B1-514F-42B2-941C-FA9F7A847A66}"/>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0" name="Straight Connector 19">
            <a:extLst>
              <a:ext uri="{FF2B5EF4-FFF2-40B4-BE49-F238E27FC236}">
                <a16:creationId xmlns:a16="http://schemas.microsoft.com/office/drawing/2014/main" id="{A79F3F4D-85C7-40E3-B2C0-9A7DB6AE30D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2" name="Picture Placeholder 3">
            <a:extLst>
              <a:ext uri="{FF2B5EF4-FFF2-40B4-BE49-F238E27FC236}">
                <a16:creationId xmlns:a16="http://schemas.microsoft.com/office/drawing/2014/main" id="{AC287A1C-0CB1-4A32-A2A1-8C11535F42E5}"/>
              </a:ext>
            </a:extLst>
          </p:cNvPr>
          <p:cNvSpPr>
            <a:spLocks noGrp="1"/>
          </p:cNvSpPr>
          <p:nvPr>
            <p:ph type="pic" sz="quarter" idx="34"/>
          </p:nvPr>
        </p:nvSpPr>
        <p:spPr>
          <a:xfrm>
            <a:off x="429577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3" name="Text Placeholder 4">
            <a:extLst>
              <a:ext uri="{FF2B5EF4-FFF2-40B4-BE49-F238E27FC236}">
                <a16:creationId xmlns:a16="http://schemas.microsoft.com/office/drawing/2014/main" id="{6EACC9BB-4078-4A59-B341-C5CC7545AEE4}"/>
              </a:ext>
            </a:extLst>
          </p:cNvPr>
          <p:cNvSpPr>
            <a:spLocks noGrp="1"/>
          </p:cNvSpPr>
          <p:nvPr>
            <p:ph type="body" sz="quarter" idx="35"/>
          </p:nvPr>
        </p:nvSpPr>
        <p:spPr>
          <a:xfrm>
            <a:off x="4295775" y="4438650"/>
            <a:ext cx="2665413"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4" name="Picture Placeholder 3">
            <a:extLst>
              <a:ext uri="{FF2B5EF4-FFF2-40B4-BE49-F238E27FC236}">
                <a16:creationId xmlns:a16="http://schemas.microsoft.com/office/drawing/2014/main" id="{DB74DC24-6212-47F4-B442-E2CE67E1EEFF}"/>
              </a:ext>
            </a:extLst>
          </p:cNvPr>
          <p:cNvSpPr>
            <a:spLocks noGrp="1"/>
          </p:cNvSpPr>
          <p:nvPr>
            <p:ph type="pic" sz="quarter" idx="36"/>
          </p:nvPr>
        </p:nvSpPr>
        <p:spPr>
          <a:xfrm>
            <a:off x="803910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5" name="Text Placeholder 4">
            <a:extLst>
              <a:ext uri="{FF2B5EF4-FFF2-40B4-BE49-F238E27FC236}">
                <a16:creationId xmlns:a16="http://schemas.microsoft.com/office/drawing/2014/main" id="{2D4739AF-41CF-4A54-8668-EC236387772F}"/>
              </a:ext>
            </a:extLst>
          </p:cNvPr>
          <p:cNvSpPr>
            <a:spLocks noGrp="1"/>
          </p:cNvSpPr>
          <p:nvPr>
            <p:ph type="body" sz="quarter" idx="37"/>
          </p:nvPr>
        </p:nvSpPr>
        <p:spPr>
          <a:xfrm>
            <a:off x="8039100" y="4438650"/>
            <a:ext cx="2665413"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Tree>
    <p:extLst>
      <p:ext uri="{BB962C8B-B14F-4D97-AF65-F5344CB8AC3E}">
        <p14:creationId xmlns:p14="http://schemas.microsoft.com/office/powerpoint/2010/main" val="2542673785"/>
      </p:ext>
    </p:extLst>
  </p:cSld>
  <p:clrMapOvr>
    <a:masterClrMapping/>
  </p:clrMapOvr>
  <p:transition>
    <p:fade/>
  </p:transition>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Profiles - Four Short Profiles">
    <p:spTree>
      <p:nvGrpSpPr>
        <p:cNvPr id="1" name=""/>
        <p:cNvGrpSpPr/>
        <p:nvPr/>
      </p:nvGrpSpPr>
      <p:grpSpPr>
        <a:xfrm>
          <a:off x="0" y="0"/>
          <a:ext cx="0" cy="0"/>
          <a:chOff x="0" y="0"/>
          <a:chExt cx="0" cy="0"/>
        </a:xfrm>
      </p:grpSpPr>
      <p:sp>
        <p:nvSpPr>
          <p:cNvPr id="20" name="Picture Placeholder 3">
            <a:extLst>
              <a:ext uri="{FF2B5EF4-FFF2-40B4-BE49-F238E27FC236}">
                <a16:creationId xmlns:a16="http://schemas.microsoft.com/office/drawing/2014/main" id="{332ABE18-3D80-4926-BB11-13D021EE774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25" name="Text Placeholder 4">
            <a:extLst>
              <a:ext uri="{FF2B5EF4-FFF2-40B4-BE49-F238E27FC236}">
                <a16:creationId xmlns:a16="http://schemas.microsoft.com/office/drawing/2014/main" id="{6A1FA9C9-EB7D-402A-86DC-A45343F4E792}"/>
              </a:ext>
            </a:extLst>
          </p:cNvPr>
          <p:cNvSpPr>
            <a:spLocks noGrp="1"/>
          </p:cNvSpPr>
          <p:nvPr>
            <p:ph type="body" sz="quarter" idx="33"/>
          </p:nvPr>
        </p:nvSpPr>
        <p:spPr>
          <a:xfrm>
            <a:off x="552450" y="4438650"/>
            <a:ext cx="2592000"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6" name="Title 1">
            <a:extLst>
              <a:ext uri="{FF2B5EF4-FFF2-40B4-BE49-F238E27FC236}">
                <a16:creationId xmlns:a16="http://schemas.microsoft.com/office/drawing/2014/main" id="{9F1BD1FE-1EBA-4A08-90B5-0F3A95506E59}"/>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7" name="Straight Connector 26">
            <a:extLst>
              <a:ext uri="{FF2B5EF4-FFF2-40B4-BE49-F238E27FC236}">
                <a16:creationId xmlns:a16="http://schemas.microsoft.com/office/drawing/2014/main" id="{D7A34E6A-7F55-4DFD-968E-71DB0FA0E523}"/>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8" name="Picture Placeholder 3">
            <a:extLst>
              <a:ext uri="{FF2B5EF4-FFF2-40B4-BE49-F238E27FC236}">
                <a16:creationId xmlns:a16="http://schemas.microsoft.com/office/drawing/2014/main" id="{B11D4925-C268-4204-ABF0-D18B4647D633}"/>
              </a:ext>
            </a:extLst>
          </p:cNvPr>
          <p:cNvSpPr>
            <a:spLocks noGrp="1"/>
          </p:cNvSpPr>
          <p:nvPr>
            <p:ph type="pic" sz="quarter" idx="34"/>
          </p:nvPr>
        </p:nvSpPr>
        <p:spPr>
          <a:xfrm>
            <a:off x="3360737"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6" name="Text Placeholder 4">
            <a:extLst>
              <a:ext uri="{FF2B5EF4-FFF2-40B4-BE49-F238E27FC236}">
                <a16:creationId xmlns:a16="http://schemas.microsoft.com/office/drawing/2014/main" id="{3F6F4FC8-6560-4B8B-A3A0-472C7097DF30}"/>
              </a:ext>
            </a:extLst>
          </p:cNvPr>
          <p:cNvSpPr>
            <a:spLocks noGrp="1"/>
          </p:cNvSpPr>
          <p:nvPr>
            <p:ph type="body" sz="quarter" idx="35"/>
          </p:nvPr>
        </p:nvSpPr>
        <p:spPr>
          <a:xfrm>
            <a:off x="3360737" y="4438650"/>
            <a:ext cx="2592000"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7" name="Picture Placeholder 3">
            <a:extLst>
              <a:ext uri="{FF2B5EF4-FFF2-40B4-BE49-F238E27FC236}">
                <a16:creationId xmlns:a16="http://schemas.microsoft.com/office/drawing/2014/main" id="{08C63C87-DF84-45A0-B824-B4B20EF5B545}"/>
              </a:ext>
            </a:extLst>
          </p:cNvPr>
          <p:cNvSpPr>
            <a:spLocks noGrp="1"/>
          </p:cNvSpPr>
          <p:nvPr>
            <p:ph type="pic" sz="quarter" idx="36"/>
          </p:nvPr>
        </p:nvSpPr>
        <p:spPr>
          <a:xfrm>
            <a:off x="616902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8" name="Text Placeholder 4">
            <a:extLst>
              <a:ext uri="{FF2B5EF4-FFF2-40B4-BE49-F238E27FC236}">
                <a16:creationId xmlns:a16="http://schemas.microsoft.com/office/drawing/2014/main" id="{4ED6EF5B-02C3-46D0-807D-23439A3021D4}"/>
              </a:ext>
            </a:extLst>
          </p:cNvPr>
          <p:cNvSpPr>
            <a:spLocks noGrp="1"/>
          </p:cNvSpPr>
          <p:nvPr>
            <p:ph type="body" sz="quarter" idx="37"/>
          </p:nvPr>
        </p:nvSpPr>
        <p:spPr>
          <a:xfrm>
            <a:off x="6169025" y="4438650"/>
            <a:ext cx="2592000"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9" name="Picture Placeholder 3">
            <a:extLst>
              <a:ext uri="{FF2B5EF4-FFF2-40B4-BE49-F238E27FC236}">
                <a16:creationId xmlns:a16="http://schemas.microsoft.com/office/drawing/2014/main" id="{8C1C1D27-A4A4-4378-AD6A-6566FC21F260}"/>
              </a:ext>
            </a:extLst>
          </p:cNvPr>
          <p:cNvSpPr>
            <a:spLocks noGrp="1"/>
          </p:cNvSpPr>
          <p:nvPr>
            <p:ph type="pic" sz="quarter" idx="38"/>
          </p:nvPr>
        </p:nvSpPr>
        <p:spPr>
          <a:xfrm>
            <a:off x="8977312"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40" name="Text Placeholder 4">
            <a:extLst>
              <a:ext uri="{FF2B5EF4-FFF2-40B4-BE49-F238E27FC236}">
                <a16:creationId xmlns:a16="http://schemas.microsoft.com/office/drawing/2014/main" id="{2C509099-C88E-4CFF-971D-BE420AE4AD46}"/>
              </a:ext>
            </a:extLst>
          </p:cNvPr>
          <p:cNvSpPr>
            <a:spLocks noGrp="1"/>
          </p:cNvSpPr>
          <p:nvPr>
            <p:ph type="body" sz="quarter" idx="39"/>
          </p:nvPr>
        </p:nvSpPr>
        <p:spPr>
          <a:xfrm>
            <a:off x="8977312" y="4438650"/>
            <a:ext cx="2592000" cy="1727199"/>
          </a:xfrm>
        </p:spPr>
        <p:txBody>
          <a:bodyPr>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Tree>
    <p:extLst>
      <p:ext uri="{BB962C8B-B14F-4D97-AF65-F5344CB8AC3E}">
        <p14:creationId xmlns:p14="http://schemas.microsoft.com/office/powerpoint/2010/main" val="3522826542"/>
      </p:ext>
    </p:extLst>
  </p:cSld>
  <p:clrMapOvr>
    <a:masterClrMapping/>
  </p:clrMapOvr>
  <p:transition>
    <p:fade/>
  </p:transition>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Profiles - Four Short Profiles - Dark">
    <p:bg>
      <p:bgPr>
        <a:solidFill>
          <a:schemeClr val="accent1"/>
        </a:solidFill>
        <a:effectLst/>
      </p:bgPr>
    </p:bg>
    <p:spTree>
      <p:nvGrpSpPr>
        <p:cNvPr id="1" name=""/>
        <p:cNvGrpSpPr/>
        <p:nvPr/>
      </p:nvGrpSpPr>
      <p:grpSpPr>
        <a:xfrm>
          <a:off x="0" y="0"/>
          <a:ext cx="0" cy="0"/>
          <a:chOff x="0" y="0"/>
          <a:chExt cx="0" cy="0"/>
        </a:xfrm>
      </p:grpSpPr>
      <p:sp>
        <p:nvSpPr>
          <p:cNvPr id="20" name="Picture Placeholder 3">
            <a:extLst>
              <a:ext uri="{FF2B5EF4-FFF2-40B4-BE49-F238E27FC236}">
                <a16:creationId xmlns:a16="http://schemas.microsoft.com/office/drawing/2014/main" id="{332ABE18-3D80-4926-BB11-13D021EE774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25" name="Text Placeholder 4">
            <a:extLst>
              <a:ext uri="{FF2B5EF4-FFF2-40B4-BE49-F238E27FC236}">
                <a16:creationId xmlns:a16="http://schemas.microsoft.com/office/drawing/2014/main" id="{6A1FA9C9-EB7D-402A-86DC-A45343F4E792}"/>
              </a:ext>
            </a:extLst>
          </p:cNvPr>
          <p:cNvSpPr>
            <a:spLocks noGrp="1"/>
          </p:cNvSpPr>
          <p:nvPr>
            <p:ph type="body" sz="quarter" idx="33"/>
          </p:nvPr>
        </p:nvSpPr>
        <p:spPr>
          <a:xfrm>
            <a:off x="552450"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6" name="Title 1">
            <a:extLst>
              <a:ext uri="{FF2B5EF4-FFF2-40B4-BE49-F238E27FC236}">
                <a16:creationId xmlns:a16="http://schemas.microsoft.com/office/drawing/2014/main" id="{9F1BD1FE-1EBA-4A08-90B5-0F3A95506E59}"/>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7" name="Straight Connector 26">
            <a:extLst>
              <a:ext uri="{FF2B5EF4-FFF2-40B4-BE49-F238E27FC236}">
                <a16:creationId xmlns:a16="http://schemas.microsoft.com/office/drawing/2014/main" id="{D7A34E6A-7F55-4DFD-968E-71DB0FA0E523}"/>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8" name="Picture Placeholder 3">
            <a:extLst>
              <a:ext uri="{FF2B5EF4-FFF2-40B4-BE49-F238E27FC236}">
                <a16:creationId xmlns:a16="http://schemas.microsoft.com/office/drawing/2014/main" id="{B11D4925-C268-4204-ABF0-D18B4647D633}"/>
              </a:ext>
            </a:extLst>
          </p:cNvPr>
          <p:cNvSpPr>
            <a:spLocks noGrp="1"/>
          </p:cNvSpPr>
          <p:nvPr>
            <p:ph type="pic" sz="quarter" idx="34"/>
          </p:nvPr>
        </p:nvSpPr>
        <p:spPr>
          <a:xfrm>
            <a:off x="3360737"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6" name="Text Placeholder 4">
            <a:extLst>
              <a:ext uri="{FF2B5EF4-FFF2-40B4-BE49-F238E27FC236}">
                <a16:creationId xmlns:a16="http://schemas.microsoft.com/office/drawing/2014/main" id="{3F6F4FC8-6560-4B8B-A3A0-472C7097DF30}"/>
              </a:ext>
            </a:extLst>
          </p:cNvPr>
          <p:cNvSpPr>
            <a:spLocks noGrp="1"/>
          </p:cNvSpPr>
          <p:nvPr>
            <p:ph type="body" sz="quarter" idx="35"/>
          </p:nvPr>
        </p:nvSpPr>
        <p:spPr>
          <a:xfrm>
            <a:off x="3360737"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7" name="Picture Placeholder 3">
            <a:extLst>
              <a:ext uri="{FF2B5EF4-FFF2-40B4-BE49-F238E27FC236}">
                <a16:creationId xmlns:a16="http://schemas.microsoft.com/office/drawing/2014/main" id="{08C63C87-DF84-45A0-B824-B4B20EF5B545}"/>
              </a:ext>
            </a:extLst>
          </p:cNvPr>
          <p:cNvSpPr>
            <a:spLocks noGrp="1"/>
          </p:cNvSpPr>
          <p:nvPr>
            <p:ph type="pic" sz="quarter" idx="36"/>
          </p:nvPr>
        </p:nvSpPr>
        <p:spPr>
          <a:xfrm>
            <a:off x="616902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38" name="Text Placeholder 4">
            <a:extLst>
              <a:ext uri="{FF2B5EF4-FFF2-40B4-BE49-F238E27FC236}">
                <a16:creationId xmlns:a16="http://schemas.microsoft.com/office/drawing/2014/main" id="{4ED6EF5B-02C3-46D0-807D-23439A3021D4}"/>
              </a:ext>
            </a:extLst>
          </p:cNvPr>
          <p:cNvSpPr>
            <a:spLocks noGrp="1"/>
          </p:cNvSpPr>
          <p:nvPr>
            <p:ph type="body" sz="quarter" idx="37"/>
          </p:nvPr>
        </p:nvSpPr>
        <p:spPr>
          <a:xfrm>
            <a:off x="6169025"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9" name="Picture Placeholder 3">
            <a:extLst>
              <a:ext uri="{FF2B5EF4-FFF2-40B4-BE49-F238E27FC236}">
                <a16:creationId xmlns:a16="http://schemas.microsoft.com/office/drawing/2014/main" id="{8C1C1D27-A4A4-4378-AD6A-6566FC21F260}"/>
              </a:ext>
            </a:extLst>
          </p:cNvPr>
          <p:cNvSpPr>
            <a:spLocks noGrp="1"/>
          </p:cNvSpPr>
          <p:nvPr>
            <p:ph type="pic" sz="quarter" idx="38"/>
          </p:nvPr>
        </p:nvSpPr>
        <p:spPr>
          <a:xfrm>
            <a:off x="8977312"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da-DK"/>
          </a:p>
        </p:txBody>
      </p:sp>
      <p:sp>
        <p:nvSpPr>
          <p:cNvPr id="40" name="Text Placeholder 4">
            <a:extLst>
              <a:ext uri="{FF2B5EF4-FFF2-40B4-BE49-F238E27FC236}">
                <a16:creationId xmlns:a16="http://schemas.microsoft.com/office/drawing/2014/main" id="{2C509099-C88E-4CFF-971D-BE420AE4AD46}"/>
              </a:ext>
            </a:extLst>
          </p:cNvPr>
          <p:cNvSpPr>
            <a:spLocks noGrp="1"/>
          </p:cNvSpPr>
          <p:nvPr>
            <p:ph type="body" sz="quarter" idx="39"/>
          </p:nvPr>
        </p:nvSpPr>
        <p:spPr>
          <a:xfrm>
            <a:off x="8977312"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Tree>
    <p:extLst>
      <p:ext uri="{BB962C8B-B14F-4D97-AF65-F5344CB8AC3E}">
        <p14:creationId xmlns:p14="http://schemas.microsoft.com/office/powerpoint/2010/main" val="3518823007"/>
      </p:ext>
    </p:extLst>
  </p:cSld>
  <p:clrMapOvr>
    <a:masterClrMapping/>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Highlights of our work 2x1">
    <p:spTree>
      <p:nvGrpSpPr>
        <p:cNvPr id="1" name=""/>
        <p:cNvGrpSpPr/>
        <p:nvPr/>
      </p:nvGrpSpPr>
      <p:grpSpPr>
        <a:xfrm>
          <a:off x="0" y="0"/>
          <a:ext cx="0" cy="0"/>
          <a:chOff x="0" y="0"/>
          <a:chExt cx="0" cy="0"/>
        </a:xfrm>
      </p:grpSpPr>
      <p:sp>
        <p:nvSpPr>
          <p:cNvPr id="19" name="Freeform: Shape 18">
            <a:extLst>
              <a:ext uri="{FF2B5EF4-FFF2-40B4-BE49-F238E27FC236}">
                <a16:creationId xmlns:a16="http://schemas.microsoft.com/office/drawing/2014/main" id="{243D6C03-8337-4A95-BC8C-DEFBFC356F60}"/>
              </a:ext>
            </a:extLst>
          </p:cNvPr>
          <p:cNvSpPr/>
          <p:nvPr userDrawn="1"/>
        </p:nvSpPr>
        <p:spPr>
          <a:xfrm>
            <a:off x="554671"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16" name="Picture Placeholder 15">
            <a:extLst>
              <a:ext uri="{FF2B5EF4-FFF2-40B4-BE49-F238E27FC236}">
                <a16:creationId xmlns:a16="http://schemas.microsoft.com/office/drawing/2014/main" id="{8886E69C-CBC9-4F08-875B-B7133DD06F53}"/>
              </a:ext>
            </a:extLst>
          </p:cNvPr>
          <p:cNvSpPr>
            <a:spLocks noGrp="1"/>
          </p:cNvSpPr>
          <p:nvPr>
            <p:ph type="pic" sz="quarter" idx="10" hasCustomPrompt="1"/>
          </p:nvPr>
        </p:nvSpPr>
        <p:spPr>
          <a:xfrm>
            <a:off x="2425699"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10" name="Title 1">
            <a:extLst>
              <a:ext uri="{FF2B5EF4-FFF2-40B4-BE49-F238E27FC236}">
                <a16:creationId xmlns:a16="http://schemas.microsoft.com/office/drawing/2014/main" id="{7861C766-490F-4606-9855-FCC902853BFD}"/>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1" name="Straight Connector 10">
            <a:extLst>
              <a:ext uri="{FF2B5EF4-FFF2-40B4-BE49-F238E27FC236}">
                <a16:creationId xmlns:a16="http://schemas.microsoft.com/office/drawing/2014/main" id="{809D6D6B-327A-422D-BB25-49622CC31376}"/>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0" name="Text Placeholder 48">
            <a:extLst>
              <a:ext uri="{FF2B5EF4-FFF2-40B4-BE49-F238E27FC236}">
                <a16:creationId xmlns:a16="http://schemas.microsoft.com/office/drawing/2014/main" id="{43586867-54B8-4D0E-BA43-81B058D9F048}"/>
              </a:ext>
            </a:extLst>
          </p:cNvPr>
          <p:cNvSpPr>
            <a:spLocks noGrp="1"/>
          </p:cNvSpPr>
          <p:nvPr>
            <p:ph type="body" sz="quarter" idx="11" hasCustomPrompt="1"/>
          </p:nvPr>
        </p:nvSpPr>
        <p:spPr>
          <a:xfrm>
            <a:off x="683579"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1" name="Freeform: Shape 20">
            <a:extLst>
              <a:ext uri="{FF2B5EF4-FFF2-40B4-BE49-F238E27FC236}">
                <a16:creationId xmlns:a16="http://schemas.microsoft.com/office/drawing/2014/main" id="{B59E1525-9EAD-4196-82F7-69A0AECCFD09}"/>
              </a:ext>
            </a:extLst>
          </p:cNvPr>
          <p:cNvSpPr/>
          <p:nvPr userDrawn="1"/>
        </p:nvSpPr>
        <p:spPr>
          <a:xfrm>
            <a:off x="6187856"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2" name="Picture Placeholder 21">
            <a:extLst>
              <a:ext uri="{FF2B5EF4-FFF2-40B4-BE49-F238E27FC236}">
                <a16:creationId xmlns:a16="http://schemas.microsoft.com/office/drawing/2014/main" id="{08F8EB35-D961-4E7F-8719-34262DE00169}"/>
              </a:ext>
            </a:extLst>
          </p:cNvPr>
          <p:cNvSpPr>
            <a:spLocks noGrp="1"/>
          </p:cNvSpPr>
          <p:nvPr>
            <p:ph type="pic" sz="quarter" idx="12" hasCustomPrompt="1"/>
          </p:nvPr>
        </p:nvSpPr>
        <p:spPr>
          <a:xfrm>
            <a:off x="8058884"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Text Placeholder 48">
            <a:extLst>
              <a:ext uri="{FF2B5EF4-FFF2-40B4-BE49-F238E27FC236}">
                <a16:creationId xmlns:a16="http://schemas.microsoft.com/office/drawing/2014/main" id="{1DA59E22-9F8A-40A4-B426-14003756B0F7}"/>
              </a:ext>
            </a:extLst>
          </p:cNvPr>
          <p:cNvSpPr>
            <a:spLocks noGrp="1"/>
          </p:cNvSpPr>
          <p:nvPr>
            <p:ph type="body" sz="quarter" idx="13" hasCustomPrompt="1"/>
          </p:nvPr>
        </p:nvSpPr>
        <p:spPr>
          <a:xfrm>
            <a:off x="6316764"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Tree>
    <p:extLst>
      <p:ext uri="{BB962C8B-B14F-4D97-AF65-F5344CB8AC3E}">
        <p14:creationId xmlns:p14="http://schemas.microsoft.com/office/powerpoint/2010/main" val="2556375695"/>
      </p:ext>
    </p:extLst>
  </p:cSld>
  <p:clrMapOvr>
    <a:masterClrMapping/>
  </p:clrMapOvr>
  <p:transition>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ighlights of our work 2x1 - Dark">
    <p:spTree>
      <p:nvGrpSpPr>
        <p:cNvPr id="1" name=""/>
        <p:cNvGrpSpPr/>
        <p:nvPr/>
      </p:nvGrpSpPr>
      <p:grpSpPr>
        <a:xfrm>
          <a:off x="0" y="0"/>
          <a:ext cx="0" cy="0"/>
          <a:chOff x="0" y="0"/>
          <a:chExt cx="0" cy="0"/>
        </a:xfrm>
      </p:grpSpPr>
      <p:sp>
        <p:nvSpPr>
          <p:cNvPr id="19" name="Freeform: Shape 18">
            <a:extLst>
              <a:ext uri="{FF2B5EF4-FFF2-40B4-BE49-F238E27FC236}">
                <a16:creationId xmlns:a16="http://schemas.microsoft.com/office/drawing/2014/main" id="{243D6C03-8337-4A95-BC8C-DEFBFC356F60}"/>
              </a:ext>
            </a:extLst>
          </p:cNvPr>
          <p:cNvSpPr/>
          <p:nvPr userDrawn="1"/>
        </p:nvSpPr>
        <p:spPr>
          <a:xfrm>
            <a:off x="554671"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16" name="Picture Placeholder 15">
            <a:extLst>
              <a:ext uri="{FF2B5EF4-FFF2-40B4-BE49-F238E27FC236}">
                <a16:creationId xmlns:a16="http://schemas.microsoft.com/office/drawing/2014/main" id="{8886E69C-CBC9-4F08-875B-B7133DD06F53}"/>
              </a:ext>
            </a:extLst>
          </p:cNvPr>
          <p:cNvSpPr>
            <a:spLocks noGrp="1"/>
          </p:cNvSpPr>
          <p:nvPr>
            <p:ph type="pic" sz="quarter" idx="10" hasCustomPrompt="1"/>
          </p:nvPr>
        </p:nvSpPr>
        <p:spPr>
          <a:xfrm>
            <a:off x="2425699"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10" name="Title 1">
            <a:extLst>
              <a:ext uri="{FF2B5EF4-FFF2-40B4-BE49-F238E27FC236}">
                <a16:creationId xmlns:a16="http://schemas.microsoft.com/office/drawing/2014/main" id="{7861C766-490F-4606-9855-FCC902853BFD}"/>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1" name="Straight Connector 10">
            <a:extLst>
              <a:ext uri="{FF2B5EF4-FFF2-40B4-BE49-F238E27FC236}">
                <a16:creationId xmlns:a16="http://schemas.microsoft.com/office/drawing/2014/main" id="{809D6D6B-327A-422D-BB25-49622CC31376}"/>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0" name="Text Placeholder 48">
            <a:extLst>
              <a:ext uri="{FF2B5EF4-FFF2-40B4-BE49-F238E27FC236}">
                <a16:creationId xmlns:a16="http://schemas.microsoft.com/office/drawing/2014/main" id="{43586867-54B8-4D0E-BA43-81B058D9F048}"/>
              </a:ext>
            </a:extLst>
          </p:cNvPr>
          <p:cNvSpPr>
            <a:spLocks noGrp="1"/>
          </p:cNvSpPr>
          <p:nvPr>
            <p:ph type="body" sz="quarter" idx="11" hasCustomPrompt="1"/>
          </p:nvPr>
        </p:nvSpPr>
        <p:spPr>
          <a:xfrm>
            <a:off x="683579"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1" name="Freeform: Shape 20">
            <a:extLst>
              <a:ext uri="{FF2B5EF4-FFF2-40B4-BE49-F238E27FC236}">
                <a16:creationId xmlns:a16="http://schemas.microsoft.com/office/drawing/2014/main" id="{B59E1525-9EAD-4196-82F7-69A0AECCFD09}"/>
              </a:ext>
            </a:extLst>
          </p:cNvPr>
          <p:cNvSpPr/>
          <p:nvPr userDrawn="1"/>
        </p:nvSpPr>
        <p:spPr>
          <a:xfrm>
            <a:off x="6187856"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2" name="Picture Placeholder 21">
            <a:extLst>
              <a:ext uri="{FF2B5EF4-FFF2-40B4-BE49-F238E27FC236}">
                <a16:creationId xmlns:a16="http://schemas.microsoft.com/office/drawing/2014/main" id="{08F8EB35-D961-4E7F-8719-34262DE00169}"/>
              </a:ext>
            </a:extLst>
          </p:cNvPr>
          <p:cNvSpPr>
            <a:spLocks noGrp="1"/>
          </p:cNvSpPr>
          <p:nvPr>
            <p:ph type="pic" sz="quarter" idx="12" hasCustomPrompt="1"/>
          </p:nvPr>
        </p:nvSpPr>
        <p:spPr>
          <a:xfrm>
            <a:off x="8058884"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Text Placeholder 48">
            <a:extLst>
              <a:ext uri="{FF2B5EF4-FFF2-40B4-BE49-F238E27FC236}">
                <a16:creationId xmlns:a16="http://schemas.microsoft.com/office/drawing/2014/main" id="{1DA59E22-9F8A-40A4-B426-14003756B0F7}"/>
              </a:ext>
            </a:extLst>
          </p:cNvPr>
          <p:cNvSpPr>
            <a:spLocks noGrp="1"/>
          </p:cNvSpPr>
          <p:nvPr>
            <p:ph type="body" sz="quarter" idx="13" hasCustomPrompt="1"/>
          </p:nvPr>
        </p:nvSpPr>
        <p:spPr>
          <a:xfrm>
            <a:off x="6316764"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Tree>
    <p:extLst>
      <p:ext uri="{BB962C8B-B14F-4D97-AF65-F5344CB8AC3E}">
        <p14:creationId xmlns:p14="http://schemas.microsoft.com/office/powerpoint/2010/main" val="1805329784"/>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Highlights of our work 3x1">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AE7AC047-D42D-4F8F-ABFD-F915D8696B0E}"/>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2" name="Straight Connector 11">
            <a:extLst>
              <a:ext uri="{FF2B5EF4-FFF2-40B4-BE49-F238E27FC236}">
                <a16:creationId xmlns:a16="http://schemas.microsoft.com/office/drawing/2014/main" id="{C401A1F9-6CC2-40D9-917B-B17E83C9C550}"/>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9" name="Freeform: Shape 18">
            <a:extLst>
              <a:ext uri="{FF2B5EF4-FFF2-40B4-BE49-F238E27FC236}">
                <a16:creationId xmlns:a16="http://schemas.microsoft.com/office/drawing/2014/main" id="{3EFF58A8-CB3A-41D9-A25B-51213548B3CC}"/>
              </a:ext>
            </a:extLst>
          </p:cNvPr>
          <p:cNvSpPr>
            <a:spLocks noChangeAspect="1"/>
          </p:cNvSpPr>
          <p:nvPr userDrawn="1"/>
        </p:nvSpPr>
        <p:spPr>
          <a:xfrm>
            <a:off x="557210"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15" name="Text Placeholder 48">
            <a:extLst>
              <a:ext uri="{FF2B5EF4-FFF2-40B4-BE49-F238E27FC236}">
                <a16:creationId xmlns:a16="http://schemas.microsoft.com/office/drawing/2014/main" id="{9B00BF1C-E0E4-4D09-B306-45AC19057BDA}"/>
              </a:ext>
            </a:extLst>
          </p:cNvPr>
          <p:cNvSpPr>
            <a:spLocks noGrp="1"/>
          </p:cNvSpPr>
          <p:nvPr>
            <p:ph type="body" sz="quarter" idx="11" hasCustomPrompt="1"/>
          </p:nvPr>
        </p:nvSpPr>
        <p:spPr>
          <a:xfrm>
            <a:off x="696589"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2" name="Picture Placeholder 21">
            <a:extLst>
              <a:ext uri="{FF2B5EF4-FFF2-40B4-BE49-F238E27FC236}">
                <a16:creationId xmlns:a16="http://schemas.microsoft.com/office/drawing/2014/main" id="{BA2AFAE4-C975-4180-B47A-1AB60FA30502}"/>
              </a:ext>
            </a:extLst>
          </p:cNvPr>
          <p:cNvSpPr>
            <a:spLocks noGrp="1" noChangeAspect="1"/>
          </p:cNvSpPr>
          <p:nvPr>
            <p:ph type="pic" sz="quarter" idx="10" hasCustomPrompt="1"/>
          </p:nvPr>
        </p:nvSpPr>
        <p:spPr>
          <a:xfrm>
            <a:off x="2047229"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Freeform: Shape 22">
            <a:extLst>
              <a:ext uri="{FF2B5EF4-FFF2-40B4-BE49-F238E27FC236}">
                <a16:creationId xmlns:a16="http://schemas.microsoft.com/office/drawing/2014/main" id="{78EC422A-B827-4CD4-8F72-696544455989}"/>
              </a:ext>
            </a:extLst>
          </p:cNvPr>
          <p:cNvSpPr>
            <a:spLocks noChangeAspect="1"/>
          </p:cNvSpPr>
          <p:nvPr userDrawn="1"/>
        </p:nvSpPr>
        <p:spPr>
          <a:xfrm>
            <a:off x="4300503"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4" name="Text Placeholder 48">
            <a:extLst>
              <a:ext uri="{FF2B5EF4-FFF2-40B4-BE49-F238E27FC236}">
                <a16:creationId xmlns:a16="http://schemas.microsoft.com/office/drawing/2014/main" id="{41240009-F821-4CA2-BFE0-538B808C4C6F}"/>
              </a:ext>
            </a:extLst>
          </p:cNvPr>
          <p:cNvSpPr>
            <a:spLocks noGrp="1"/>
          </p:cNvSpPr>
          <p:nvPr>
            <p:ph type="body" sz="quarter" idx="12" hasCustomPrompt="1"/>
          </p:nvPr>
        </p:nvSpPr>
        <p:spPr>
          <a:xfrm>
            <a:off x="4439882"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5" name="Picture Placeholder 24">
            <a:extLst>
              <a:ext uri="{FF2B5EF4-FFF2-40B4-BE49-F238E27FC236}">
                <a16:creationId xmlns:a16="http://schemas.microsoft.com/office/drawing/2014/main" id="{DF2B6CC2-C1F6-4547-92ED-A81ED2203885}"/>
              </a:ext>
            </a:extLst>
          </p:cNvPr>
          <p:cNvSpPr>
            <a:spLocks noGrp="1" noChangeAspect="1"/>
          </p:cNvSpPr>
          <p:nvPr>
            <p:ph type="pic" sz="quarter" idx="13" hasCustomPrompt="1"/>
          </p:nvPr>
        </p:nvSpPr>
        <p:spPr>
          <a:xfrm>
            <a:off x="5790522"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6" name="Freeform: Shape 25">
            <a:extLst>
              <a:ext uri="{FF2B5EF4-FFF2-40B4-BE49-F238E27FC236}">
                <a16:creationId xmlns:a16="http://schemas.microsoft.com/office/drawing/2014/main" id="{67F84D54-68A6-4A1E-BF1E-300E3FAD8095}"/>
              </a:ext>
            </a:extLst>
          </p:cNvPr>
          <p:cNvSpPr>
            <a:spLocks noChangeAspect="1"/>
          </p:cNvSpPr>
          <p:nvPr userDrawn="1"/>
        </p:nvSpPr>
        <p:spPr>
          <a:xfrm>
            <a:off x="8042275"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7" name="Text Placeholder 48">
            <a:extLst>
              <a:ext uri="{FF2B5EF4-FFF2-40B4-BE49-F238E27FC236}">
                <a16:creationId xmlns:a16="http://schemas.microsoft.com/office/drawing/2014/main" id="{8BF67461-A3F9-4E52-9E4C-50D5167F21E9}"/>
              </a:ext>
            </a:extLst>
          </p:cNvPr>
          <p:cNvSpPr>
            <a:spLocks noGrp="1"/>
          </p:cNvSpPr>
          <p:nvPr>
            <p:ph type="body" sz="quarter" idx="14" hasCustomPrompt="1"/>
          </p:nvPr>
        </p:nvSpPr>
        <p:spPr>
          <a:xfrm>
            <a:off x="8181654"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4" name="Picture Placeholder 33">
            <a:extLst>
              <a:ext uri="{FF2B5EF4-FFF2-40B4-BE49-F238E27FC236}">
                <a16:creationId xmlns:a16="http://schemas.microsoft.com/office/drawing/2014/main" id="{8B65A489-4451-4C78-A1BE-D88DD4832878}"/>
              </a:ext>
            </a:extLst>
          </p:cNvPr>
          <p:cNvSpPr>
            <a:spLocks noGrp="1" noChangeAspect="1"/>
          </p:cNvSpPr>
          <p:nvPr>
            <p:ph type="pic" sz="quarter" idx="15" hasCustomPrompt="1"/>
          </p:nvPr>
        </p:nvSpPr>
        <p:spPr>
          <a:xfrm>
            <a:off x="9532294"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2215916576"/>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Highlights of our work 3x1 - Dark">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AE7AC047-D42D-4F8F-ABFD-F915D8696B0E}"/>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2" name="Straight Connector 11">
            <a:extLst>
              <a:ext uri="{FF2B5EF4-FFF2-40B4-BE49-F238E27FC236}">
                <a16:creationId xmlns:a16="http://schemas.microsoft.com/office/drawing/2014/main" id="{C401A1F9-6CC2-40D9-917B-B17E83C9C550}"/>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9" name="Freeform: Shape 18">
            <a:extLst>
              <a:ext uri="{FF2B5EF4-FFF2-40B4-BE49-F238E27FC236}">
                <a16:creationId xmlns:a16="http://schemas.microsoft.com/office/drawing/2014/main" id="{3EFF58A8-CB3A-41D9-A25B-51213548B3CC}"/>
              </a:ext>
            </a:extLst>
          </p:cNvPr>
          <p:cNvSpPr>
            <a:spLocks noChangeAspect="1"/>
          </p:cNvSpPr>
          <p:nvPr userDrawn="1"/>
        </p:nvSpPr>
        <p:spPr>
          <a:xfrm>
            <a:off x="557210"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15" name="Text Placeholder 48">
            <a:extLst>
              <a:ext uri="{FF2B5EF4-FFF2-40B4-BE49-F238E27FC236}">
                <a16:creationId xmlns:a16="http://schemas.microsoft.com/office/drawing/2014/main" id="{9B00BF1C-E0E4-4D09-B306-45AC19057BDA}"/>
              </a:ext>
            </a:extLst>
          </p:cNvPr>
          <p:cNvSpPr>
            <a:spLocks noGrp="1"/>
          </p:cNvSpPr>
          <p:nvPr>
            <p:ph type="body" sz="quarter" idx="11" hasCustomPrompt="1"/>
          </p:nvPr>
        </p:nvSpPr>
        <p:spPr>
          <a:xfrm>
            <a:off x="696589"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2" name="Picture Placeholder 21">
            <a:extLst>
              <a:ext uri="{FF2B5EF4-FFF2-40B4-BE49-F238E27FC236}">
                <a16:creationId xmlns:a16="http://schemas.microsoft.com/office/drawing/2014/main" id="{BA2AFAE4-C975-4180-B47A-1AB60FA30502}"/>
              </a:ext>
            </a:extLst>
          </p:cNvPr>
          <p:cNvSpPr>
            <a:spLocks noGrp="1" noChangeAspect="1"/>
          </p:cNvSpPr>
          <p:nvPr>
            <p:ph type="pic" sz="quarter" idx="10" hasCustomPrompt="1"/>
          </p:nvPr>
        </p:nvSpPr>
        <p:spPr>
          <a:xfrm>
            <a:off x="2047229"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Freeform: Shape 22">
            <a:extLst>
              <a:ext uri="{FF2B5EF4-FFF2-40B4-BE49-F238E27FC236}">
                <a16:creationId xmlns:a16="http://schemas.microsoft.com/office/drawing/2014/main" id="{78EC422A-B827-4CD4-8F72-696544455989}"/>
              </a:ext>
            </a:extLst>
          </p:cNvPr>
          <p:cNvSpPr>
            <a:spLocks noChangeAspect="1"/>
          </p:cNvSpPr>
          <p:nvPr userDrawn="1"/>
        </p:nvSpPr>
        <p:spPr>
          <a:xfrm>
            <a:off x="4300503"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4" name="Text Placeholder 48">
            <a:extLst>
              <a:ext uri="{FF2B5EF4-FFF2-40B4-BE49-F238E27FC236}">
                <a16:creationId xmlns:a16="http://schemas.microsoft.com/office/drawing/2014/main" id="{41240009-F821-4CA2-BFE0-538B808C4C6F}"/>
              </a:ext>
            </a:extLst>
          </p:cNvPr>
          <p:cNvSpPr>
            <a:spLocks noGrp="1"/>
          </p:cNvSpPr>
          <p:nvPr>
            <p:ph type="body" sz="quarter" idx="12" hasCustomPrompt="1"/>
          </p:nvPr>
        </p:nvSpPr>
        <p:spPr>
          <a:xfrm>
            <a:off x="4439882"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25" name="Picture Placeholder 24">
            <a:extLst>
              <a:ext uri="{FF2B5EF4-FFF2-40B4-BE49-F238E27FC236}">
                <a16:creationId xmlns:a16="http://schemas.microsoft.com/office/drawing/2014/main" id="{DF2B6CC2-C1F6-4547-92ED-A81ED2203885}"/>
              </a:ext>
            </a:extLst>
          </p:cNvPr>
          <p:cNvSpPr>
            <a:spLocks noGrp="1" noChangeAspect="1"/>
          </p:cNvSpPr>
          <p:nvPr>
            <p:ph type="pic" sz="quarter" idx="13" hasCustomPrompt="1"/>
          </p:nvPr>
        </p:nvSpPr>
        <p:spPr>
          <a:xfrm>
            <a:off x="5790522"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6" name="Freeform: Shape 25">
            <a:extLst>
              <a:ext uri="{FF2B5EF4-FFF2-40B4-BE49-F238E27FC236}">
                <a16:creationId xmlns:a16="http://schemas.microsoft.com/office/drawing/2014/main" id="{67F84D54-68A6-4A1E-BF1E-300E3FAD8095}"/>
              </a:ext>
            </a:extLst>
          </p:cNvPr>
          <p:cNvSpPr>
            <a:spLocks noChangeAspect="1"/>
          </p:cNvSpPr>
          <p:nvPr userDrawn="1"/>
        </p:nvSpPr>
        <p:spPr>
          <a:xfrm>
            <a:off x="8042275"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7" name="Text Placeholder 48">
            <a:extLst>
              <a:ext uri="{FF2B5EF4-FFF2-40B4-BE49-F238E27FC236}">
                <a16:creationId xmlns:a16="http://schemas.microsoft.com/office/drawing/2014/main" id="{8BF67461-A3F9-4E52-9E4C-50D5167F21E9}"/>
              </a:ext>
            </a:extLst>
          </p:cNvPr>
          <p:cNvSpPr>
            <a:spLocks noGrp="1"/>
          </p:cNvSpPr>
          <p:nvPr>
            <p:ph type="body" sz="quarter" idx="14" hasCustomPrompt="1"/>
          </p:nvPr>
        </p:nvSpPr>
        <p:spPr>
          <a:xfrm>
            <a:off x="8181654"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4" name="Picture Placeholder 33">
            <a:extLst>
              <a:ext uri="{FF2B5EF4-FFF2-40B4-BE49-F238E27FC236}">
                <a16:creationId xmlns:a16="http://schemas.microsoft.com/office/drawing/2014/main" id="{8B65A489-4451-4C78-A1BE-D88DD4832878}"/>
              </a:ext>
            </a:extLst>
          </p:cNvPr>
          <p:cNvSpPr>
            <a:spLocks noGrp="1" noChangeAspect="1"/>
          </p:cNvSpPr>
          <p:nvPr>
            <p:ph type="pic" sz="quarter" idx="15" hasCustomPrompt="1"/>
          </p:nvPr>
        </p:nvSpPr>
        <p:spPr>
          <a:xfrm>
            <a:off x="9532294"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1566457544"/>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Highlights of our work 2x2">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6206BFF3-511B-497A-A700-5DA175A85FB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8" name="Straight Connector 17">
            <a:extLst>
              <a:ext uri="{FF2B5EF4-FFF2-40B4-BE49-F238E27FC236}">
                <a16:creationId xmlns:a16="http://schemas.microsoft.com/office/drawing/2014/main" id="{BFD9EBCB-0EAA-4F9C-8604-A88FE78070B1}"/>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2" name="Picture Placeholder 21">
            <a:extLst>
              <a:ext uri="{FF2B5EF4-FFF2-40B4-BE49-F238E27FC236}">
                <a16:creationId xmlns:a16="http://schemas.microsoft.com/office/drawing/2014/main" id="{8BA7F858-7AE4-4041-81AA-1C01085FA915}"/>
              </a:ext>
            </a:extLst>
          </p:cNvPr>
          <p:cNvSpPr>
            <a:spLocks noGrp="1" noChangeAspect="1"/>
          </p:cNvSpPr>
          <p:nvPr>
            <p:ph type="pic" sz="quarter" idx="10" hasCustomPrompt="1"/>
          </p:nvPr>
        </p:nvSpPr>
        <p:spPr>
          <a:xfrm>
            <a:off x="2433309"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6" name="Freeform: Shape 25">
            <a:extLst>
              <a:ext uri="{FF2B5EF4-FFF2-40B4-BE49-F238E27FC236}">
                <a16:creationId xmlns:a16="http://schemas.microsoft.com/office/drawing/2014/main" id="{109E2C94-B674-4752-BAA8-B5ED5E753321}"/>
              </a:ext>
            </a:extLst>
          </p:cNvPr>
          <p:cNvSpPr/>
          <p:nvPr userDrawn="1"/>
        </p:nvSpPr>
        <p:spPr>
          <a:xfrm>
            <a:off x="554355"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7" name="Text Placeholder 48">
            <a:extLst>
              <a:ext uri="{FF2B5EF4-FFF2-40B4-BE49-F238E27FC236}">
                <a16:creationId xmlns:a16="http://schemas.microsoft.com/office/drawing/2014/main" id="{72BE2FA1-7C4C-4B67-BF7C-C268BCCDE729}"/>
              </a:ext>
            </a:extLst>
          </p:cNvPr>
          <p:cNvSpPr>
            <a:spLocks noGrp="1"/>
          </p:cNvSpPr>
          <p:nvPr>
            <p:ph type="body" sz="quarter" idx="11" hasCustomPrompt="1"/>
          </p:nvPr>
        </p:nvSpPr>
        <p:spPr>
          <a:xfrm>
            <a:off x="696589"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6" name="Picture Placeholder 35">
            <a:extLst>
              <a:ext uri="{FF2B5EF4-FFF2-40B4-BE49-F238E27FC236}">
                <a16:creationId xmlns:a16="http://schemas.microsoft.com/office/drawing/2014/main" id="{506E9508-F5EC-4039-9C02-E0452F17FFC0}"/>
              </a:ext>
            </a:extLst>
          </p:cNvPr>
          <p:cNvSpPr>
            <a:spLocks noGrp="1" noChangeAspect="1"/>
          </p:cNvSpPr>
          <p:nvPr>
            <p:ph type="pic" sz="quarter" idx="12" hasCustomPrompt="1"/>
          </p:nvPr>
        </p:nvSpPr>
        <p:spPr>
          <a:xfrm>
            <a:off x="2433309"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37" name="Freeform: Shape 36">
            <a:extLst>
              <a:ext uri="{FF2B5EF4-FFF2-40B4-BE49-F238E27FC236}">
                <a16:creationId xmlns:a16="http://schemas.microsoft.com/office/drawing/2014/main" id="{D73200C3-FD49-4942-ADB7-84E15B94173E}"/>
              </a:ext>
            </a:extLst>
          </p:cNvPr>
          <p:cNvSpPr/>
          <p:nvPr userDrawn="1"/>
        </p:nvSpPr>
        <p:spPr>
          <a:xfrm>
            <a:off x="554355"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8" name="Text Placeholder 48">
            <a:extLst>
              <a:ext uri="{FF2B5EF4-FFF2-40B4-BE49-F238E27FC236}">
                <a16:creationId xmlns:a16="http://schemas.microsoft.com/office/drawing/2014/main" id="{07EE5A08-8151-44B5-8987-2CBF278A2F65}"/>
              </a:ext>
            </a:extLst>
          </p:cNvPr>
          <p:cNvSpPr>
            <a:spLocks noGrp="1"/>
          </p:cNvSpPr>
          <p:nvPr>
            <p:ph type="body" sz="quarter" idx="13" hasCustomPrompt="1"/>
          </p:nvPr>
        </p:nvSpPr>
        <p:spPr>
          <a:xfrm>
            <a:off x="696589"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9" name="Picture Placeholder 38">
            <a:extLst>
              <a:ext uri="{FF2B5EF4-FFF2-40B4-BE49-F238E27FC236}">
                <a16:creationId xmlns:a16="http://schemas.microsoft.com/office/drawing/2014/main" id="{D6F71873-3F6D-4680-A325-A9B49299475C}"/>
              </a:ext>
            </a:extLst>
          </p:cNvPr>
          <p:cNvSpPr>
            <a:spLocks noGrp="1" noChangeAspect="1"/>
          </p:cNvSpPr>
          <p:nvPr>
            <p:ph type="pic" sz="quarter" idx="14" hasCustomPrompt="1"/>
          </p:nvPr>
        </p:nvSpPr>
        <p:spPr>
          <a:xfrm>
            <a:off x="8049884"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0" name="Freeform: Shape 39">
            <a:extLst>
              <a:ext uri="{FF2B5EF4-FFF2-40B4-BE49-F238E27FC236}">
                <a16:creationId xmlns:a16="http://schemas.microsoft.com/office/drawing/2014/main" id="{0B74991D-5211-43D8-9EBF-6AAC3BDEDB3F}"/>
              </a:ext>
            </a:extLst>
          </p:cNvPr>
          <p:cNvSpPr/>
          <p:nvPr userDrawn="1"/>
        </p:nvSpPr>
        <p:spPr>
          <a:xfrm>
            <a:off x="6170930"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1" name="Text Placeholder 48">
            <a:extLst>
              <a:ext uri="{FF2B5EF4-FFF2-40B4-BE49-F238E27FC236}">
                <a16:creationId xmlns:a16="http://schemas.microsoft.com/office/drawing/2014/main" id="{5D6275F9-70E6-4A32-9E06-AC04258D95E6}"/>
              </a:ext>
            </a:extLst>
          </p:cNvPr>
          <p:cNvSpPr>
            <a:spLocks noGrp="1"/>
          </p:cNvSpPr>
          <p:nvPr>
            <p:ph type="body" sz="quarter" idx="15" hasCustomPrompt="1"/>
          </p:nvPr>
        </p:nvSpPr>
        <p:spPr>
          <a:xfrm>
            <a:off x="6313164"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2" name="Picture Placeholder 41">
            <a:extLst>
              <a:ext uri="{FF2B5EF4-FFF2-40B4-BE49-F238E27FC236}">
                <a16:creationId xmlns:a16="http://schemas.microsoft.com/office/drawing/2014/main" id="{A25AE47A-A81D-4750-BDD7-86F587DB4A29}"/>
              </a:ext>
            </a:extLst>
          </p:cNvPr>
          <p:cNvSpPr>
            <a:spLocks noGrp="1" noChangeAspect="1"/>
          </p:cNvSpPr>
          <p:nvPr>
            <p:ph type="pic" sz="quarter" idx="16" hasCustomPrompt="1"/>
          </p:nvPr>
        </p:nvSpPr>
        <p:spPr>
          <a:xfrm>
            <a:off x="8049884"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3" name="Freeform: Shape 42">
            <a:extLst>
              <a:ext uri="{FF2B5EF4-FFF2-40B4-BE49-F238E27FC236}">
                <a16:creationId xmlns:a16="http://schemas.microsoft.com/office/drawing/2014/main" id="{BD738F05-1D01-4571-8498-1362582D0202}"/>
              </a:ext>
            </a:extLst>
          </p:cNvPr>
          <p:cNvSpPr/>
          <p:nvPr userDrawn="1"/>
        </p:nvSpPr>
        <p:spPr>
          <a:xfrm>
            <a:off x="6170930"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4" name="Text Placeholder 48">
            <a:extLst>
              <a:ext uri="{FF2B5EF4-FFF2-40B4-BE49-F238E27FC236}">
                <a16:creationId xmlns:a16="http://schemas.microsoft.com/office/drawing/2014/main" id="{43B5CD61-0250-4B2D-AC21-8A4258DA97C3}"/>
              </a:ext>
            </a:extLst>
          </p:cNvPr>
          <p:cNvSpPr>
            <a:spLocks noGrp="1"/>
          </p:cNvSpPr>
          <p:nvPr>
            <p:ph type="body" sz="quarter" idx="17" hasCustomPrompt="1"/>
          </p:nvPr>
        </p:nvSpPr>
        <p:spPr>
          <a:xfrm>
            <a:off x="6313164"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Tree>
    <p:extLst>
      <p:ext uri="{BB962C8B-B14F-4D97-AF65-F5344CB8AC3E}">
        <p14:creationId xmlns:p14="http://schemas.microsoft.com/office/powerpoint/2010/main" val="747849672"/>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Slide B [TOC Sourc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C39D4800-5483-4D31-891A-72FB25AAE053}"/>
              </a:ext>
            </a:extLst>
          </p:cNvPr>
          <p:cNvSpPr>
            <a:spLocks noGrp="1"/>
          </p:cNvSpPr>
          <p:nvPr>
            <p:ph type="pic" sz="quarter" idx="25"/>
          </p:nvPr>
        </p:nvSpPr>
        <p:spPr>
          <a:xfrm>
            <a:off x="0" y="0"/>
            <a:ext cx="7897812" cy="6859588"/>
          </a:xfrm>
          <a:custGeom>
            <a:avLst/>
            <a:gdLst>
              <a:gd name="connsiteX0" fmla="*/ 0 w 7897812"/>
              <a:gd name="connsiteY0" fmla="*/ 0 h 6859588"/>
              <a:gd name="connsiteX1" fmla="*/ 7794026 w 7897812"/>
              <a:gd name="connsiteY1" fmla="*/ 0 h 6859588"/>
              <a:gd name="connsiteX2" fmla="*/ 7897812 w 7897812"/>
              <a:gd name="connsiteY2" fmla="*/ 103786 h 6859588"/>
              <a:gd name="connsiteX3" fmla="*/ 7897812 w 7897812"/>
              <a:gd name="connsiteY3" fmla="*/ 6755802 h 6859588"/>
              <a:gd name="connsiteX4" fmla="*/ 7794026 w 7897812"/>
              <a:gd name="connsiteY4" fmla="*/ 6859588 h 6859588"/>
              <a:gd name="connsiteX5" fmla="*/ 0 w 7897812"/>
              <a:gd name="connsiteY5"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897812" h="6859588">
                <a:moveTo>
                  <a:pt x="0" y="0"/>
                </a:moveTo>
                <a:lnTo>
                  <a:pt x="7794026" y="0"/>
                </a:lnTo>
                <a:cubicBezTo>
                  <a:pt x="7851345" y="0"/>
                  <a:pt x="7897812" y="46467"/>
                  <a:pt x="7897812" y="103786"/>
                </a:cubicBezTo>
                <a:lnTo>
                  <a:pt x="7897812" y="6755802"/>
                </a:lnTo>
                <a:cubicBezTo>
                  <a:pt x="7897812" y="6813121"/>
                  <a:pt x="7851345" y="6859588"/>
                  <a:pt x="7794026" y="6859588"/>
                </a:cubicBezTo>
                <a:lnTo>
                  <a:pt x="0" y="6859588"/>
                </a:lnTo>
                <a:close/>
              </a:path>
            </a:pathLst>
          </a:custGeom>
          <a:solidFill>
            <a:schemeClr val="accent6"/>
          </a:solidFill>
        </p:spPr>
        <p:txBody>
          <a:bodyPr wrap="square" anchor="ctr">
            <a:noAutofit/>
          </a:bodyPr>
          <a:lstStyle>
            <a:lvl1pPr algn="ctr">
              <a:defRPr/>
            </a:lvl1pPr>
          </a:lstStyle>
          <a:p>
            <a:endParaRPr lang="da-DK"/>
          </a:p>
        </p:txBody>
      </p:sp>
      <p:sp>
        <p:nvSpPr>
          <p:cNvPr id="8" name="txtSecureMarker1" hidden="1"/>
          <p:cNvSpPr txBox="1"/>
          <p:nvPr userDrawn="1"/>
        </p:nvSpPr>
        <p:spPr>
          <a:xfrm>
            <a:off x="4422961" y="-2"/>
            <a:ext cx="3347686" cy="333377"/>
          </a:xfrm>
          <a:prstGeom prst="rect">
            <a:avLst/>
          </a:prstGeom>
          <a:noFill/>
        </p:spPr>
        <p:txBody>
          <a:bodyPr wrap="square" lIns="103931" tIns="51965" rIns="103931" bIns="51965" rtlCol="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7" name="txtSecureMarker2" hidden="1"/>
          <p:cNvSpPr txBox="1"/>
          <p:nvPr userDrawn="1"/>
        </p:nvSpPr>
        <p:spPr>
          <a:xfrm>
            <a:off x="4422569" y="6483350"/>
            <a:ext cx="3350036" cy="309713"/>
          </a:xfrm>
          <a:prstGeom prst="rect">
            <a:avLst/>
          </a:prstGeom>
          <a:noFill/>
        </p:spPr>
        <p:txBody>
          <a:bodyPr wrap="square" lIns="103931" tIns="51965" rIns="103931" bIns="51965" rtlCol="0" anchor="b" anchorCtr="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plcSectionNumber">
            <a:extLst>
              <a:ext uri="{FF2B5EF4-FFF2-40B4-BE49-F238E27FC236}">
                <a16:creationId xmlns:a16="http://schemas.microsoft.com/office/drawing/2014/main" id="{47767B4C-F17A-4993-A6A0-F72FEEF25576}"/>
              </a:ext>
            </a:extLst>
          </p:cNvPr>
          <p:cNvSpPr>
            <a:spLocks noGrp="1"/>
          </p:cNvSpPr>
          <p:nvPr>
            <p:ph type="body" sz="quarter" idx="23" hasCustomPrompt="1"/>
          </p:nvPr>
        </p:nvSpPr>
        <p:spPr>
          <a:xfrm>
            <a:off x="8175516" y="958467"/>
            <a:ext cx="3488164" cy="2399096"/>
          </a:xfrm>
          <a:prstGeom prst="rect">
            <a:avLst/>
          </a:prstGeom>
          <a:noFill/>
        </p:spPr>
        <p:txBody>
          <a:bodyPr wrap="square" lIns="0" rIns="0" anchor="b">
            <a:noAutofit/>
          </a:bodyPr>
          <a:lstStyle>
            <a:lvl1pPr algn="l">
              <a:spcAft>
                <a:spcPts val="0"/>
              </a:spcAft>
              <a:defRPr sz="11500" b="0">
                <a:solidFill>
                  <a:schemeClr val="accent4"/>
                </a:solidFill>
                <a:latin typeface="+mj-lt"/>
              </a:defRPr>
            </a:lvl1pPr>
            <a:lvl2pPr>
              <a:defRPr sz="2400"/>
            </a:lvl2pPr>
            <a:lvl3pPr>
              <a:defRPr sz="2000"/>
            </a:lvl3pPr>
            <a:lvl4pPr>
              <a:defRPr sz="2000"/>
            </a:lvl4pPr>
            <a:lvl5pPr>
              <a:defRPr sz="2000"/>
            </a:lvl5pPr>
          </a:lstStyle>
          <a:p>
            <a:pPr lvl="0"/>
            <a:r>
              <a:rPr lang="da-DK" dirty="0"/>
              <a:t>##</a:t>
            </a:r>
          </a:p>
        </p:txBody>
      </p:sp>
      <p:sp>
        <p:nvSpPr>
          <p:cNvPr id="13" name="plcSectionTitle">
            <a:extLst>
              <a:ext uri="{FF2B5EF4-FFF2-40B4-BE49-F238E27FC236}">
                <a16:creationId xmlns:a16="http://schemas.microsoft.com/office/drawing/2014/main" id="{6C480170-BD33-49E6-A5E2-0167395303FF}"/>
              </a:ext>
            </a:extLst>
          </p:cNvPr>
          <p:cNvSpPr>
            <a:spLocks noGrp="1"/>
          </p:cNvSpPr>
          <p:nvPr>
            <p:ph type="body" sz="quarter" idx="13" hasCustomPrompt="1"/>
          </p:nvPr>
        </p:nvSpPr>
        <p:spPr>
          <a:xfrm>
            <a:off x="817551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accent1"/>
                </a:solidFill>
              </a:defRPr>
            </a:lvl1pPr>
            <a:lvl2pPr>
              <a:lnSpc>
                <a:spcPct val="100000"/>
              </a:lnSpc>
              <a:spcBef>
                <a:spcPts val="600"/>
              </a:spcBef>
              <a:spcAft>
                <a:spcPts val="0"/>
              </a:spcAft>
              <a:defRPr sz="1800" b="0" cap="none" spc="0">
                <a:solidFill>
                  <a:schemeClr val="accent4"/>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da-DK" dirty="0"/>
              <a:t>Divider </a:t>
            </a:r>
            <a:r>
              <a:rPr lang="da-DK" dirty="0" err="1"/>
              <a:t>title</a:t>
            </a:r>
            <a:r>
              <a:rPr lang="da-DK" dirty="0"/>
              <a:t>  </a:t>
            </a:r>
          </a:p>
          <a:p>
            <a:pPr lvl="1"/>
            <a:r>
              <a:rPr lang="da-DK" dirty="0"/>
              <a:t>Second </a:t>
            </a:r>
            <a:r>
              <a:rPr lang="da-DK" dirty="0" err="1"/>
              <a:t>level</a:t>
            </a:r>
            <a:endParaRPr lang="da-DK" dirty="0"/>
          </a:p>
        </p:txBody>
      </p:sp>
      <p:cxnSp>
        <p:nvCxnSpPr>
          <p:cNvPr id="14" name="Straight Connector 13">
            <a:extLst>
              <a:ext uri="{FF2B5EF4-FFF2-40B4-BE49-F238E27FC236}">
                <a16:creationId xmlns:a16="http://schemas.microsoft.com/office/drawing/2014/main" id="{8F915832-D3F4-408A-804C-D1AB174955EB}"/>
              </a:ext>
            </a:extLst>
          </p:cNvPr>
          <p:cNvCxnSpPr>
            <a:cxnSpLocks/>
          </p:cNvCxnSpPr>
          <p:nvPr userDrawn="1"/>
        </p:nvCxnSpPr>
        <p:spPr>
          <a:xfrm>
            <a:off x="817551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369205132"/>
      </p:ext>
    </p:extLst>
  </p:cSld>
  <p:clrMapOvr>
    <a:masterClrMapping/>
  </p:clrMapOvr>
  <p:transition>
    <p:fade/>
  </p:transition>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Highlights of our work 2x2 - Dark">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6206BFF3-511B-497A-A700-5DA175A85FB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8" name="Straight Connector 17">
            <a:extLst>
              <a:ext uri="{FF2B5EF4-FFF2-40B4-BE49-F238E27FC236}">
                <a16:creationId xmlns:a16="http://schemas.microsoft.com/office/drawing/2014/main" id="{BFD9EBCB-0EAA-4F9C-8604-A88FE78070B1}"/>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2" name="Picture Placeholder 21">
            <a:extLst>
              <a:ext uri="{FF2B5EF4-FFF2-40B4-BE49-F238E27FC236}">
                <a16:creationId xmlns:a16="http://schemas.microsoft.com/office/drawing/2014/main" id="{8BA7F858-7AE4-4041-81AA-1C01085FA915}"/>
              </a:ext>
            </a:extLst>
          </p:cNvPr>
          <p:cNvSpPr>
            <a:spLocks noGrp="1" noChangeAspect="1"/>
          </p:cNvSpPr>
          <p:nvPr>
            <p:ph type="pic" sz="quarter" idx="10" hasCustomPrompt="1"/>
          </p:nvPr>
        </p:nvSpPr>
        <p:spPr>
          <a:xfrm>
            <a:off x="2433309"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6" name="Freeform: Shape 25">
            <a:extLst>
              <a:ext uri="{FF2B5EF4-FFF2-40B4-BE49-F238E27FC236}">
                <a16:creationId xmlns:a16="http://schemas.microsoft.com/office/drawing/2014/main" id="{109E2C94-B674-4752-BAA8-B5ED5E753321}"/>
              </a:ext>
            </a:extLst>
          </p:cNvPr>
          <p:cNvSpPr/>
          <p:nvPr userDrawn="1"/>
        </p:nvSpPr>
        <p:spPr>
          <a:xfrm>
            <a:off x="554355"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27" name="Text Placeholder 48">
            <a:extLst>
              <a:ext uri="{FF2B5EF4-FFF2-40B4-BE49-F238E27FC236}">
                <a16:creationId xmlns:a16="http://schemas.microsoft.com/office/drawing/2014/main" id="{72BE2FA1-7C4C-4B67-BF7C-C268BCCDE729}"/>
              </a:ext>
            </a:extLst>
          </p:cNvPr>
          <p:cNvSpPr>
            <a:spLocks noGrp="1"/>
          </p:cNvSpPr>
          <p:nvPr>
            <p:ph type="body" sz="quarter" idx="11" hasCustomPrompt="1"/>
          </p:nvPr>
        </p:nvSpPr>
        <p:spPr>
          <a:xfrm>
            <a:off x="696589"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6" name="Picture Placeholder 35">
            <a:extLst>
              <a:ext uri="{FF2B5EF4-FFF2-40B4-BE49-F238E27FC236}">
                <a16:creationId xmlns:a16="http://schemas.microsoft.com/office/drawing/2014/main" id="{506E9508-F5EC-4039-9C02-E0452F17FFC0}"/>
              </a:ext>
            </a:extLst>
          </p:cNvPr>
          <p:cNvSpPr>
            <a:spLocks noGrp="1" noChangeAspect="1"/>
          </p:cNvSpPr>
          <p:nvPr>
            <p:ph type="pic" sz="quarter" idx="12" hasCustomPrompt="1"/>
          </p:nvPr>
        </p:nvSpPr>
        <p:spPr>
          <a:xfrm>
            <a:off x="2433309"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37" name="Freeform: Shape 36">
            <a:extLst>
              <a:ext uri="{FF2B5EF4-FFF2-40B4-BE49-F238E27FC236}">
                <a16:creationId xmlns:a16="http://schemas.microsoft.com/office/drawing/2014/main" id="{D73200C3-FD49-4942-ADB7-84E15B94173E}"/>
              </a:ext>
            </a:extLst>
          </p:cNvPr>
          <p:cNvSpPr/>
          <p:nvPr userDrawn="1"/>
        </p:nvSpPr>
        <p:spPr>
          <a:xfrm>
            <a:off x="554355"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8" name="Text Placeholder 48">
            <a:extLst>
              <a:ext uri="{FF2B5EF4-FFF2-40B4-BE49-F238E27FC236}">
                <a16:creationId xmlns:a16="http://schemas.microsoft.com/office/drawing/2014/main" id="{07EE5A08-8151-44B5-8987-2CBF278A2F65}"/>
              </a:ext>
            </a:extLst>
          </p:cNvPr>
          <p:cNvSpPr>
            <a:spLocks noGrp="1"/>
          </p:cNvSpPr>
          <p:nvPr>
            <p:ph type="body" sz="quarter" idx="13" hasCustomPrompt="1"/>
          </p:nvPr>
        </p:nvSpPr>
        <p:spPr>
          <a:xfrm>
            <a:off x="696589"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9" name="Picture Placeholder 38">
            <a:extLst>
              <a:ext uri="{FF2B5EF4-FFF2-40B4-BE49-F238E27FC236}">
                <a16:creationId xmlns:a16="http://schemas.microsoft.com/office/drawing/2014/main" id="{D6F71873-3F6D-4680-A325-A9B49299475C}"/>
              </a:ext>
            </a:extLst>
          </p:cNvPr>
          <p:cNvSpPr>
            <a:spLocks noGrp="1" noChangeAspect="1"/>
          </p:cNvSpPr>
          <p:nvPr>
            <p:ph type="pic" sz="quarter" idx="14" hasCustomPrompt="1"/>
          </p:nvPr>
        </p:nvSpPr>
        <p:spPr>
          <a:xfrm>
            <a:off x="8049884"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0" name="Freeform: Shape 39">
            <a:extLst>
              <a:ext uri="{FF2B5EF4-FFF2-40B4-BE49-F238E27FC236}">
                <a16:creationId xmlns:a16="http://schemas.microsoft.com/office/drawing/2014/main" id="{0B74991D-5211-43D8-9EBF-6AAC3BDEDB3F}"/>
              </a:ext>
            </a:extLst>
          </p:cNvPr>
          <p:cNvSpPr/>
          <p:nvPr userDrawn="1"/>
        </p:nvSpPr>
        <p:spPr>
          <a:xfrm>
            <a:off x="6170930"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1" name="Text Placeholder 48">
            <a:extLst>
              <a:ext uri="{FF2B5EF4-FFF2-40B4-BE49-F238E27FC236}">
                <a16:creationId xmlns:a16="http://schemas.microsoft.com/office/drawing/2014/main" id="{5D6275F9-70E6-4A32-9E06-AC04258D95E6}"/>
              </a:ext>
            </a:extLst>
          </p:cNvPr>
          <p:cNvSpPr>
            <a:spLocks noGrp="1"/>
          </p:cNvSpPr>
          <p:nvPr>
            <p:ph type="body" sz="quarter" idx="15" hasCustomPrompt="1"/>
          </p:nvPr>
        </p:nvSpPr>
        <p:spPr>
          <a:xfrm>
            <a:off x="6313164"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2" name="Picture Placeholder 41">
            <a:extLst>
              <a:ext uri="{FF2B5EF4-FFF2-40B4-BE49-F238E27FC236}">
                <a16:creationId xmlns:a16="http://schemas.microsoft.com/office/drawing/2014/main" id="{A25AE47A-A81D-4750-BDD7-86F587DB4A29}"/>
              </a:ext>
            </a:extLst>
          </p:cNvPr>
          <p:cNvSpPr>
            <a:spLocks noGrp="1" noChangeAspect="1"/>
          </p:cNvSpPr>
          <p:nvPr>
            <p:ph type="pic" sz="quarter" idx="16" hasCustomPrompt="1"/>
          </p:nvPr>
        </p:nvSpPr>
        <p:spPr>
          <a:xfrm>
            <a:off x="8049884"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3" name="Freeform: Shape 42">
            <a:extLst>
              <a:ext uri="{FF2B5EF4-FFF2-40B4-BE49-F238E27FC236}">
                <a16:creationId xmlns:a16="http://schemas.microsoft.com/office/drawing/2014/main" id="{BD738F05-1D01-4571-8498-1362582D0202}"/>
              </a:ext>
            </a:extLst>
          </p:cNvPr>
          <p:cNvSpPr/>
          <p:nvPr userDrawn="1"/>
        </p:nvSpPr>
        <p:spPr>
          <a:xfrm>
            <a:off x="6170930"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4" name="Text Placeholder 48">
            <a:extLst>
              <a:ext uri="{FF2B5EF4-FFF2-40B4-BE49-F238E27FC236}">
                <a16:creationId xmlns:a16="http://schemas.microsoft.com/office/drawing/2014/main" id="{43B5CD61-0250-4B2D-AC21-8A4258DA97C3}"/>
              </a:ext>
            </a:extLst>
          </p:cNvPr>
          <p:cNvSpPr>
            <a:spLocks noGrp="1"/>
          </p:cNvSpPr>
          <p:nvPr>
            <p:ph type="body" sz="quarter" idx="17" hasCustomPrompt="1"/>
          </p:nvPr>
        </p:nvSpPr>
        <p:spPr>
          <a:xfrm>
            <a:off x="6313164"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Tree>
    <p:extLst>
      <p:ext uri="{BB962C8B-B14F-4D97-AF65-F5344CB8AC3E}">
        <p14:creationId xmlns:p14="http://schemas.microsoft.com/office/powerpoint/2010/main" val="4014793041"/>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Highlights of our work 3x2">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179AC41B-EF54-4BA2-B71C-8094D37FDA9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8" name="Straight Connector 17">
            <a:extLst>
              <a:ext uri="{FF2B5EF4-FFF2-40B4-BE49-F238E27FC236}">
                <a16:creationId xmlns:a16="http://schemas.microsoft.com/office/drawing/2014/main" id="{1C3DE315-6EFA-440C-BDEE-FC4E76D6B5D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50" name="Freeform: Shape 49">
            <a:extLst>
              <a:ext uri="{FF2B5EF4-FFF2-40B4-BE49-F238E27FC236}">
                <a16:creationId xmlns:a16="http://schemas.microsoft.com/office/drawing/2014/main" id="{5C594562-12BB-4690-B5A6-C9E84F779AEC}"/>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2" name="Text Placeholder 48">
            <a:extLst>
              <a:ext uri="{FF2B5EF4-FFF2-40B4-BE49-F238E27FC236}">
                <a16:creationId xmlns:a16="http://schemas.microsoft.com/office/drawing/2014/main" id="{B3E3884F-770C-470B-8D26-8C6B2799B4CD}"/>
              </a:ext>
            </a:extLst>
          </p:cNvPr>
          <p:cNvSpPr>
            <a:spLocks noGrp="1"/>
          </p:cNvSpPr>
          <p:nvPr>
            <p:ph type="body" sz="quarter" idx="11" hasCustomPrompt="1"/>
          </p:nvPr>
        </p:nvSpPr>
        <p:spPr>
          <a:xfrm>
            <a:off x="696590"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3" name="Freeform: Shape 52">
            <a:extLst>
              <a:ext uri="{FF2B5EF4-FFF2-40B4-BE49-F238E27FC236}">
                <a16:creationId xmlns:a16="http://schemas.microsoft.com/office/drawing/2014/main" id="{E70F2418-B818-4714-A303-ED0BA33B0198}"/>
              </a:ext>
            </a:extLst>
          </p:cNvPr>
          <p:cNvSpPr/>
          <p:nvPr userDrawn="1"/>
        </p:nvSpPr>
        <p:spPr>
          <a:xfrm>
            <a:off x="429926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5" name="Text Placeholder 48">
            <a:extLst>
              <a:ext uri="{FF2B5EF4-FFF2-40B4-BE49-F238E27FC236}">
                <a16:creationId xmlns:a16="http://schemas.microsoft.com/office/drawing/2014/main" id="{FBBBD63F-776D-4BEC-9F0A-5BD1FF1EA9B2}"/>
              </a:ext>
            </a:extLst>
          </p:cNvPr>
          <p:cNvSpPr>
            <a:spLocks noGrp="1"/>
          </p:cNvSpPr>
          <p:nvPr>
            <p:ph type="body" sz="quarter" idx="13" hasCustomPrompt="1"/>
          </p:nvPr>
        </p:nvSpPr>
        <p:spPr>
          <a:xfrm>
            <a:off x="4441502"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6" name="Freeform: Shape 55">
            <a:extLst>
              <a:ext uri="{FF2B5EF4-FFF2-40B4-BE49-F238E27FC236}">
                <a16:creationId xmlns:a16="http://schemas.microsoft.com/office/drawing/2014/main" id="{A24BCF58-6B91-4B5D-8652-43913F594141}"/>
              </a:ext>
            </a:extLst>
          </p:cNvPr>
          <p:cNvSpPr/>
          <p:nvPr userDrawn="1"/>
        </p:nvSpPr>
        <p:spPr>
          <a:xfrm>
            <a:off x="8042592"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8" name="Text Placeholder 48">
            <a:extLst>
              <a:ext uri="{FF2B5EF4-FFF2-40B4-BE49-F238E27FC236}">
                <a16:creationId xmlns:a16="http://schemas.microsoft.com/office/drawing/2014/main" id="{1CE496AA-A0DA-4BFC-BD90-13E6958D08E0}"/>
              </a:ext>
            </a:extLst>
          </p:cNvPr>
          <p:cNvSpPr>
            <a:spLocks noGrp="1"/>
          </p:cNvSpPr>
          <p:nvPr>
            <p:ph type="body" sz="quarter" idx="15" hasCustomPrompt="1"/>
          </p:nvPr>
        </p:nvSpPr>
        <p:spPr>
          <a:xfrm>
            <a:off x="8184827"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1" name="Picture Placeholder 60">
            <a:extLst>
              <a:ext uri="{FF2B5EF4-FFF2-40B4-BE49-F238E27FC236}">
                <a16:creationId xmlns:a16="http://schemas.microsoft.com/office/drawing/2014/main" id="{0CD398D6-8FEB-4682-A66E-F4A82060B948}"/>
              </a:ext>
            </a:extLst>
          </p:cNvPr>
          <p:cNvSpPr>
            <a:spLocks noGrp="1" noChangeAspect="1"/>
          </p:cNvSpPr>
          <p:nvPr>
            <p:ph type="pic" sz="quarter" idx="17" hasCustomPrompt="1"/>
          </p:nvPr>
        </p:nvSpPr>
        <p:spPr>
          <a:xfrm>
            <a:off x="2281237"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2" name="Picture Placeholder 61">
            <a:extLst>
              <a:ext uri="{FF2B5EF4-FFF2-40B4-BE49-F238E27FC236}">
                <a16:creationId xmlns:a16="http://schemas.microsoft.com/office/drawing/2014/main" id="{34BD673D-057B-46EC-8687-13FD9A8D0842}"/>
              </a:ext>
            </a:extLst>
          </p:cNvPr>
          <p:cNvSpPr>
            <a:spLocks noGrp="1" noChangeAspect="1"/>
          </p:cNvSpPr>
          <p:nvPr>
            <p:ph type="pic" sz="quarter" idx="18" hasCustomPrompt="1"/>
          </p:nvPr>
        </p:nvSpPr>
        <p:spPr>
          <a:xfrm>
            <a:off x="6022019"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3" name="Picture Placeholder 62">
            <a:extLst>
              <a:ext uri="{FF2B5EF4-FFF2-40B4-BE49-F238E27FC236}">
                <a16:creationId xmlns:a16="http://schemas.microsoft.com/office/drawing/2014/main" id="{C7B7B8C1-5170-4AFD-9E07-DADDEDBA5314}"/>
              </a:ext>
            </a:extLst>
          </p:cNvPr>
          <p:cNvSpPr>
            <a:spLocks noGrp="1" noChangeAspect="1"/>
          </p:cNvSpPr>
          <p:nvPr>
            <p:ph type="pic" sz="quarter" idx="19" hasCustomPrompt="1"/>
          </p:nvPr>
        </p:nvSpPr>
        <p:spPr>
          <a:xfrm>
            <a:off x="9773285"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4" name="Freeform: Shape 63">
            <a:extLst>
              <a:ext uri="{FF2B5EF4-FFF2-40B4-BE49-F238E27FC236}">
                <a16:creationId xmlns:a16="http://schemas.microsoft.com/office/drawing/2014/main" id="{7FFB90EE-5B78-4382-B16A-59B6BFC51FEB}"/>
              </a:ext>
            </a:extLst>
          </p:cNvPr>
          <p:cNvSpPr/>
          <p:nvPr userDrawn="1"/>
        </p:nvSpPr>
        <p:spPr>
          <a:xfrm>
            <a:off x="554355"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5" name="Text Placeholder 48">
            <a:extLst>
              <a:ext uri="{FF2B5EF4-FFF2-40B4-BE49-F238E27FC236}">
                <a16:creationId xmlns:a16="http://schemas.microsoft.com/office/drawing/2014/main" id="{290D9629-AF39-45C0-A821-DDA3778B2A3B}"/>
              </a:ext>
            </a:extLst>
          </p:cNvPr>
          <p:cNvSpPr>
            <a:spLocks noGrp="1"/>
          </p:cNvSpPr>
          <p:nvPr>
            <p:ph type="body" sz="quarter" idx="20" hasCustomPrompt="1"/>
          </p:nvPr>
        </p:nvSpPr>
        <p:spPr>
          <a:xfrm>
            <a:off x="696590"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6" name="Freeform: Shape 65">
            <a:extLst>
              <a:ext uri="{FF2B5EF4-FFF2-40B4-BE49-F238E27FC236}">
                <a16:creationId xmlns:a16="http://schemas.microsoft.com/office/drawing/2014/main" id="{6A05FFF8-7B8D-49A2-84A6-E22E4FE6732F}"/>
              </a:ext>
            </a:extLst>
          </p:cNvPr>
          <p:cNvSpPr/>
          <p:nvPr userDrawn="1"/>
        </p:nvSpPr>
        <p:spPr>
          <a:xfrm>
            <a:off x="4299267"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7" name="Text Placeholder 48">
            <a:extLst>
              <a:ext uri="{FF2B5EF4-FFF2-40B4-BE49-F238E27FC236}">
                <a16:creationId xmlns:a16="http://schemas.microsoft.com/office/drawing/2014/main" id="{16190777-7397-408B-9A92-BEF01A894F95}"/>
              </a:ext>
            </a:extLst>
          </p:cNvPr>
          <p:cNvSpPr>
            <a:spLocks noGrp="1"/>
          </p:cNvSpPr>
          <p:nvPr>
            <p:ph type="body" sz="quarter" idx="21" hasCustomPrompt="1"/>
          </p:nvPr>
        </p:nvSpPr>
        <p:spPr>
          <a:xfrm>
            <a:off x="4441502"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8" name="Freeform: Shape 67">
            <a:extLst>
              <a:ext uri="{FF2B5EF4-FFF2-40B4-BE49-F238E27FC236}">
                <a16:creationId xmlns:a16="http://schemas.microsoft.com/office/drawing/2014/main" id="{970CD49B-57D6-40A7-8EBF-5FBF16916BC4}"/>
              </a:ext>
            </a:extLst>
          </p:cNvPr>
          <p:cNvSpPr/>
          <p:nvPr userDrawn="1"/>
        </p:nvSpPr>
        <p:spPr>
          <a:xfrm>
            <a:off x="8042592"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9" name="Text Placeholder 48">
            <a:extLst>
              <a:ext uri="{FF2B5EF4-FFF2-40B4-BE49-F238E27FC236}">
                <a16:creationId xmlns:a16="http://schemas.microsoft.com/office/drawing/2014/main" id="{45FCEF01-675C-4940-8F0B-1E7835624645}"/>
              </a:ext>
            </a:extLst>
          </p:cNvPr>
          <p:cNvSpPr>
            <a:spLocks noGrp="1"/>
          </p:cNvSpPr>
          <p:nvPr>
            <p:ph type="body" sz="quarter" idx="22" hasCustomPrompt="1"/>
          </p:nvPr>
        </p:nvSpPr>
        <p:spPr>
          <a:xfrm>
            <a:off x="8184827"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0" name="Picture Placeholder 69">
            <a:extLst>
              <a:ext uri="{FF2B5EF4-FFF2-40B4-BE49-F238E27FC236}">
                <a16:creationId xmlns:a16="http://schemas.microsoft.com/office/drawing/2014/main" id="{FC3A66DB-C02F-4A5B-B68A-2026CAED5C5A}"/>
              </a:ext>
            </a:extLst>
          </p:cNvPr>
          <p:cNvSpPr>
            <a:spLocks noGrp="1" noChangeAspect="1"/>
          </p:cNvSpPr>
          <p:nvPr>
            <p:ph type="pic" sz="quarter" idx="23" hasCustomPrompt="1"/>
          </p:nvPr>
        </p:nvSpPr>
        <p:spPr>
          <a:xfrm>
            <a:off x="2281237"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71" name="Picture Placeholder 70">
            <a:extLst>
              <a:ext uri="{FF2B5EF4-FFF2-40B4-BE49-F238E27FC236}">
                <a16:creationId xmlns:a16="http://schemas.microsoft.com/office/drawing/2014/main" id="{4E2E4E18-39A2-4C3D-B763-5952500F6C20}"/>
              </a:ext>
            </a:extLst>
          </p:cNvPr>
          <p:cNvSpPr>
            <a:spLocks noGrp="1" noChangeAspect="1"/>
          </p:cNvSpPr>
          <p:nvPr>
            <p:ph type="pic" sz="quarter" idx="24" hasCustomPrompt="1"/>
          </p:nvPr>
        </p:nvSpPr>
        <p:spPr>
          <a:xfrm>
            <a:off x="6022019"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72" name="Picture Placeholder 71">
            <a:extLst>
              <a:ext uri="{FF2B5EF4-FFF2-40B4-BE49-F238E27FC236}">
                <a16:creationId xmlns:a16="http://schemas.microsoft.com/office/drawing/2014/main" id="{D75FC110-3F5C-4ADE-AF97-C24EE4B5B63D}"/>
              </a:ext>
            </a:extLst>
          </p:cNvPr>
          <p:cNvSpPr>
            <a:spLocks noGrp="1" noChangeAspect="1"/>
          </p:cNvSpPr>
          <p:nvPr>
            <p:ph type="pic" sz="quarter" idx="25" hasCustomPrompt="1"/>
          </p:nvPr>
        </p:nvSpPr>
        <p:spPr>
          <a:xfrm>
            <a:off x="9773285"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2986062009"/>
      </p:ext>
    </p:extLst>
  </p:cSld>
  <p:clrMapOvr>
    <a:masterClrMapping/>
  </p:clrMapOvr>
  <p:transition>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Highlights of our work 3x2 - Dark">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179AC41B-EF54-4BA2-B71C-8094D37FDA9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8" name="Straight Connector 17">
            <a:extLst>
              <a:ext uri="{FF2B5EF4-FFF2-40B4-BE49-F238E27FC236}">
                <a16:creationId xmlns:a16="http://schemas.microsoft.com/office/drawing/2014/main" id="{1C3DE315-6EFA-440C-BDEE-FC4E76D6B5D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50" name="Freeform: Shape 49">
            <a:extLst>
              <a:ext uri="{FF2B5EF4-FFF2-40B4-BE49-F238E27FC236}">
                <a16:creationId xmlns:a16="http://schemas.microsoft.com/office/drawing/2014/main" id="{5C594562-12BB-4690-B5A6-C9E84F779AEC}"/>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2" name="Text Placeholder 48">
            <a:extLst>
              <a:ext uri="{FF2B5EF4-FFF2-40B4-BE49-F238E27FC236}">
                <a16:creationId xmlns:a16="http://schemas.microsoft.com/office/drawing/2014/main" id="{B3E3884F-770C-470B-8D26-8C6B2799B4CD}"/>
              </a:ext>
            </a:extLst>
          </p:cNvPr>
          <p:cNvSpPr>
            <a:spLocks noGrp="1"/>
          </p:cNvSpPr>
          <p:nvPr>
            <p:ph type="body" sz="quarter" idx="11" hasCustomPrompt="1"/>
          </p:nvPr>
        </p:nvSpPr>
        <p:spPr>
          <a:xfrm>
            <a:off x="696590"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3" name="Freeform: Shape 52">
            <a:extLst>
              <a:ext uri="{FF2B5EF4-FFF2-40B4-BE49-F238E27FC236}">
                <a16:creationId xmlns:a16="http://schemas.microsoft.com/office/drawing/2014/main" id="{E70F2418-B818-4714-A303-ED0BA33B0198}"/>
              </a:ext>
            </a:extLst>
          </p:cNvPr>
          <p:cNvSpPr/>
          <p:nvPr userDrawn="1"/>
        </p:nvSpPr>
        <p:spPr>
          <a:xfrm>
            <a:off x="429926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5" name="Text Placeholder 48">
            <a:extLst>
              <a:ext uri="{FF2B5EF4-FFF2-40B4-BE49-F238E27FC236}">
                <a16:creationId xmlns:a16="http://schemas.microsoft.com/office/drawing/2014/main" id="{FBBBD63F-776D-4BEC-9F0A-5BD1FF1EA9B2}"/>
              </a:ext>
            </a:extLst>
          </p:cNvPr>
          <p:cNvSpPr>
            <a:spLocks noGrp="1"/>
          </p:cNvSpPr>
          <p:nvPr>
            <p:ph type="body" sz="quarter" idx="13" hasCustomPrompt="1"/>
          </p:nvPr>
        </p:nvSpPr>
        <p:spPr>
          <a:xfrm>
            <a:off x="4441502"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6" name="Freeform: Shape 55">
            <a:extLst>
              <a:ext uri="{FF2B5EF4-FFF2-40B4-BE49-F238E27FC236}">
                <a16:creationId xmlns:a16="http://schemas.microsoft.com/office/drawing/2014/main" id="{A24BCF58-6B91-4B5D-8652-43913F594141}"/>
              </a:ext>
            </a:extLst>
          </p:cNvPr>
          <p:cNvSpPr/>
          <p:nvPr userDrawn="1"/>
        </p:nvSpPr>
        <p:spPr>
          <a:xfrm>
            <a:off x="8042592"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8" name="Text Placeholder 48">
            <a:extLst>
              <a:ext uri="{FF2B5EF4-FFF2-40B4-BE49-F238E27FC236}">
                <a16:creationId xmlns:a16="http://schemas.microsoft.com/office/drawing/2014/main" id="{1CE496AA-A0DA-4BFC-BD90-13E6958D08E0}"/>
              </a:ext>
            </a:extLst>
          </p:cNvPr>
          <p:cNvSpPr>
            <a:spLocks noGrp="1"/>
          </p:cNvSpPr>
          <p:nvPr>
            <p:ph type="body" sz="quarter" idx="15" hasCustomPrompt="1"/>
          </p:nvPr>
        </p:nvSpPr>
        <p:spPr>
          <a:xfrm>
            <a:off x="8184827"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1" name="Picture Placeholder 60">
            <a:extLst>
              <a:ext uri="{FF2B5EF4-FFF2-40B4-BE49-F238E27FC236}">
                <a16:creationId xmlns:a16="http://schemas.microsoft.com/office/drawing/2014/main" id="{0CD398D6-8FEB-4682-A66E-F4A82060B948}"/>
              </a:ext>
            </a:extLst>
          </p:cNvPr>
          <p:cNvSpPr>
            <a:spLocks noGrp="1" noChangeAspect="1"/>
          </p:cNvSpPr>
          <p:nvPr>
            <p:ph type="pic" sz="quarter" idx="17" hasCustomPrompt="1"/>
          </p:nvPr>
        </p:nvSpPr>
        <p:spPr>
          <a:xfrm>
            <a:off x="2281237"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2" name="Picture Placeholder 61">
            <a:extLst>
              <a:ext uri="{FF2B5EF4-FFF2-40B4-BE49-F238E27FC236}">
                <a16:creationId xmlns:a16="http://schemas.microsoft.com/office/drawing/2014/main" id="{34BD673D-057B-46EC-8687-13FD9A8D0842}"/>
              </a:ext>
            </a:extLst>
          </p:cNvPr>
          <p:cNvSpPr>
            <a:spLocks noGrp="1" noChangeAspect="1"/>
          </p:cNvSpPr>
          <p:nvPr>
            <p:ph type="pic" sz="quarter" idx="18" hasCustomPrompt="1"/>
          </p:nvPr>
        </p:nvSpPr>
        <p:spPr>
          <a:xfrm>
            <a:off x="6022019"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3" name="Picture Placeholder 62">
            <a:extLst>
              <a:ext uri="{FF2B5EF4-FFF2-40B4-BE49-F238E27FC236}">
                <a16:creationId xmlns:a16="http://schemas.microsoft.com/office/drawing/2014/main" id="{C7B7B8C1-5170-4AFD-9E07-DADDEDBA5314}"/>
              </a:ext>
            </a:extLst>
          </p:cNvPr>
          <p:cNvSpPr>
            <a:spLocks noGrp="1" noChangeAspect="1"/>
          </p:cNvSpPr>
          <p:nvPr>
            <p:ph type="pic" sz="quarter" idx="19" hasCustomPrompt="1"/>
          </p:nvPr>
        </p:nvSpPr>
        <p:spPr>
          <a:xfrm>
            <a:off x="9773285"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64" name="Freeform: Shape 63">
            <a:extLst>
              <a:ext uri="{FF2B5EF4-FFF2-40B4-BE49-F238E27FC236}">
                <a16:creationId xmlns:a16="http://schemas.microsoft.com/office/drawing/2014/main" id="{7FFB90EE-5B78-4382-B16A-59B6BFC51FEB}"/>
              </a:ext>
            </a:extLst>
          </p:cNvPr>
          <p:cNvSpPr/>
          <p:nvPr userDrawn="1"/>
        </p:nvSpPr>
        <p:spPr>
          <a:xfrm>
            <a:off x="554355"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5" name="Text Placeholder 48">
            <a:extLst>
              <a:ext uri="{FF2B5EF4-FFF2-40B4-BE49-F238E27FC236}">
                <a16:creationId xmlns:a16="http://schemas.microsoft.com/office/drawing/2014/main" id="{290D9629-AF39-45C0-A821-DDA3778B2A3B}"/>
              </a:ext>
            </a:extLst>
          </p:cNvPr>
          <p:cNvSpPr>
            <a:spLocks noGrp="1"/>
          </p:cNvSpPr>
          <p:nvPr>
            <p:ph type="body" sz="quarter" idx="20" hasCustomPrompt="1"/>
          </p:nvPr>
        </p:nvSpPr>
        <p:spPr>
          <a:xfrm>
            <a:off x="696590"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6" name="Freeform: Shape 65">
            <a:extLst>
              <a:ext uri="{FF2B5EF4-FFF2-40B4-BE49-F238E27FC236}">
                <a16:creationId xmlns:a16="http://schemas.microsoft.com/office/drawing/2014/main" id="{6A05FFF8-7B8D-49A2-84A6-E22E4FE6732F}"/>
              </a:ext>
            </a:extLst>
          </p:cNvPr>
          <p:cNvSpPr/>
          <p:nvPr userDrawn="1"/>
        </p:nvSpPr>
        <p:spPr>
          <a:xfrm>
            <a:off x="4299267"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7" name="Text Placeholder 48">
            <a:extLst>
              <a:ext uri="{FF2B5EF4-FFF2-40B4-BE49-F238E27FC236}">
                <a16:creationId xmlns:a16="http://schemas.microsoft.com/office/drawing/2014/main" id="{16190777-7397-408B-9A92-BEF01A894F95}"/>
              </a:ext>
            </a:extLst>
          </p:cNvPr>
          <p:cNvSpPr>
            <a:spLocks noGrp="1"/>
          </p:cNvSpPr>
          <p:nvPr>
            <p:ph type="body" sz="quarter" idx="21" hasCustomPrompt="1"/>
          </p:nvPr>
        </p:nvSpPr>
        <p:spPr>
          <a:xfrm>
            <a:off x="4441502"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8" name="Freeform: Shape 67">
            <a:extLst>
              <a:ext uri="{FF2B5EF4-FFF2-40B4-BE49-F238E27FC236}">
                <a16:creationId xmlns:a16="http://schemas.microsoft.com/office/drawing/2014/main" id="{970CD49B-57D6-40A7-8EBF-5FBF16916BC4}"/>
              </a:ext>
            </a:extLst>
          </p:cNvPr>
          <p:cNvSpPr/>
          <p:nvPr userDrawn="1"/>
        </p:nvSpPr>
        <p:spPr>
          <a:xfrm>
            <a:off x="8042592"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9" name="Text Placeholder 48">
            <a:extLst>
              <a:ext uri="{FF2B5EF4-FFF2-40B4-BE49-F238E27FC236}">
                <a16:creationId xmlns:a16="http://schemas.microsoft.com/office/drawing/2014/main" id="{45FCEF01-675C-4940-8F0B-1E7835624645}"/>
              </a:ext>
            </a:extLst>
          </p:cNvPr>
          <p:cNvSpPr>
            <a:spLocks noGrp="1"/>
          </p:cNvSpPr>
          <p:nvPr>
            <p:ph type="body" sz="quarter" idx="22" hasCustomPrompt="1"/>
          </p:nvPr>
        </p:nvSpPr>
        <p:spPr>
          <a:xfrm>
            <a:off x="8184827"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0" name="Picture Placeholder 69">
            <a:extLst>
              <a:ext uri="{FF2B5EF4-FFF2-40B4-BE49-F238E27FC236}">
                <a16:creationId xmlns:a16="http://schemas.microsoft.com/office/drawing/2014/main" id="{FC3A66DB-C02F-4A5B-B68A-2026CAED5C5A}"/>
              </a:ext>
            </a:extLst>
          </p:cNvPr>
          <p:cNvSpPr>
            <a:spLocks noGrp="1" noChangeAspect="1"/>
          </p:cNvSpPr>
          <p:nvPr>
            <p:ph type="pic" sz="quarter" idx="23" hasCustomPrompt="1"/>
          </p:nvPr>
        </p:nvSpPr>
        <p:spPr>
          <a:xfrm>
            <a:off x="2281237"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71" name="Picture Placeholder 70">
            <a:extLst>
              <a:ext uri="{FF2B5EF4-FFF2-40B4-BE49-F238E27FC236}">
                <a16:creationId xmlns:a16="http://schemas.microsoft.com/office/drawing/2014/main" id="{4E2E4E18-39A2-4C3D-B763-5952500F6C20}"/>
              </a:ext>
            </a:extLst>
          </p:cNvPr>
          <p:cNvSpPr>
            <a:spLocks noGrp="1" noChangeAspect="1"/>
          </p:cNvSpPr>
          <p:nvPr>
            <p:ph type="pic" sz="quarter" idx="24" hasCustomPrompt="1"/>
          </p:nvPr>
        </p:nvSpPr>
        <p:spPr>
          <a:xfrm>
            <a:off x="6022019"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72" name="Picture Placeholder 71">
            <a:extLst>
              <a:ext uri="{FF2B5EF4-FFF2-40B4-BE49-F238E27FC236}">
                <a16:creationId xmlns:a16="http://schemas.microsoft.com/office/drawing/2014/main" id="{D75FC110-3F5C-4ADE-AF97-C24EE4B5B63D}"/>
              </a:ext>
            </a:extLst>
          </p:cNvPr>
          <p:cNvSpPr>
            <a:spLocks noGrp="1" noChangeAspect="1"/>
          </p:cNvSpPr>
          <p:nvPr>
            <p:ph type="pic" sz="quarter" idx="25" hasCustomPrompt="1"/>
          </p:nvPr>
        </p:nvSpPr>
        <p:spPr>
          <a:xfrm>
            <a:off x="9773285"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2210819444"/>
      </p:ext>
    </p:extLst>
  </p:cSld>
  <p:clrMapOvr>
    <a:masterClrMapping/>
  </p:clrMapOvr>
  <p:transition>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Highlights of our work 4x2">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032F8D8D-BCFD-47C1-9BB6-C2FF2AD28002}"/>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6" name="Picture Placeholder 85">
            <a:extLst>
              <a:ext uri="{FF2B5EF4-FFF2-40B4-BE49-F238E27FC236}">
                <a16:creationId xmlns:a16="http://schemas.microsoft.com/office/drawing/2014/main" id="{94F5AF70-4DF4-441B-A168-E03D2F746370}"/>
              </a:ext>
            </a:extLst>
          </p:cNvPr>
          <p:cNvSpPr>
            <a:spLocks noGrp="1" noChangeAspect="1"/>
          </p:cNvSpPr>
          <p:nvPr>
            <p:ph type="pic" sz="quarter" idx="10" hasCustomPrompt="1"/>
          </p:nvPr>
        </p:nvSpPr>
        <p:spPr>
          <a:xfrm>
            <a:off x="200082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Text Placeholder 48">
            <a:extLst>
              <a:ext uri="{FF2B5EF4-FFF2-40B4-BE49-F238E27FC236}">
                <a16:creationId xmlns:a16="http://schemas.microsoft.com/office/drawing/2014/main" id="{38BA50E9-3C9E-4EA4-832D-18B54C668465}"/>
              </a:ext>
            </a:extLst>
          </p:cNvPr>
          <p:cNvSpPr>
            <a:spLocks noGrp="1"/>
          </p:cNvSpPr>
          <p:nvPr>
            <p:ph type="body" sz="quarter" idx="11" hasCustomPrompt="1"/>
          </p:nvPr>
        </p:nvSpPr>
        <p:spPr>
          <a:xfrm>
            <a:off x="69659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8" name="Freeform: Shape 37">
            <a:extLst>
              <a:ext uri="{FF2B5EF4-FFF2-40B4-BE49-F238E27FC236}">
                <a16:creationId xmlns:a16="http://schemas.microsoft.com/office/drawing/2014/main" id="{D21A8208-BC97-4284-8860-068079C5BF53}"/>
              </a:ext>
            </a:extLst>
          </p:cNvPr>
          <p:cNvSpPr/>
          <p:nvPr userDrawn="1"/>
        </p:nvSpPr>
        <p:spPr>
          <a:xfrm>
            <a:off x="3369933"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7" name="Picture Placeholder 86">
            <a:extLst>
              <a:ext uri="{FF2B5EF4-FFF2-40B4-BE49-F238E27FC236}">
                <a16:creationId xmlns:a16="http://schemas.microsoft.com/office/drawing/2014/main" id="{824F529F-34DE-402C-810F-C88ED957D1AC}"/>
              </a:ext>
            </a:extLst>
          </p:cNvPr>
          <p:cNvSpPr>
            <a:spLocks noGrp="1" noChangeAspect="1"/>
          </p:cNvSpPr>
          <p:nvPr>
            <p:ph type="pic" sz="quarter" idx="12" hasCustomPrompt="1"/>
          </p:nvPr>
        </p:nvSpPr>
        <p:spPr>
          <a:xfrm>
            <a:off x="4816400"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0" name="Text Placeholder 48">
            <a:extLst>
              <a:ext uri="{FF2B5EF4-FFF2-40B4-BE49-F238E27FC236}">
                <a16:creationId xmlns:a16="http://schemas.microsoft.com/office/drawing/2014/main" id="{E6C0F9A8-7838-4D67-AEF2-80AABBF2B748}"/>
              </a:ext>
            </a:extLst>
          </p:cNvPr>
          <p:cNvSpPr>
            <a:spLocks noGrp="1"/>
          </p:cNvSpPr>
          <p:nvPr>
            <p:ph type="body" sz="quarter" idx="13" hasCustomPrompt="1"/>
          </p:nvPr>
        </p:nvSpPr>
        <p:spPr>
          <a:xfrm>
            <a:off x="3512168"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1" name="Freeform: Shape 40">
            <a:extLst>
              <a:ext uri="{FF2B5EF4-FFF2-40B4-BE49-F238E27FC236}">
                <a16:creationId xmlns:a16="http://schemas.microsoft.com/office/drawing/2014/main" id="{42974F72-B661-4291-AAD7-B8CC573D5A2F}"/>
              </a:ext>
            </a:extLst>
          </p:cNvPr>
          <p:cNvSpPr/>
          <p:nvPr userDrawn="1"/>
        </p:nvSpPr>
        <p:spPr>
          <a:xfrm>
            <a:off x="616173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3" name="Text Placeholder 48">
            <a:extLst>
              <a:ext uri="{FF2B5EF4-FFF2-40B4-BE49-F238E27FC236}">
                <a16:creationId xmlns:a16="http://schemas.microsoft.com/office/drawing/2014/main" id="{4FDFC470-AE34-40A8-8946-2A83DD938A40}"/>
              </a:ext>
            </a:extLst>
          </p:cNvPr>
          <p:cNvSpPr>
            <a:spLocks noGrp="1"/>
          </p:cNvSpPr>
          <p:nvPr>
            <p:ph type="body" sz="quarter" idx="15" hasCustomPrompt="1"/>
          </p:nvPr>
        </p:nvSpPr>
        <p:spPr>
          <a:xfrm>
            <a:off x="630397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4" name="Freeform: Shape 43">
            <a:extLst>
              <a:ext uri="{FF2B5EF4-FFF2-40B4-BE49-F238E27FC236}">
                <a16:creationId xmlns:a16="http://schemas.microsoft.com/office/drawing/2014/main" id="{36EA0BB4-DC47-41B3-80D8-1EF78BE0A89F}"/>
              </a:ext>
            </a:extLst>
          </p:cNvPr>
          <p:cNvSpPr/>
          <p:nvPr userDrawn="1"/>
        </p:nvSpPr>
        <p:spPr>
          <a:xfrm>
            <a:off x="897921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6" name="Text Placeholder 48">
            <a:extLst>
              <a:ext uri="{FF2B5EF4-FFF2-40B4-BE49-F238E27FC236}">
                <a16:creationId xmlns:a16="http://schemas.microsoft.com/office/drawing/2014/main" id="{80446F8B-73BE-49E5-88C9-574D72493D8C}"/>
              </a:ext>
            </a:extLst>
          </p:cNvPr>
          <p:cNvSpPr>
            <a:spLocks noGrp="1"/>
          </p:cNvSpPr>
          <p:nvPr>
            <p:ph type="body" sz="quarter" idx="17" hasCustomPrompt="1"/>
          </p:nvPr>
        </p:nvSpPr>
        <p:spPr>
          <a:xfrm>
            <a:off x="9121452"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8" name="Freeform: Shape 47">
            <a:extLst>
              <a:ext uri="{FF2B5EF4-FFF2-40B4-BE49-F238E27FC236}">
                <a16:creationId xmlns:a16="http://schemas.microsoft.com/office/drawing/2014/main" id="{59FAAFB9-5C5E-41C8-B615-64A0793E622B}"/>
              </a:ext>
            </a:extLst>
          </p:cNvPr>
          <p:cNvSpPr/>
          <p:nvPr userDrawn="1"/>
        </p:nvSpPr>
        <p:spPr>
          <a:xfrm>
            <a:off x="55435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5" name="Text Placeholder 48">
            <a:extLst>
              <a:ext uri="{FF2B5EF4-FFF2-40B4-BE49-F238E27FC236}">
                <a16:creationId xmlns:a16="http://schemas.microsoft.com/office/drawing/2014/main" id="{3CED25B5-FC6B-4B4D-BED4-AD4C90204C46}"/>
              </a:ext>
            </a:extLst>
          </p:cNvPr>
          <p:cNvSpPr>
            <a:spLocks noGrp="1"/>
          </p:cNvSpPr>
          <p:nvPr>
            <p:ph type="body" sz="quarter" idx="19" hasCustomPrompt="1"/>
          </p:nvPr>
        </p:nvSpPr>
        <p:spPr>
          <a:xfrm>
            <a:off x="69659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8" name="Freeform: Shape 57">
            <a:extLst>
              <a:ext uri="{FF2B5EF4-FFF2-40B4-BE49-F238E27FC236}">
                <a16:creationId xmlns:a16="http://schemas.microsoft.com/office/drawing/2014/main" id="{A8875462-3003-4BF2-9456-D801E673EC9A}"/>
              </a:ext>
            </a:extLst>
          </p:cNvPr>
          <p:cNvSpPr/>
          <p:nvPr userDrawn="1"/>
        </p:nvSpPr>
        <p:spPr>
          <a:xfrm>
            <a:off x="3369933"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8" name="Text Placeholder 48">
            <a:extLst>
              <a:ext uri="{FF2B5EF4-FFF2-40B4-BE49-F238E27FC236}">
                <a16:creationId xmlns:a16="http://schemas.microsoft.com/office/drawing/2014/main" id="{2013551A-EDD0-4897-8369-F621AA06117A}"/>
              </a:ext>
            </a:extLst>
          </p:cNvPr>
          <p:cNvSpPr>
            <a:spLocks noGrp="1"/>
          </p:cNvSpPr>
          <p:nvPr>
            <p:ph type="body" sz="quarter" idx="21" hasCustomPrompt="1"/>
          </p:nvPr>
        </p:nvSpPr>
        <p:spPr>
          <a:xfrm>
            <a:off x="3512168"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9" name="Freeform: Shape 68">
            <a:extLst>
              <a:ext uri="{FF2B5EF4-FFF2-40B4-BE49-F238E27FC236}">
                <a16:creationId xmlns:a16="http://schemas.microsoft.com/office/drawing/2014/main" id="{AD448FD4-FD64-4663-A4A1-4C2DFB5D8229}"/>
              </a:ext>
            </a:extLst>
          </p:cNvPr>
          <p:cNvSpPr/>
          <p:nvPr userDrawn="1"/>
        </p:nvSpPr>
        <p:spPr>
          <a:xfrm>
            <a:off x="616173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1" name="Text Placeholder 48">
            <a:extLst>
              <a:ext uri="{FF2B5EF4-FFF2-40B4-BE49-F238E27FC236}">
                <a16:creationId xmlns:a16="http://schemas.microsoft.com/office/drawing/2014/main" id="{A5510759-64C6-4512-BC51-17DF4988D402}"/>
              </a:ext>
            </a:extLst>
          </p:cNvPr>
          <p:cNvSpPr>
            <a:spLocks noGrp="1"/>
          </p:cNvSpPr>
          <p:nvPr>
            <p:ph type="body" sz="quarter" idx="23" hasCustomPrompt="1"/>
          </p:nvPr>
        </p:nvSpPr>
        <p:spPr>
          <a:xfrm>
            <a:off x="630397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2" name="Freeform: Shape 71">
            <a:extLst>
              <a:ext uri="{FF2B5EF4-FFF2-40B4-BE49-F238E27FC236}">
                <a16:creationId xmlns:a16="http://schemas.microsoft.com/office/drawing/2014/main" id="{B45F2DEC-447F-4B13-B464-B8208BACD5CC}"/>
              </a:ext>
            </a:extLst>
          </p:cNvPr>
          <p:cNvSpPr/>
          <p:nvPr userDrawn="1"/>
        </p:nvSpPr>
        <p:spPr>
          <a:xfrm>
            <a:off x="8979217"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4" name="Text Placeholder 48">
            <a:extLst>
              <a:ext uri="{FF2B5EF4-FFF2-40B4-BE49-F238E27FC236}">
                <a16:creationId xmlns:a16="http://schemas.microsoft.com/office/drawing/2014/main" id="{C73F0E3B-0E2D-4A4E-A478-798C381790F7}"/>
              </a:ext>
            </a:extLst>
          </p:cNvPr>
          <p:cNvSpPr>
            <a:spLocks noGrp="1"/>
          </p:cNvSpPr>
          <p:nvPr>
            <p:ph type="body" sz="quarter" idx="25" hasCustomPrompt="1"/>
          </p:nvPr>
        </p:nvSpPr>
        <p:spPr>
          <a:xfrm>
            <a:off x="9121452"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5" name="Title 1">
            <a:extLst>
              <a:ext uri="{FF2B5EF4-FFF2-40B4-BE49-F238E27FC236}">
                <a16:creationId xmlns:a16="http://schemas.microsoft.com/office/drawing/2014/main" id="{DF21845E-EA93-4FD8-981A-4DD46A12B62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76" name="Straight Connector 75">
            <a:extLst>
              <a:ext uri="{FF2B5EF4-FFF2-40B4-BE49-F238E27FC236}">
                <a16:creationId xmlns:a16="http://schemas.microsoft.com/office/drawing/2014/main" id="{7F0F2FDD-0EB9-4E1F-ABCF-92081F1D68B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88" name="Picture Placeholder 87">
            <a:extLst>
              <a:ext uri="{FF2B5EF4-FFF2-40B4-BE49-F238E27FC236}">
                <a16:creationId xmlns:a16="http://schemas.microsoft.com/office/drawing/2014/main" id="{231497BB-B355-4271-A469-AC3056F5D150}"/>
              </a:ext>
            </a:extLst>
          </p:cNvPr>
          <p:cNvSpPr>
            <a:spLocks noGrp="1" noChangeAspect="1"/>
          </p:cNvSpPr>
          <p:nvPr>
            <p:ph type="pic" sz="quarter" idx="28" hasCustomPrompt="1"/>
          </p:nvPr>
        </p:nvSpPr>
        <p:spPr>
          <a:xfrm>
            <a:off x="760820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89" name="Picture Placeholder 88">
            <a:extLst>
              <a:ext uri="{FF2B5EF4-FFF2-40B4-BE49-F238E27FC236}">
                <a16:creationId xmlns:a16="http://schemas.microsoft.com/office/drawing/2014/main" id="{748EBAAF-690A-415F-9035-D3B48692CDEA}"/>
              </a:ext>
            </a:extLst>
          </p:cNvPr>
          <p:cNvSpPr>
            <a:spLocks noGrp="1" noChangeAspect="1"/>
          </p:cNvSpPr>
          <p:nvPr>
            <p:ph type="pic" sz="quarter" idx="29" hasCustomPrompt="1"/>
          </p:nvPr>
        </p:nvSpPr>
        <p:spPr>
          <a:xfrm>
            <a:off x="10425684"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0" name="Picture Placeholder 89">
            <a:extLst>
              <a:ext uri="{FF2B5EF4-FFF2-40B4-BE49-F238E27FC236}">
                <a16:creationId xmlns:a16="http://schemas.microsoft.com/office/drawing/2014/main" id="{ED222160-73E2-419F-A55F-D537D95F5C41}"/>
              </a:ext>
            </a:extLst>
          </p:cNvPr>
          <p:cNvSpPr>
            <a:spLocks noGrp="1" noChangeAspect="1"/>
          </p:cNvSpPr>
          <p:nvPr>
            <p:ph type="pic" sz="quarter" idx="30" hasCustomPrompt="1"/>
          </p:nvPr>
        </p:nvSpPr>
        <p:spPr>
          <a:xfrm>
            <a:off x="200082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1" name="Picture Placeholder 90">
            <a:extLst>
              <a:ext uri="{FF2B5EF4-FFF2-40B4-BE49-F238E27FC236}">
                <a16:creationId xmlns:a16="http://schemas.microsoft.com/office/drawing/2014/main" id="{0F7DC294-8AE6-409F-B72D-34DEF00FF23E}"/>
              </a:ext>
            </a:extLst>
          </p:cNvPr>
          <p:cNvSpPr>
            <a:spLocks noGrp="1" noChangeAspect="1"/>
          </p:cNvSpPr>
          <p:nvPr>
            <p:ph type="pic" sz="quarter" idx="31" hasCustomPrompt="1"/>
          </p:nvPr>
        </p:nvSpPr>
        <p:spPr>
          <a:xfrm>
            <a:off x="4816400"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2" name="Picture Placeholder 91">
            <a:extLst>
              <a:ext uri="{FF2B5EF4-FFF2-40B4-BE49-F238E27FC236}">
                <a16:creationId xmlns:a16="http://schemas.microsoft.com/office/drawing/2014/main" id="{CA13FE95-260D-456A-A7E2-3313D7B9E9F4}"/>
              </a:ext>
            </a:extLst>
          </p:cNvPr>
          <p:cNvSpPr>
            <a:spLocks noGrp="1" noChangeAspect="1"/>
          </p:cNvSpPr>
          <p:nvPr>
            <p:ph type="pic" sz="quarter" idx="32" hasCustomPrompt="1"/>
          </p:nvPr>
        </p:nvSpPr>
        <p:spPr>
          <a:xfrm>
            <a:off x="760820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3" name="Picture Placeholder 92">
            <a:extLst>
              <a:ext uri="{FF2B5EF4-FFF2-40B4-BE49-F238E27FC236}">
                <a16:creationId xmlns:a16="http://schemas.microsoft.com/office/drawing/2014/main" id="{23795E9B-049A-4CBB-9FF2-A769B26F7518}"/>
              </a:ext>
            </a:extLst>
          </p:cNvPr>
          <p:cNvSpPr>
            <a:spLocks noGrp="1" noChangeAspect="1"/>
          </p:cNvSpPr>
          <p:nvPr>
            <p:ph type="pic" sz="quarter" idx="33" hasCustomPrompt="1"/>
          </p:nvPr>
        </p:nvSpPr>
        <p:spPr>
          <a:xfrm>
            <a:off x="10425684"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3771854942"/>
      </p:ext>
    </p:extLst>
  </p:cSld>
  <p:clrMapOvr>
    <a:masterClrMapping/>
  </p:clrMapOvr>
  <p:transition>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Highlights of our work 4x2 - Dark">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032F8D8D-BCFD-47C1-9BB6-C2FF2AD28002}"/>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6" name="Picture Placeholder 85">
            <a:extLst>
              <a:ext uri="{FF2B5EF4-FFF2-40B4-BE49-F238E27FC236}">
                <a16:creationId xmlns:a16="http://schemas.microsoft.com/office/drawing/2014/main" id="{94F5AF70-4DF4-441B-A168-E03D2F746370}"/>
              </a:ext>
            </a:extLst>
          </p:cNvPr>
          <p:cNvSpPr>
            <a:spLocks noGrp="1" noChangeAspect="1"/>
          </p:cNvSpPr>
          <p:nvPr>
            <p:ph type="pic" sz="quarter" idx="10" hasCustomPrompt="1"/>
          </p:nvPr>
        </p:nvSpPr>
        <p:spPr>
          <a:xfrm>
            <a:off x="200082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23" name="Text Placeholder 48">
            <a:extLst>
              <a:ext uri="{FF2B5EF4-FFF2-40B4-BE49-F238E27FC236}">
                <a16:creationId xmlns:a16="http://schemas.microsoft.com/office/drawing/2014/main" id="{38BA50E9-3C9E-4EA4-832D-18B54C668465}"/>
              </a:ext>
            </a:extLst>
          </p:cNvPr>
          <p:cNvSpPr>
            <a:spLocks noGrp="1"/>
          </p:cNvSpPr>
          <p:nvPr>
            <p:ph type="body" sz="quarter" idx="11" hasCustomPrompt="1"/>
          </p:nvPr>
        </p:nvSpPr>
        <p:spPr>
          <a:xfrm>
            <a:off x="69659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38" name="Freeform: Shape 37">
            <a:extLst>
              <a:ext uri="{FF2B5EF4-FFF2-40B4-BE49-F238E27FC236}">
                <a16:creationId xmlns:a16="http://schemas.microsoft.com/office/drawing/2014/main" id="{D21A8208-BC97-4284-8860-068079C5BF53}"/>
              </a:ext>
            </a:extLst>
          </p:cNvPr>
          <p:cNvSpPr/>
          <p:nvPr userDrawn="1"/>
        </p:nvSpPr>
        <p:spPr>
          <a:xfrm>
            <a:off x="3369933"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7" name="Picture Placeholder 86">
            <a:extLst>
              <a:ext uri="{FF2B5EF4-FFF2-40B4-BE49-F238E27FC236}">
                <a16:creationId xmlns:a16="http://schemas.microsoft.com/office/drawing/2014/main" id="{824F529F-34DE-402C-810F-C88ED957D1AC}"/>
              </a:ext>
            </a:extLst>
          </p:cNvPr>
          <p:cNvSpPr>
            <a:spLocks noGrp="1" noChangeAspect="1"/>
          </p:cNvSpPr>
          <p:nvPr>
            <p:ph type="pic" sz="quarter" idx="12" hasCustomPrompt="1"/>
          </p:nvPr>
        </p:nvSpPr>
        <p:spPr>
          <a:xfrm>
            <a:off x="4816400"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40" name="Text Placeholder 48">
            <a:extLst>
              <a:ext uri="{FF2B5EF4-FFF2-40B4-BE49-F238E27FC236}">
                <a16:creationId xmlns:a16="http://schemas.microsoft.com/office/drawing/2014/main" id="{E6C0F9A8-7838-4D67-AEF2-80AABBF2B748}"/>
              </a:ext>
            </a:extLst>
          </p:cNvPr>
          <p:cNvSpPr>
            <a:spLocks noGrp="1"/>
          </p:cNvSpPr>
          <p:nvPr>
            <p:ph type="body" sz="quarter" idx="13" hasCustomPrompt="1"/>
          </p:nvPr>
        </p:nvSpPr>
        <p:spPr>
          <a:xfrm>
            <a:off x="3512168"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1" name="Freeform: Shape 40">
            <a:extLst>
              <a:ext uri="{FF2B5EF4-FFF2-40B4-BE49-F238E27FC236}">
                <a16:creationId xmlns:a16="http://schemas.microsoft.com/office/drawing/2014/main" id="{42974F72-B661-4291-AAD7-B8CC573D5A2F}"/>
              </a:ext>
            </a:extLst>
          </p:cNvPr>
          <p:cNvSpPr/>
          <p:nvPr userDrawn="1"/>
        </p:nvSpPr>
        <p:spPr>
          <a:xfrm>
            <a:off x="616173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3" name="Text Placeholder 48">
            <a:extLst>
              <a:ext uri="{FF2B5EF4-FFF2-40B4-BE49-F238E27FC236}">
                <a16:creationId xmlns:a16="http://schemas.microsoft.com/office/drawing/2014/main" id="{4FDFC470-AE34-40A8-8946-2A83DD938A40}"/>
              </a:ext>
            </a:extLst>
          </p:cNvPr>
          <p:cNvSpPr>
            <a:spLocks noGrp="1"/>
          </p:cNvSpPr>
          <p:nvPr>
            <p:ph type="body" sz="quarter" idx="15" hasCustomPrompt="1"/>
          </p:nvPr>
        </p:nvSpPr>
        <p:spPr>
          <a:xfrm>
            <a:off x="630397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4" name="Freeform: Shape 43">
            <a:extLst>
              <a:ext uri="{FF2B5EF4-FFF2-40B4-BE49-F238E27FC236}">
                <a16:creationId xmlns:a16="http://schemas.microsoft.com/office/drawing/2014/main" id="{36EA0BB4-DC47-41B3-80D8-1EF78BE0A89F}"/>
              </a:ext>
            </a:extLst>
          </p:cNvPr>
          <p:cNvSpPr/>
          <p:nvPr userDrawn="1"/>
        </p:nvSpPr>
        <p:spPr>
          <a:xfrm>
            <a:off x="897921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6" name="Text Placeholder 48">
            <a:extLst>
              <a:ext uri="{FF2B5EF4-FFF2-40B4-BE49-F238E27FC236}">
                <a16:creationId xmlns:a16="http://schemas.microsoft.com/office/drawing/2014/main" id="{80446F8B-73BE-49E5-88C9-574D72493D8C}"/>
              </a:ext>
            </a:extLst>
          </p:cNvPr>
          <p:cNvSpPr>
            <a:spLocks noGrp="1"/>
          </p:cNvSpPr>
          <p:nvPr>
            <p:ph type="body" sz="quarter" idx="17" hasCustomPrompt="1"/>
          </p:nvPr>
        </p:nvSpPr>
        <p:spPr>
          <a:xfrm>
            <a:off x="9121452"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8" name="Freeform: Shape 47">
            <a:extLst>
              <a:ext uri="{FF2B5EF4-FFF2-40B4-BE49-F238E27FC236}">
                <a16:creationId xmlns:a16="http://schemas.microsoft.com/office/drawing/2014/main" id="{59FAAFB9-5C5E-41C8-B615-64A0793E622B}"/>
              </a:ext>
            </a:extLst>
          </p:cNvPr>
          <p:cNvSpPr/>
          <p:nvPr userDrawn="1"/>
        </p:nvSpPr>
        <p:spPr>
          <a:xfrm>
            <a:off x="55435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5" name="Text Placeholder 48">
            <a:extLst>
              <a:ext uri="{FF2B5EF4-FFF2-40B4-BE49-F238E27FC236}">
                <a16:creationId xmlns:a16="http://schemas.microsoft.com/office/drawing/2014/main" id="{3CED25B5-FC6B-4B4D-BED4-AD4C90204C46}"/>
              </a:ext>
            </a:extLst>
          </p:cNvPr>
          <p:cNvSpPr>
            <a:spLocks noGrp="1"/>
          </p:cNvSpPr>
          <p:nvPr>
            <p:ph type="body" sz="quarter" idx="19" hasCustomPrompt="1"/>
          </p:nvPr>
        </p:nvSpPr>
        <p:spPr>
          <a:xfrm>
            <a:off x="69659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58" name="Freeform: Shape 57">
            <a:extLst>
              <a:ext uri="{FF2B5EF4-FFF2-40B4-BE49-F238E27FC236}">
                <a16:creationId xmlns:a16="http://schemas.microsoft.com/office/drawing/2014/main" id="{A8875462-3003-4BF2-9456-D801E673EC9A}"/>
              </a:ext>
            </a:extLst>
          </p:cNvPr>
          <p:cNvSpPr/>
          <p:nvPr userDrawn="1"/>
        </p:nvSpPr>
        <p:spPr>
          <a:xfrm>
            <a:off x="3369933"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68" name="Text Placeholder 48">
            <a:extLst>
              <a:ext uri="{FF2B5EF4-FFF2-40B4-BE49-F238E27FC236}">
                <a16:creationId xmlns:a16="http://schemas.microsoft.com/office/drawing/2014/main" id="{2013551A-EDD0-4897-8369-F621AA06117A}"/>
              </a:ext>
            </a:extLst>
          </p:cNvPr>
          <p:cNvSpPr>
            <a:spLocks noGrp="1"/>
          </p:cNvSpPr>
          <p:nvPr>
            <p:ph type="body" sz="quarter" idx="21" hasCustomPrompt="1"/>
          </p:nvPr>
        </p:nvSpPr>
        <p:spPr>
          <a:xfrm>
            <a:off x="3512168"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69" name="Freeform: Shape 68">
            <a:extLst>
              <a:ext uri="{FF2B5EF4-FFF2-40B4-BE49-F238E27FC236}">
                <a16:creationId xmlns:a16="http://schemas.microsoft.com/office/drawing/2014/main" id="{AD448FD4-FD64-4663-A4A1-4C2DFB5D8229}"/>
              </a:ext>
            </a:extLst>
          </p:cNvPr>
          <p:cNvSpPr/>
          <p:nvPr userDrawn="1"/>
        </p:nvSpPr>
        <p:spPr>
          <a:xfrm>
            <a:off x="616173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1" name="Text Placeholder 48">
            <a:extLst>
              <a:ext uri="{FF2B5EF4-FFF2-40B4-BE49-F238E27FC236}">
                <a16:creationId xmlns:a16="http://schemas.microsoft.com/office/drawing/2014/main" id="{A5510759-64C6-4512-BC51-17DF4988D402}"/>
              </a:ext>
            </a:extLst>
          </p:cNvPr>
          <p:cNvSpPr>
            <a:spLocks noGrp="1"/>
          </p:cNvSpPr>
          <p:nvPr>
            <p:ph type="body" sz="quarter" idx="23" hasCustomPrompt="1"/>
          </p:nvPr>
        </p:nvSpPr>
        <p:spPr>
          <a:xfrm>
            <a:off x="630397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2" name="Freeform: Shape 71">
            <a:extLst>
              <a:ext uri="{FF2B5EF4-FFF2-40B4-BE49-F238E27FC236}">
                <a16:creationId xmlns:a16="http://schemas.microsoft.com/office/drawing/2014/main" id="{B45F2DEC-447F-4B13-B464-B8208BACD5CC}"/>
              </a:ext>
            </a:extLst>
          </p:cNvPr>
          <p:cNvSpPr/>
          <p:nvPr userDrawn="1"/>
        </p:nvSpPr>
        <p:spPr>
          <a:xfrm>
            <a:off x="8979217"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4" name="Text Placeholder 48">
            <a:extLst>
              <a:ext uri="{FF2B5EF4-FFF2-40B4-BE49-F238E27FC236}">
                <a16:creationId xmlns:a16="http://schemas.microsoft.com/office/drawing/2014/main" id="{C73F0E3B-0E2D-4A4E-A478-798C381790F7}"/>
              </a:ext>
            </a:extLst>
          </p:cNvPr>
          <p:cNvSpPr>
            <a:spLocks noGrp="1"/>
          </p:cNvSpPr>
          <p:nvPr>
            <p:ph type="body" sz="quarter" idx="25" hasCustomPrompt="1"/>
          </p:nvPr>
        </p:nvSpPr>
        <p:spPr>
          <a:xfrm>
            <a:off x="9121452"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5" name="Title 1">
            <a:extLst>
              <a:ext uri="{FF2B5EF4-FFF2-40B4-BE49-F238E27FC236}">
                <a16:creationId xmlns:a16="http://schemas.microsoft.com/office/drawing/2014/main" id="{DF21845E-EA93-4FD8-981A-4DD46A12B62C}"/>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76" name="Straight Connector 75">
            <a:extLst>
              <a:ext uri="{FF2B5EF4-FFF2-40B4-BE49-F238E27FC236}">
                <a16:creationId xmlns:a16="http://schemas.microsoft.com/office/drawing/2014/main" id="{7F0F2FDD-0EB9-4E1F-ABCF-92081F1D68B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88" name="Picture Placeholder 87">
            <a:extLst>
              <a:ext uri="{FF2B5EF4-FFF2-40B4-BE49-F238E27FC236}">
                <a16:creationId xmlns:a16="http://schemas.microsoft.com/office/drawing/2014/main" id="{231497BB-B355-4271-A469-AC3056F5D150}"/>
              </a:ext>
            </a:extLst>
          </p:cNvPr>
          <p:cNvSpPr>
            <a:spLocks noGrp="1" noChangeAspect="1"/>
          </p:cNvSpPr>
          <p:nvPr>
            <p:ph type="pic" sz="quarter" idx="28" hasCustomPrompt="1"/>
          </p:nvPr>
        </p:nvSpPr>
        <p:spPr>
          <a:xfrm>
            <a:off x="760820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89" name="Picture Placeholder 88">
            <a:extLst>
              <a:ext uri="{FF2B5EF4-FFF2-40B4-BE49-F238E27FC236}">
                <a16:creationId xmlns:a16="http://schemas.microsoft.com/office/drawing/2014/main" id="{748EBAAF-690A-415F-9035-D3B48692CDEA}"/>
              </a:ext>
            </a:extLst>
          </p:cNvPr>
          <p:cNvSpPr>
            <a:spLocks noGrp="1" noChangeAspect="1"/>
          </p:cNvSpPr>
          <p:nvPr>
            <p:ph type="pic" sz="quarter" idx="29" hasCustomPrompt="1"/>
          </p:nvPr>
        </p:nvSpPr>
        <p:spPr>
          <a:xfrm>
            <a:off x="10425684"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0" name="Picture Placeholder 89">
            <a:extLst>
              <a:ext uri="{FF2B5EF4-FFF2-40B4-BE49-F238E27FC236}">
                <a16:creationId xmlns:a16="http://schemas.microsoft.com/office/drawing/2014/main" id="{ED222160-73E2-419F-A55F-D537D95F5C41}"/>
              </a:ext>
            </a:extLst>
          </p:cNvPr>
          <p:cNvSpPr>
            <a:spLocks noGrp="1" noChangeAspect="1"/>
          </p:cNvSpPr>
          <p:nvPr>
            <p:ph type="pic" sz="quarter" idx="30" hasCustomPrompt="1"/>
          </p:nvPr>
        </p:nvSpPr>
        <p:spPr>
          <a:xfrm>
            <a:off x="200082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1" name="Picture Placeholder 90">
            <a:extLst>
              <a:ext uri="{FF2B5EF4-FFF2-40B4-BE49-F238E27FC236}">
                <a16:creationId xmlns:a16="http://schemas.microsoft.com/office/drawing/2014/main" id="{0F7DC294-8AE6-409F-B72D-34DEF00FF23E}"/>
              </a:ext>
            </a:extLst>
          </p:cNvPr>
          <p:cNvSpPr>
            <a:spLocks noGrp="1" noChangeAspect="1"/>
          </p:cNvSpPr>
          <p:nvPr>
            <p:ph type="pic" sz="quarter" idx="31" hasCustomPrompt="1"/>
          </p:nvPr>
        </p:nvSpPr>
        <p:spPr>
          <a:xfrm>
            <a:off x="4816400"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2" name="Picture Placeholder 91">
            <a:extLst>
              <a:ext uri="{FF2B5EF4-FFF2-40B4-BE49-F238E27FC236}">
                <a16:creationId xmlns:a16="http://schemas.microsoft.com/office/drawing/2014/main" id="{CA13FE95-260D-456A-A7E2-3313D7B9E9F4}"/>
              </a:ext>
            </a:extLst>
          </p:cNvPr>
          <p:cNvSpPr>
            <a:spLocks noGrp="1" noChangeAspect="1"/>
          </p:cNvSpPr>
          <p:nvPr>
            <p:ph type="pic" sz="quarter" idx="32" hasCustomPrompt="1"/>
          </p:nvPr>
        </p:nvSpPr>
        <p:spPr>
          <a:xfrm>
            <a:off x="760820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
        <p:nvSpPr>
          <p:cNvPr id="93" name="Picture Placeholder 92">
            <a:extLst>
              <a:ext uri="{FF2B5EF4-FFF2-40B4-BE49-F238E27FC236}">
                <a16:creationId xmlns:a16="http://schemas.microsoft.com/office/drawing/2014/main" id="{23795E9B-049A-4CBB-9FF2-A769B26F7518}"/>
              </a:ext>
            </a:extLst>
          </p:cNvPr>
          <p:cNvSpPr>
            <a:spLocks noGrp="1" noChangeAspect="1"/>
          </p:cNvSpPr>
          <p:nvPr>
            <p:ph type="pic" sz="quarter" idx="33" hasCustomPrompt="1"/>
          </p:nvPr>
        </p:nvSpPr>
        <p:spPr>
          <a:xfrm>
            <a:off x="10425684"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da-DK" dirty="0"/>
              <a:t>CS image </a:t>
            </a:r>
            <a:r>
              <a:rPr lang="da-DK" dirty="0" err="1"/>
              <a:t>here</a:t>
            </a:r>
            <a:endParaRPr lang="da-DK" dirty="0"/>
          </a:p>
        </p:txBody>
      </p:sp>
    </p:spTree>
    <p:extLst>
      <p:ext uri="{BB962C8B-B14F-4D97-AF65-F5344CB8AC3E}">
        <p14:creationId xmlns:p14="http://schemas.microsoft.com/office/powerpoint/2010/main" val="3197754812"/>
      </p:ext>
    </p:extLst>
  </p:cSld>
  <p:clrMapOvr>
    <a:masterClrMapping/>
  </p:clrMapOvr>
  <p:transition>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Highlights of our work 3x3">
    <p:spTree>
      <p:nvGrpSpPr>
        <p:cNvPr id="1" name=""/>
        <p:cNvGrpSpPr/>
        <p:nvPr/>
      </p:nvGrpSpPr>
      <p:grpSpPr>
        <a:xfrm>
          <a:off x="0" y="0"/>
          <a:ext cx="0" cy="0"/>
          <a:chOff x="0" y="0"/>
          <a:chExt cx="0" cy="0"/>
        </a:xfrm>
      </p:grpSpPr>
      <p:sp>
        <p:nvSpPr>
          <p:cNvPr id="23" name="Title 1">
            <a:extLst>
              <a:ext uri="{FF2B5EF4-FFF2-40B4-BE49-F238E27FC236}">
                <a16:creationId xmlns:a16="http://schemas.microsoft.com/office/drawing/2014/main" id="{D4FD8C0F-A2E1-4175-B0EA-9D41952AE502}"/>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4" name="Straight Connector 23">
            <a:extLst>
              <a:ext uri="{FF2B5EF4-FFF2-40B4-BE49-F238E27FC236}">
                <a16:creationId xmlns:a16="http://schemas.microsoft.com/office/drawing/2014/main" id="{07C11DAB-AB70-4C91-B31A-9624E311870A}"/>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5" name="Freeform: Shape 24">
            <a:extLst>
              <a:ext uri="{FF2B5EF4-FFF2-40B4-BE49-F238E27FC236}">
                <a16:creationId xmlns:a16="http://schemas.microsoft.com/office/drawing/2014/main" id="{E995A02E-2C22-4BE6-97A0-FD799B0B8CE5}"/>
              </a:ext>
            </a:extLst>
          </p:cNvPr>
          <p:cNvSpPr/>
          <p:nvPr userDrawn="1"/>
        </p:nvSpPr>
        <p:spPr>
          <a:xfrm flipH="1">
            <a:off x="552449"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2" name="Text Placeholder 48">
            <a:extLst>
              <a:ext uri="{FF2B5EF4-FFF2-40B4-BE49-F238E27FC236}">
                <a16:creationId xmlns:a16="http://schemas.microsoft.com/office/drawing/2014/main" id="{A40F23B4-14A3-4E04-928D-15ABC36C1A49}"/>
              </a:ext>
            </a:extLst>
          </p:cNvPr>
          <p:cNvSpPr>
            <a:spLocks noGrp="1"/>
          </p:cNvSpPr>
          <p:nvPr>
            <p:ph type="body" sz="quarter" idx="11" hasCustomPrompt="1"/>
          </p:nvPr>
        </p:nvSpPr>
        <p:spPr>
          <a:xfrm>
            <a:off x="657862"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5" name="Picture Placeholder 74">
            <a:extLst>
              <a:ext uri="{FF2B5EF4-FFF2-40B4-BE49-F238E27FC236}">
                <a16:creationId xmlns:a16="http://schemas.microsoft.com/office/drawing/2014/main" id="{2FFB3B21-27E0-420B-93E9-5480D9BB26F7}"/>
              </a:ext>
            </a:extLst>
          </p:cNvPr>
          <p:cNvSpPr>
            <a:spLocks noGrp="1"/>
          </p:cNvSpPr>
          <p:nvPr>
            <p:ph type="pic" sz="quarter" idx="59" hasCustomPrompt="1"/>
          </p:nvPr>
        </p:nvSpPr>
        <p:spPr>
          <a:xfrm>
            <a:off x="2266633"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6" name="Freeform: Shape 75">
            <a:extLst>
              <a:ext uri="{FF2B5EF4-FFF2-40B4-BE49-F238E27FC236}">
                <a16:creationId xmlns:a16="http://schemas.microsoft.com/office/drawing/2014/main" id="{3D41B089-617F-4E27-9FD7-38FA8B7A4FDA}"/>
              </a:ext>
            </a:extLst>
          </p:cNvPr>
          <p:cNvSpPr/>
          <p:nvPr userDrawn="1"/>
        </p:nvSpPr>
        <p:spPr>
          <a:xfrm flipH="1">
            <a:off x="4298125"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7" name="Text Placeholder 48">
            <a:extLst>
              <a:ext uri="{FF2B5EF4-FFF2-40B4-BE49-F238E27FC236}">
                <a16:creationId xmlns:a16="http://schemas.microsoft.com/office/drawing/2014/main" id="{5CA431EE-DE37-4AE4-924E-3675A47F71F9}"/>
              </a:ext>
            </a:extLst>
          </p:cNvPr>
          <p:cNvSpPr>
            <a:spLocks noGrp="1"/>
          </p:cNvSpPr>
          <p:nvPr>
            <p:ph type="body" sz="quarter" idx="60" hasCustomPrompt="1"/>
          </p:nvPr>
        </p:nvSpPr>
        <p:spPr>
          <a:xfrm>
            <a:off x="4403538"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8" name="Picture Placeholder 77">
            <a:extLst>
              <a:ext uri="{FF2B5EF4-FFF2-40B4-BE49-F238E27FC236}">
                <a16:creationId xmlns:a16="http://schemas.microsoft.com/office/drawing/2014/main" id="{EFB78DDC-1C88-416B-9769-3A65B94A15D0}"/>
              </a:ext>
            </a:extLst>
          </p:cNvPr>
          <p:cNvSpPr>
            <a:spLocks noGrp="1"/>
          </p:cNvSpPr>
          <p:nvPr>
            <p:ph type="pic" sz="quarter" idx="61" hasCustomPrompt="1"/>
          </p:nvPr>
        </p:nvSpPr>
        <p:spPr>
          <a:xfrm>
            <a:off x="6012309"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9" name="Freeform: Shape 78">
            <a:extLst>
              <a:ext uri="{FF2B5EF4-FFF2-40B4-BE49-F238E27FC236}">
                <a16:creationId xmlns:a16="http://schemas.microsoft.com/office/drawing/2014/main" id="{A06F32B8-220A-4CC2-89FF-74178197C110}"/>
              </a:ext>
            </a:extLst>
          </p:cNvPr>
          <p:cNvSpPr/>
          <p:nvPr userDrawn="1"/>
        </p:nvSpPr>
        <p:spPr>
          <a:xfrm flipH="1">
            <a:off x="8043801"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0" name="Text Placeholder 48">
            <a:extLst>
              <a:ext uri="{FF2B5EF4-FFF2-40B4-BE49-F238E27FC236}">
                <a16:creationId xmlns:a16="http://schemas.microsoft.com/office/drawing/2014/main" id="{773E2874-C6B7-46CF-873B-D3441014368E}"/>
              </a:ext>
            </a:extLst>
          </p:cNvPr>
          <p:cNvSpPr>
            <a:spLocks noGrp="1"/>
          </p:cNvSpPr>
          <p:nvPr>
            <p:ph type="body" sz="quarter" idx="62" hasCustomPrompt="1"/>
          </p:nvPr>
        </p:nvSpPr>
        <p:spPr>
          <a:xfrm>
            <a:off x="8149214"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1" name="Picture Placeholder 80">
            <a:extLst>
              <a:ext uri="{FF2B5EF4-FFF2-40B4-BE49-F238E27FC236}">
                <a16:creationId xmlns:a16="http://schemas.microsoft.com/office/drawing/2014/main" id="{2084AE6F-A82C-4036-A06E-7AE9A3CAD1B1}"/>
              </a:ext>
            </a:extLst>
          </p:cNvPr>
          <p:cNvSpPr>
            <a:spLocks noGrp="1"/>
          </p:cNvSpPr>
          <p:nvPr>
            <p:ph type="pic" sz="quarter" idx="63" hasCustomPrompt="1"/>
          </p:nvPr>
        </p:nvSpPr>
        <p:spPr>
          <a:xfrm>
            <a:off x="9757985"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2" name="Freeform: Shape 81">
            <a:extLst>
              <a:ext uri="{FF2B5EF4-FFF2-40B4-BE49-F238E27FC236}">
                <a16:creationId xmlns:a16="http://schemas.microsoft.com/office/drawing/2014/main" id="{8D098917-081F-4354-8234-1C19086959A3}"/>
              </a:ext>
            </a:extLst>
          </p:cNvPr>
          <p:cNvSpPr/>
          <p:nvPr userDrawn="1"/>
        </p:nvSpPr>
        <p:spPr>
          <a:xfrm flipH="1">
            <a:off x="552449"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3" name="Text Placeholder 48">
            <a:extLst>
              <a:ext uri="{FF2B5EF4-FFF2-40B4-BE49-F238E27FC236}">
                <a16:creationId xmlns:a16="http://schemas.microsoft.com/office/drawing/2014/main" id="{81940A38-A938-41EA-ADF4-0322F50FDF49}"/>
              </a:ext>
            </a:extLst>
          </p:cNvPr>
          <p:cNvSpPr>
            <a:spLocks noGrp="1"/>
          </p:cNvSpPr>
          <p:nvPr>
            <p:ph type="body" sz="quarter" idx="64" hasCustomPrompt="1"/>
          </p:nvPr>
        </p:nvSpPr>
        <p:spPr>
          <a:xfrm>
            <a:off x="657862"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4" name="Picture Placeholder 83">
            <a:extLst>
              <a:ext uri="{FF2B5EF4-FFF2-40B4-BE49-F238E27FC236}">
                <a16:creationId xmlns:a16="http://schemas.microsoft.com/office/drawing/2014/main" id="{9B3A8624-B87E-4F26-A7E4-606C6FF2D149}"/>
              </a:ext>
            </a:extLst>
          </p:cNvPr>
          <p:cNvSpPr>
            <a:spLocks noGrp="1"/>
          </p:cNvSpPr>
          <p:nvPr>
            <p:ph type="pic" sz="quarter" idx="65" hasCustomPrompt="1"/>
          </p:nvPr>
        </p:nvSpPr>
        <p:spPr>
          <a:xfrm>
            <a:off x="2266633"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5" name="Freeform: Shape 84">
            <a:extLst>
              <a:ext uri="{FF2B5EF4-FFF2-40B4-BE49-F238E27FC236}">
                <a16:creationId xmlns:a16="http://schemas.microsoft.com/office/drawing/2014/main" id="{F88E3FA5-5485-40D0-887B-E9D4F282112F}"/>
              </a:ext>
            </a:extLst>
          </p:cNvPr>
          <p:cNvSpPr/>
          <p:nvPr userDrawn="1"/>
        </p:nvSpPr>
        <p:spPr>
          <a:xfrm flipH="1">
            <a:off x="4298125"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6" name="Text Placeholder 48">
            <a:extLst>
              <a:ext uri="{FF2B5EF4-FFF2-40B4-BE49-F238E27FC236}">
                <a16:creationId xmlns:a16="http://schemas.microsoft.com/office/drawing/2014/main" id="{BAB8058B-94CA-46A8-8177-3D23CC4B0B44}"/>
              </a:ext>
            </a:extLst>
          </p:cNvPr>
          <p:cNvSpPr>
            <a:spLocks noGrp="1"/>
          </p:cNvSpPr>
          <p:nvPr>
            <p:ph type="body" sz="quarter" idx="66" hasCustomPrompt="1"/>
          </p:nvPr>
        </p:nvSpPr>
        <p:spPr>
          <a:xfrm>
            <a:off x="4403538"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7" name="Picture Placeholder 86">
            <a:extLst>
              <a:ext uri="{FF2B5EF4-FFF2-40B4-BE49-F238E27FC236}">
                <a16:creationId xmlns:a16="http://schemas.microsoft.com/office/drawing/2014/main" id="{796B6A7E-ACE9-43C4-839F-D05405480001}"/>
              </a:ext>
            </a:extLst>
          </p:cNvPr>
          <p:cNvSpPr>
            <a:spLocks noGrp="1"/>
          </p:cNvSpPr>
          <p:nvPr>
            <p:ph type="pic" sz="quarter" idx="67" hasCustomPrompt="1"/>
          </p:nvPr>
        </p:nvSpPr>
        <p:spPr>
          <a:xfrm>
            <a:off x="6012309"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8" name="Freeform: Shape 87">
            <a:extLst>
              <a:ext uri="{FF2B5EF4-FFF2-40B4-BE49-F238E27FC236}">
                <a16:creationId xmlns:a16="http://schemas.microsoft.com/office/drawing/2014/main" id="{856CBE8E-B510-4763-B8C6-30593384778D}"/>
              </a:ext>
            </a:extLst>
          </p:cNvPr>
          <p:cNvSpPr/>
          <p:nvPr userDrawn="1"/>
        </p:nvSpPr>
        <p:spPr>
          <a:xfrm flipH="1">
            <a:off x="8043801"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9" name="Text Placeholder 48">
            <a:extLst>
              <a:ext uri="{FF2B5EF4-FFF2-40B4-BE49-F238E27FC236}">
                <a16:creationId xmlns:a16="http://schemas.microsoft.com/office/drawing/2014/main" id="{6F7756B7-32B9-4CB1-AFB8-9A2615BC521D}"/>
              </a:ext>
            </a:extLst>
          </p:cNvPr>
          <p:cNvSpPr>
            <a:spLocks noGrp="1"/>
          </p:cNvSpPr>
          <p:nvPr>
            <p:ph type="body" sz="quarter" idx="68" hasCustomPrompt="1"/>
          </p:nvPr>
        </p:nvSpPr>
        <p:spPr>
          <a:xfrm>
            <a:off x="8149214"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0" name="Picture Placeholder 89">
            <a:extLst>
              <a:ext uri="{FF2B5EF4-FFF2-40B4-BE49-F238E27FC236}">
                <a16:creationId xmlns:a16="http://schemas.microsoft.com/office/drawing/2014/main" id="{7DD1FCB5-20ED-4229-887E-F9A938FCDE4D}"/>
              </a:ext>
            </a:extLst>
          </p:cNvPr>
          <p:cNvSpPr>
            <a:spLocks noGrp="1"/>
          </p:cNvSpPr>
          <p:nvPr>
            <p:ph type="pic" sz="quarter" idx="69" hasCustomPrompt="1"/>
          </p:nvPr>
        </p:nvSpPr>
        <p:spPr>
          <a:xfrm>
            <a:off x="9757985"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1" name="Freeform: Shape 90">
            <a:extLst>
              <a:ext uri="{FF2B5EF4-FFF2-40B4-BE49-F238E27FC236}">
                <a16:creationId xmlns:a16="http://schemas.microsoft.com/office/drawing/2014/main" id="{4C398AA6-92F2-4F01-9B0F-E9BA2DC9B908}"/>
              </a:ext>
            </a:extLst>
          </p:cNvPr>
          <p:cNvSpPr/>
          <p:nvPr userDrawn="1"/>
        </p:nvSpPr>
        <p:spPr>
          <a:xfrm flipH="1">
            <a:off x="552449"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2" name="Text Placeholder 48">
            <a:extLst>
              <a:ext uri="{FF2B5EF4-FFF2-40B4-BE49-F238E27FC236}">
                <a16:creationId xmlns:a16="http://schemas.microsoft.com/office/drawing/2014/main" id="{96321074-E91D-46BD-B501-B9EBE993A34E}"/>
              </a:ext>
            </a:extLst>
          </p:cNvPr>
          <p:cNvSpPr>
            <a:spLocks noGrp="1"/>
          </p:cNvSpPr>
          <p:nvPr>
            <p:ph type="body" sz="quarter" idx="70" hasCustomPrompt="1"/>
          </p:nvPr>
        </p:nvSpPr>
        <p:spPr>
          <a:xfrm>
            <a:off x="657862"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3" name="Picture Placeholder 92">
            <a:extLst>
              <a:ext uri="{FF2B5EF4-FFF2-40B4-BE49-F238E27FC236}">
                <a16:creationId xmlns:a16="http://schemas.microsoft.com/office/drawing/2014/main" id="{31952B9D-3239-4612-9C0A-BD13019D8594}"/>
              </a:ext>
            </a:extLst>
          </p:cNvPr>
          <p:cNvSpPr>
            <a:spLocks noGrp="1"/>
          </p:cNvSpPr>
          <p:nvPr>
            <p:ph type="pic" sz="quarter" idx="71" hasCustomPrompt="1"/>
          </p:nvPr>
        </p:nvSpPr>
        <p:spPr>
          <a:xfrm>
            <a:off x="2266633"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4" name="Freeform: Shape 93">
            <a:extLst>
              <a:ext uri="{FF2B5EF4-FFF2-40B4-BE49-F238E27FC236}">
                <a16:creationId xmlns:a16="http://schemas.microsoft.com/office/drawing/2014/main" id="{84098359-8B78-436F-A4DE-56E597BC25A9}"/>
              </a:ext>
            </a:extLst>
          </p:cNvPr>
          <p:cNvSpPr/>
          <p:nvPr userDrawn="1"/>
        </p:nvSpPr>
        <p:spPr>
          <a:xfrm flipH="1">
            <a:off x="4298125"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5" name="Text Placeholder 48">
            <a:extLst>
              <a:ext uri="{FF2B5EF4-FFF2-40B4-BE49-F238E27FC236}">
                <a16:creationId xmlns:a16="http://schemas.microsoft.com/office/drawing/2014/main" id="{CC78ECDB-6352-42AC-9B98-9BE2B342FA9A}"/>
              </a:ext>
            </a:extLst>
          </p:cNvPr>
          <p:cNvSpPr>
            <a:spLocks noGrp="1"/>
          </p:cNvSpPr>
          <p:nvPr>
            <p:ph type="body" sz="quarter" idx="72" hasCustomPrompt="1"/>
          </p:nvPr>
        </p:nvSpPr>
        <p:spPr>
          <a:xfrm>
            <a:off x="4403538"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6" name="Picture Placeholder 95">
            <a:extLst>
              <a:ext uri="{FF2B5EF4-FFF2-40B4-BE49-F238E27FC236}">
                <a16:creationId xmlns:a16="http://schemas.microsoft.com/office/drawing/2014/main" id="{ABC80AA4-C739-45DF-AB5C-6B0FE9D62782}"/>
              </a:ext>
            </a:extLst>
          </p:cNvPr>
          <p:cNvSpPr>
            <a:spLocks noGrp="1"/>
          </p:cNvSpPr>
          <p:nvPr>
            <p:ph type="pic" sz="quarter" idx="73" hasCustomPrompt="1"/>
          </p:nvPr>
        </p:nvSpPr>
        <p:spPr>
          <a:xfrm>
            <a:off x="6012309"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7" name="Freeform: Shape 96">
            <a:extLst>
              <a:ext uri="{FF2B5EF4-FFF2-40B4-BE49-F238E27FC236}">
                <a16:creationId xmlns:a16="http://schemas.microsoft.com/office/drawing/2014/main" id="{50510BFB-3357-44D2-A994-1EE41361D32F}"/>
              </a:ext>
            </a:extLst>
          </p:cNvPr>
          <p:cNvSpPr/>
          <p:nvPr userDrawn="1"/>
        </p:nvSpPr>
        <p:spPr>
          <a:xfrm flipH="1">
            <a:off x="8043801"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8" name="Text Placeholder 48">
            <a:extLst>
              <a:ext uri="{FF2B5EF4-FFF2-40B4-BE49-F238E27FC236}">
                <a16:creationId xmlns:a16="http://schemas.microsoft.com/office/drawing/2014/main" id="{2FBD423A-D670-4284-9973-07AC75B45B70}"/>
              </a:ext>
            </a:extLst>
          </p:cNvPr>
          <p:cNvSpPr>
            <a:spLocks noGrp="1"/>
          </p:cNvSpPr>
          <p:nvPr>
            <p:ph type="body" sz="quarter" idx="74" hasCustomPrompt="1"/>
          </p:nvPr>
        </p:nvSpPr>
        <p:spPr>
          <a:xfrm>
            <a:off x="8149214"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9" name="Picture Placeholder 98">
            <a:extLst>
              <a:ext uri="{FF2B5EF4-FFF2-40B4-BE49-F238E27FC236}">
                <a16:creationId xmlns:a16="http://schemas.microsoft.com/office/drawing/2014/main" id="{5699DB29-6D21-4EE9-BBED-08501C255B23}"/>
              </a:ext>
            </a:extLst>
          </p:cNvPr>
          <p:cNvSpPr>
            <a:spLocks noGrp="1"/>
          </p:cNvSpPr>
          <p:nvPr>
            <p:ph type="pic" sz="quarter" idx="75" hasCustomPrompt="1"/>
          </p:nvPr>
        </p:nvSpPr>
        <p:spPr>
          <a:xfrm>
            <a:off x="9757985"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Tree>
    <p:extLst>
      <p:ext uri="{BB962C8B-B14F-4D97-AF65-F5344CB8AC3E}">
        <p14:creationId xmlns:p14="http://schemas.microsoft.com/office/powerpoint/2010/main" val="316233213"/>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Highlights of our work 3x3 - Dark">
    <p:spTree>
      <p:nvGrpSpPr>
        <p:cNvPr id="1" name=""/>
        <p:cNvGrpSpPr/>
        <p:nvPr/>
      </p:nvGrpSpPr>
      <p:grpSpPr>
        <a:xfrm>
          <a:off x="0" y="0"/>
          <a:ext cx="0" cy="0"/>
          <a:chOff x="0" y="0"/>
          <a:chExt cx="0" cy="0"/>
        </a:xfrm>
      </p:grpSpPr>
      <p:sp>
        <p:nvSpPr>
          <p:cNvPr id="23" name="Title 1">
            <a:extLst>
              <a:ext uri="{FF2B5EF4-FFF2-40B4-BE49-F238E27FC236}">
                <a16:creationId xmlns:a16="http://schemas.microsoft.com/office/drawing/2014/main" id="{D4FD8C0F-A2E1-4175-B0EA-9D41952AE502}"/>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24" name="Straight Connector 23">
            <a:extLst>
              <a:ext uri="{FF2B5EF4-FFF2-40B4-BE49-F238E27FC236}">
                <a16:creationId xmlns:a16="http://schemas.microsoft.com/office/drawing/2014/main" id="{07C11DAB-AB70-4C91-B31A-9624E311870A}"/>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5" name="Freeform: Shape 24">
            <a:extLst>
              <a:ext uri="{FF2B5EF4-FFF2-40B4-BE49-F238E27FC236}">
                <a16:creationId xmlns:a16="http://schemas.microsoft.com/office/drawing/2014/main" id="{E995A02E-2C22-4BE6-97A0-FD799B0B8CE5}"/>
              </a:ext>
            </a:extLst>
          </p:cNvPr>
          <p:cNvSpPr/>
          <p:nvPr userDrawn="1"/>
        </p:nvSpPr>
        <p:spPr>
          <a:xfrm flipH="1">
            <a:off x="552449"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52" name="Text Placeholder 48">
            <a:extLst>
              <a:ext uri="{FF2B5EF4-FFF2-40B4-BE49-F238E27FC236}">
                <a16:creationId xmlns:a16="http://schemas.microsoft.com/office/drawing/2014/main" id="{A40F23B4-14A3-4E04-928D-15ABC36C1A49}"/>
              </a:ext>
            </a:extLst>
          </p:cNvPr>
          <p:cNvSpPr>
            <a:spLocks noGrp="1"/>
          </p:cNvSpPr>
          <p:nvPr>
            <p:ph type="body" sz="quarter" idx="11" hasCustomPrompt="1"/>
          </p:nvPr>
        </p:nvSpPr>
        <p:spPr>
          <a:xfrm>
            <a:off x="657862"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5" name="Picture Placeholder 74">
            <a:extLst>
              <a:ext uri="{FF2B5EF4-FFF2-40B4-BE49-F238E27FC236}">
                <a16:creationId xmlns:a16="http://schemas.microsoft.com/office/drawing/2014/main" id="{2FFB3B21-27E0-420B-93E9-5480D9BB26F7}"/>
              </a:ext>
            </a:extLst>
          </p:cNvPr>
          <p:cNvSpPr>
            <a:spLocks noGrp="1"/>
          </p:cNvSpPr>
          <p:nvPr>
            <p:ph type="pic" sz="quarter" idx="59" hasCustomPrompt="1"/>
          </p:nvPr>
        </p:nvSpPr>
        <p:spPr>
          <a:xfrm>
            <a:off x="2266633"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6" name="Freeform: Shape 75">
            <a:extLst>
              <a:ext uri="{FF2B5EF4-FFF2-40B4-BE49-F238E27FC236}">
                <a16:creationId xmlns:a16="http://schemas.microsoft.com/office/drawing/2014/main" id="{3D41B089-617F-4E27-9FD7-38FA8B7A4FDA}"/>
              </a:ext>
            </a:extLst>
          </p:cNvPr>
          <p:cNvSpPr/>
          <p:nvPr userDrawn="1"/>
        </p:nvSpPr>
        <p:spPr>
          <a:xfrm flipH="1">
            <a:off x="4298125"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77" name="Text Placeholder 48">
            <a:extLst>
              <a:ext uri="{FF2B5EF4-FFF2-40B4-BE49-F238E27FC236}">
                <a16:creationId xmlns:a16="http://schemas.microsoft.com/office/drawing/2014/main" id="{5CA431EE-DE37-4AE4-924E-3675A47F71F9}"/>
              </a:ext>
            </a:extLst>
          </p:cNvPr>
          <p:cNvSpPr>
            <a:spLocks noGrp="1"/>
          </p:cNvSpPr>
          <p:nvPr>
            <p:ph type="body" sz="quarter" idx="60" hasCustomPrompt="1"/>
          </p:nvPr>
        </p:nvSpPr>
        <p:spPr>
          <a:xfrm>
            <a:off x="4403538"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78" name="Picture Placeholder 77">
            <a:extLst>
              <a:ext uri="{FF2B5EF4-FFF2-40B4-BE49-F238E27FC236}">
                <a16:creationId xmlns:a16="http://schemas.microsoft.com/office/drawing/2014/main" id="{EFB78DDC-1C88-416B-9769-3A65B94A15D0}"/>
              </a:ext>
            </a:extLst>
          </p:cNvPr>
          <p:cNvSpPr>
            <a:spLocks noGrp="1"/>
          </p:cNvSpPr>
          <p:nvPr>
            <p:ph type="pic" sz="quarter" idx="61" hasCustomPrompt="1"/>
          </p:nvPr>
        </p:nvSpPr>
        <p:spPr>
          <a:xfrm>
            <a:off x="6012309"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9" name="Freeform: Shape 78">
            <a:extLst>
              <a:ext uri="{FF2B5EF4-FFF2-40B4-BE49-F238E27FC236}">
                <a16:creationId xmlns:a16="http://schemas.microsoft.com/office/drawing/2014/main" id="{A06F32B8-220A-4CC2-89FF-74178197C110}"/>
              </a:ext>
            </a:extLst>
          </p:cNvPr>
          <p:cNvSpPr/>
          <p:nvPr userDrawn="1"/>
        </p:nvSpPr>
        <p:spPr>
          <a:xfrm flipH="1">
            <a:off x="8043801"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0" name="Text Placeholder 48">
            <a:extLst>
              <a:ext uri="{FF2B5EF4-FFF2-40B4-BE49-F238E27FC236}">
                <a16:creationId xmlns:a16="http://schemas.microsoft.com/office/drawing/2014/main" id="{773E2874-C6B7-46CF-873B-D3441014368E}"/>
              </a:ext>
            </a:extLst>
          </p:cNvPr>
          <p:cNvSpPr>
            <a:spLocks noGrp="1"/>
          </p:cNvSpPr>
          <p:nvPr>
            <p:ph type="body" sz="quarter" idx="62" hasCustomPrompt="1"/>
          </p:nvPr>
        </p:nvSpPr>
        <p:spPr>
          <a:xfrm>
            <a:off x="8149214"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1" name="Picture Placeholder 80">
            <a:extLst>
              <a:ext uri="{FF2B5EF4-FFF2-40B4-BE49-F238E27FC236}">
                <a16:creationId xmlns:a16="http://schemas.microsoft.com/office/drawing/2014/main" id="{2084AE6F-A82C-4036-A06E-7AE9A3CAD1B1}"/>
              </a:ext>
            </a:extLst>
          </p:cNvPr>
          <p:cNvSpPr>
            <a:spLocks noGrp="1"/>
          </p:cNvSpPr>
          <p:nvPr>
            <p:ph type="pic" sz="quarter" idx="63" hasCustomPrompt="1"/>
          </p:nvPr>
        </p:nvSpPr>
        <p:spPr>
          <a:xfrm>
            <a:off x="9757985"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2" name="Freeform: Shape 81">
            <a:extLst>
              <a:ext uri="{FF2B5EF4-FFF2-40B4-BE49-F238E27FC236}">
                <a16:creationId xmlns:a16="http://schemas.microsoft.com/office/drawing/2014/main" id="{8D098917-081F-4354-8234-1C19086959A3}"/>
              </a:ext>
            </a:extLst>
          </p:cNvPr>
          <p:cNvSpPr/>
          <p:nvPr userDrawn="1"/>
        </p:nvSpPr>
        <p:spPr>
          <a:xfrm flipH="1">
            <a:off x="552449"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3" name="Text Placeholder 48">
            <a:extLst>
              <a:ext uri="{FF2B5EF4-FFF2-40B4-BE49-F238E27FC236}">
                <a16:creationId xmlns:a16="http://schemas.microsoft.com/office/drawing/2014/main" id="{81940A38-A938-41EA-ADF4-0322F50FDF49}"/>
              </a:ext>
            </a:extLst>
          </p:cNvPr>
          <p:cNvSpPr>
            <a:spLocks noGrp="1"/>
          </p:cNvSpPr>
          <p:nvPr>
            <p:ph type="body" sz="quarter" idx="64" hasCustomPrompt="1"/>
          </p:nvPr>
        </p:nvSpPr>
        <p:spPr>
          <a:xfrm>
            <a:off x="657862"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4" name="Picture Placeholder 83">
            <a:extLst>
              <a:ext uri="{FF2B5EF4-FFF2-40B4-BE49-F238E27FC236}">
                <a16:creationId xmlns:a16="http://schemas.microsoft.com/office/drawing/2014/main" id="{9B3A8624-B87E-4F26-A7E4-606C6FF2D149}"/>
              </a:ext>
            </a:extLst>
          </p:cNvPr>
          <p:cNvSpPr>
            <a:spLocks noGrp="1"/>
          </p:cNvSpPr>
          <p:nvPr>
            <p:ph type="pic" sz="quarter" idx="65" hasCustomPrompt="1"/>
          </p:nvPr>
        </p:nvSpPr>
        <p:spPr>
          <a:xfrm>
            <a:off x="2266633"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5" name="Freeform: Shape 84">
            <a:extLst>
              <a:ext uri="{FF2B5EF4-FFF2-40B4-BE49-F238E27FC236}">
                <a16:creationId xmlns:a16="http://schemas.microsoft.com/office/drawing/2014/main" id="{F88E3FA5-5485-40D0-887B-E9D4F282112F}"/>
              </a:ext>
            </a:extLst>
          </p:cNvPr>
          <p:cNvSpPr/>
          <p:nvPr userDrawn="1"/>
        </p:nvSpPr>
        <p:spPr>
          <a:xfrm flipH="1">
            <a:off x="4298125"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6" name="Text Placeholder 48">
            <a:extLst>
              <a:ext uri="{FF2B5EF4-FFF2-40B4-BE49-F238E27FC236}">
                <a16:creationId xmlns:a16="http://schemas.microsoft.com/office/drawing/2014/main" id="{BAB8058B-94CA-46A8-8177-3D23CC4B0B44}"/>
              </a:ext>
            </a:extLst>
          </p:cNvPr>
          <p:cNvSpPr>
            <a:spLocks noGrp="1"/>
          </p:cNvSpPr>
          <p:nvPr>
            <p:ph type="body" sz="quarter" idx="66" hasCustomPrompt="1"/>
          </p:nvPr>
        </p:nvSpPr>
        <p:spPr>
          <a:xfrm>
            <a:off x="4403538"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87" name="Picture Placeholder 86">
            <a:extLst>
              <a:ext uri="{FF2B5EF4-FFF2-40B4-BE49-F238E27FC236}">
                <a16:creationId xmlns:a16="http://schemas.microsoft.com/office/drawing/2014/main" id="{796B6A7E-ACE9-43C4-839F-D05405480001}"/>
              </a:ext>
            </a:extLst>
          </p:cNvPr>
          <p:cNvSpPr>
            <a:spLocks noGrp="1"/>
          </p:cNvSpPr>
          <p:nvPr>
            <p:ph type="pic" sz="quarter" idx="67" hasCustomPrompt="1"/>
          </p:nvPr>
        </p:nvSpPr>
        <p:spPr>
          <a:xfrm>
            <a:off x="6012309"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8" name="Freeform: Shape 87">
            <a:extLst>
              <a:ext uri="{FF2B5EF4-FFF2-40B4-BE49-F238E27FC236}">
                <a16:creationId xmlns:a16="http://schemas.microsoft.com/office/drawing/2014/main" id="{856CBE8E-B510-4763-B8C6-30593384778D}"/>
              </a:ext>
            </a:extLst>
          </p:cNvPr>
          <p:cNvSpPr/>
          <p:nvPr userDrawn="1"/>
        </p:nvSpPr>
        <p:spPr>
          <a:xfrm flipH="1">
            <a:off x="8043801"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89" name="Text Placeholder 48">
            <a:extLst>
              <a:ext uri="{FF2B5EF4-FFF2-40B4-BE49-F238E27FC236}">
                <a16:creationId xmlns:a16="http://schemas.microsoft.com/office/drawing/2014/main" id="{6F7756B7-32B9-4CB1-AFB8-9A2615BC521D}"/>
              </a:ext>
            </a:extLst>
          </p:cNvPr>
          <p:cNvSpPr>
            <a:spLocks noGrp="1"/>
          </p:cNvSpPr>
          <p:nvPr>
            <p:ph type="body" sz="quarter" idx="68" hasCustomPrompt="1"/>
          </p:nvPr>
        </p:nvSpPr>
        <p:spPr>
          <a:xfrm>
            <a:off x="8149214"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0" name="Picture Placeholder 89">
            <a:extLst>
              <a:ext uri="{FF2B5EF4-FFF2-40B4-BE49-F238E27FC236}">
                <a16:creationId xmlns:a16="http://schemas.microsoft.com/office/drawing/2014/main" id="{7DD1FCB5-20ED-4229-887E-F9A938FCDE4D}"/>
              </a:ext>
            </a:extLst>
          </p:cNvPr>
          <p:cNvSpPr>
            <a:spLocks noGrp="1"/>
          </p:cNvSpPr>
          <p:nvPr>
            <p:ph type="pic" sz="quarter" idx="69" hasCustomPrompt="1"/>
          </p:nvPr>
        </p:nvSpPr>
        <p:spPr>
          <a:xfrm>
            <a:off x="9757985"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1" name="Freeform: Shape 90">
            <a:extLst>
              <a:ext uri="{FF2B5EF4-FFF2-40B4-BE49-F238E27FC236}">
                <a16:creationId xmlns:a16="http://schemas.microsoft.com/office/drawing/2014/main" id="{4C398AA6-92F2-4F01-9B0F-E9BA2DC9B908}"/>
              </a:ext>
            </a:extLst>
          </p:cNvPr>
          <p:cNvSpPr/>
          <p:nvPr userDrawn="1"/>
        </p:nvSpPr>
        <p:spPr>
          <a:xfrm flipH="1">
            <a:off x="552449"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2" name="Text Placeholder 48">
            <a:extLst>
              <a:ext uri="{FF2B5EF4-FFF2-40B4-BE49-F238E27FC236}">
                <a16:creationId xmlns:a16="http://schemas.microsoft.com/office/drawing/2014/main" id="{96321074-E91D-46BD-B501-B9EBE993A34E}"/>
              </a:ext>
            </a:extLst>
          </p:cNvPr>
          <p:cNvSpPr>
            <a:spLocks noGrp="1"/>
          </p:cNvSpPr>
          <p:nvPr>
            <p:ph type="body" sz="quarter" idx="70" hasCustomPrompt="1"/>
          </p:nvPr>
        </p:nvSpPr>
        <p:spPr>
          <a:xfrm>
            <a:off x="657862"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3" name="Picture Placeholder 92">
            <a:extLst>
              <a:ext uri="{FF2B5EF4-FFF2-40B4-BE49-F238E27FC236}">
                <a16:creationId xmlns:a16="http://schemas.microsoft.com/office/drawing/2014/main" id="{31952B9D-3239-4612-9C0A-BD13019D8594}"/>
              </a:ext>
            </a:extLst>
          </p:cNvPr>
          <p:cNvSpPr>
            <a:spLocks noGrp="1"/>
          </p:cNvSpPr>
          <p:nvPr>
            <p:ph type="pic" sz="quarter" idx="71" hasCustomPrompt="1"/>
          </p:nvPr>
        </p:nvSpPr>
        <p:spPr>
          <a:xfrm>
            <a:off x="2266633"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4" name="Freeform: Shape 93">
            <a:extLst>
              <a:ext uri="{FF2B5EF4-FFF2-40B4-BE49-F238E27FC236}">
                <a16:creationId xmlns:a16="http://schemas.microsoft.com/office/drawing/2014/main" id="{84098359-8B78-436F-A4DE-56E597BC25A9}"/>
              </a:ext>
            </a:extLst>
          </p:cNvPr>
          <p:cNvSpPr/>
          <p:nvPr userDrawn="1"/>
        </p:nvSpPr>
        <p:spPr>
          <a:xfrm flipH="1">
            <a:off x="4298125"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5" name="Text Placeholder 48">
            <a:extLst>
              <a:ext uri="{FF2B5EF4-FFF2-40B4-BE49-F238E27FC236}">
                <a16:creationId xmlns:a16="http://schemas.microsoft.com/office/drawing/2014/main" id="{CC78ECDB-6352-42AC-9B98-9BE2B342FA9A}"/>
              </a:ext>
            </a:extLst>
          </p:cNvPr>
          <p:cNvSpPr>
            <a:spLocks noGrp="1"/>
          </p:cNvSpPr>
          <p:nvPr>
            <p:ph type="body" sz="quarter" idx="72" hasCustomPrompt="1"/>
          </p:nvPr>
        </p:nvSpPr>
        <p:spPr>
          <a:xfrm>
            <a:off x="4403538"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6" name="Picture Placeholder 95">
            <a:extLst>
              <a:ext uri="{FF2B5EF4-FFF2-40B4-BE49-F238E27FC236}">
                <a16:creationId xmlns:a16="http://schemas.microsoft.com/office/drawing/2014/main" id="{ABC80AA4-C739-45DF-AB5C-6B0FE9D62782}"/>
              </a:ext>
            </a:extLst>
          </p:cNvPr>
          <p:cNvSpPr>
            <a:spLocks noGrp="1"/>
          </p:cNvSpPr>
          <p:nvPr>
            <p:ph type="pic" sz="quarter" idx="73" hasCustomPrompt="1"/>
          </p:nvPr>
        </p:nvSpPr>
        <p:spPr>
          <a:xfrm>
            <a:off x="6012309"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7" name="Freeform: Shape 96">
            <a:extLst>
              <a:ext uri="{FF2B5EF4-FFF2-40B4-BE49-F238E27FC236}">
                <a16:creationId xmlns:a16="http://schemas.microsoft.com/office/drawing/2014/main" id="{50510BFB-3357-44D2-A994-1EE41361D32F}"/>
              </a:ext>
            </a:extLst>
          </p:cNvPr>
          <p:cNvSpPr/>
          <p:nvPr userDrawn="1"/>
        </p:nvSpPr>
        <p:spPr>
          <a:xfrm flipH="1">
            <a:off x="8043801"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98" name="Text Placeholder 48">
            <a:extLst>
              <a:ext uri="{FF2B5EF4-FFF2-40B4-BE49-F238E27FC236}">
                <a16:creationId xmlns:a16="http://schemas.microsoft.com/office/drawing/2014/main" id="{2FBD423A-D670-4284-9973-07AC75B45B70}"/>
              </a:ext>
            </a:extLst>
          </p:cNvPr>
          <p:cNvSpPr>
            <a:spLocks noGrp="1"/>
          </p:cNvSpPr>
          <p:nvPr>
            <p:ph type="body" sz="quarter" idx="74" hasCustomPrompt="1"/>
          </p:nvPr>
        </p:nvSpPr>
        <p:spPr>
          <a:xfrm>
            <a:off x="8149214"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99" name="Picture Placeholder 98">
            <a:extLst>
              <a:ext uri="{FF2B5EF4-FFF2-40B4-BE49-F238E27FC236}">
                <a16:creationId xmlns:a16="http://schemas.microsoft.com/office/drawing/2014/main" id="{5699DB29-6D21-4EE9-BBED-08501C255B23}"/>
              </a:ext>
            </a:extLst>
          </p:cNvPr>
          <p:cNvSpPr>
            <a:spLocks noGrp="1"/>
          </p:cNvSpPr>
          <p:nvPr>
            <p:ph type="pic" sz="quarter" idx="75" hasCustomPrompt="1"/>
          </p:nvPr>
        </p:nvSpPr>
        <p:spPr>
          <a:xfrm>
            <a:off x="9757985"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Tree>
    <p:extLst>
      <p:ext uri="{BB962C8B-B14F-4D97-AF65-F5344CB8AC3E}">
        <p14:creationId xmlns:p14="http://schemas.microsoft.com/office/powerpoint/2010/main" val="3493333138"/>
      </p:ext>
    </p:extLst>
  </p:cSld>
  <p:clrMapOvr>
    <a:masterClrMapping/>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Highlights of our work 3x4">
    <p:spTree>
      <p:nvGrpSpPr>
        <p:cNvPr id="1" name=""/>
        <p:cNvGrpSpPr/>
        <p:nvPr/>
      </p:nvGrpSpPr>
      <p:grpSpPr>
        <a:xfrm>
          <a:off x="0" y="0"/>
          <a:ext cx="0" cy="0"/>
          <a:chOff x="0" y="0"/>
          <a:chExt cx="0" cy="0"/>
        </a:xfrm>
      </p:grpSpPr>
      <p:sp>
        <p:nvSpPr>
          <p:cNvPr id="30" name="Freeform: Shape 29">
            <a:extLst>
              <a:ext uri="{FF2B5EF4-FFF2-40B4-BE49-F238E27FC236}">
                <a16:creationId xmlns:a16="http://schemas.microsoft.com/office/drawing/2014/main" id="{7BB0F999-44E3-4677-8792-25137588062F}"/>
              </a:ext>
            </a:extLst>
          </p:cNvPr>
          <p:cNvSpPr/>
          <p:nvPr userDrawn="1"/>
        </p:nvSpPr>
        <p:spPr>
          <a:xfrm flipH="1">
            <a:off x="552450"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1" name="Freeform: Shape 30">
            <a:extLst>
              <a:ext uri="{FF2B5EF4-FFF2-40B4-BE49-F238E27FC236}">
                <a16:creationId xmlns:a16="http://schemas.microsoft.com/office/drawing/2014/main" id="{9220D8EA-A011-425D-AFFE-DD3D2D48E0F2}"/>
              </a:ext>
            </a:extLst>
          </p:cNvPr>
          <p:cNvSpPr/>
          <p:nvPr userDrawn="1"/>
        </p:nvSpPr>
        <p:spPr>
          <a:xfrm flipH="1">
            <a:off x="552450"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2" name="Freeform: Shape 31">
            <a:extLst>
              <a:ext uri="{FF2B5EF4-FFF2-40B4-BE49-F238E27FC236}">
                <a16:creationId xmlns:a16="http://schemas.microsoft.com/office/drawing/2014/main" id="{7F8D45CE-40E0-4E37-A2E3-F96ABD4E3F90}"/>
              </a:ext>
            </a:extLst>
          </p:cNvPr>
          <p:cNvSpPr/>
          <p:nvPr userDrawn="1"/>
        </p:nvSpPr>
        <p:spPr>
          <a:xfrm flipH="1">
            <a:off x="552450"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3" name="Freeform: Shape 32">
            <a:extLst>
              <a:ext uri="{FF2B5EF4-FFF2-40B4-BE49-F238E27FC236}">
                <a16:creationId xmlns:a16="http://schemas.microsoft.com/office/drawing/2014/main" id="{DC3BC631-EF35-464C-8F3D-1A99DE2CA201}"/>
              </a:ext>
            </a:extLst>
          </p:cNvPr>
          <p:cNvSpPr/>
          <p:nvPr userDrawn="1"/>
        </p:nvSpPr>
        <p:spPr>
          <a:xfrm flipH="1">
            <a:off x="552450"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4" name="Freeform: Shape 33">
            <a:extLst>
              <a:ext uri="{FF2B5EF4-FFF2-40B4-BE49-F238E27FC236}">
                <a16:creationId xmlns:a16="http://schemas.microsoft.com/office/drawing/2014/main" id="{BEC69C82-236C-4107-AE79-D3FFB927E141}"/>
              </a:ext>
            </a:extLst>
          </p:cNvPr>
          <p:cNvSpPr/>
          <p:nvPr userDrawn="1"/>
        </p:nvSpPr>
        <p:spPr>
          <a:xfrm flipH="1">
            <a:off x="4297362"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spcBef>
                <a:spcPts val="600"/>
              </a:spcBef>
            </a:pPr>
            <a:endParaRPr lang="da-DK" sz="1400" dirty="0"/>
          </a:p>
        </p:txBody>
      </p:sp>
      <p:sp>
        <p:nvSpPr>
          <p:cNvPr id="35" name="Freeform: Shape 34">
            <a:extLst>
              <a:ext uri="{FF2B5EF4-FFF2-40B4-BE49-F238E27FC236}">
                <a16:creationId xmlns:a16="http://schemas.microsoft.com/office/drawing/2014/main" id="{5D4B8CDD-3496-4DFB-A77D-D317EF76594C}"/>
              </a:ext>
            </a:extLst>
          </p:cNvPr>
          <p:cNvSpPr/>
          <p:nvPr userDrawn="1"/>
        </p:nvSpPr>
        <p:spPr>
          <a:xfrm flipH="1">
            <a:off x="4297362"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6" name="Freeform: Shape 35">
            <a:extLst>
              <a:ext uri="{FF2B5EF4-FFF2-40B4-BE49-F238E27FC236}">
                <a16:creationId xmlns:a16="http://schemas.microsoft.com/office/drawing/2014/main" id="{C388A104-F84E-4855-B153-4E52A8D171BA}"/>
              </a:ext>
            </a:extLst>
          </p:cNvPr>
          <p:cNvSpPr/>
          <p:nvPr userDrawn="1"/>
        </p:nvSpPr>
        <p:spPr>
          <a:xfrm flipH="1">
            <a:off x="4297362"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7" name="Freeform: Shape 36">
            <a:extLst>
              <a:ext uri="{FF2B5EF4-FFF2-40B4-BE49-F238E27FC236}">
                <a16:creationId xmlns:a16="http://schemas.microsoft.com/office/drawing/2014/main" id="{6D52C844-E4AD-41FD-B26A-D793526C280B}"/>
              </a:ext>
            </a:extLst>
          </p:cNvPr>
          <p:cNvSpPr/>
          <p:nvPr userDrawn="1"/>
        </p:nvSpPr>
        <p:spPr>
          <a:xfrm flipH="1">
            <a:off x="4297362"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8" name="Freeform: Shape 37">
            <a:extLst>
              <a:ext uri="{FF2B5EF4-FFF2-40B4-BE49-F238E27FC236}">
                <a16:creationId xmlns:a16="http://schemas.microsoft.com/office/drawing/2014/main" id="{CB4BAAF0-F96A-46FE-9C19-7CAFE7AFC337}"/>
              </a:ext>
            </a:extLst>
          </p:cNvPr>
          <p:cNvSpPr/>
          <p:nvPr userDrawn="1"/>
        </p:nvSpPr>
        <p:spPr>
          <a:xfrm flipH="1">
            <a:off x="8042275"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9" name="Freeform: Shape 38">
            <a:extLst>
              <a:ext uri="{FF2B5EF4-FFF2-40B4-BE49-F238E27FC236}">
                <a16:creationId xmlns:a16="http://schemas.microsoft.com/office/drawing/2014/main" id="{8317A13E-12AD-4A55-BE9F-CD32DB0E7230}"/>
              </a:ext>
            </a:extLst>
          </p:cNvPr>
          <p:cNvSpPr/>
          <p:nvPr userDrawn="1"/>
        </p:nvSpPr>
        <p:spPr>
          <a:xfrm flipH="1">
            <a:off x="8042275"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0" name="Freeform: Shape 39">
            <a:extLst>
              <a:ext uri="{FF2B5EF4-FFF2-40B4-BE49-F238E27FC236}">
                <a16:creationId xmlns:a16="http://schemas.microsoft.com/office/drawing/2014/main" id="{953C3634-609F-4FBA-8701-B6AC5EB000F1}"/>
              </a:ext>
            </a:extLst>
          </p:cNvPr>
          <p:cNvSpPr/>
          <p:nvPr userDrawn="1"/>
        </p:nvSpPr>
        <p:spPr>
          <a:xfrm flipH="1">
            <a:off x="8042275"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1" name="Freeform: Shape 40">
            <a:extLst>
              <a:ext uri="{FF2B5EF4-FFF2-40B4-BE49-F238E27FC236}">
                <a16:creationId xmlns:a16="http://schemas.microsoft.com/office/drawing/2014/main" id="{D646ACF9-F679-4E16-85FF-F05C25919189}"/>
              </a:ext>
            </a:extLst>
          </p:cNvPr>
          <p:cNvSpPr/>
          <p:nvPr userDrawn="1"/>
        </p:nvSpPr>
        <p:spPr>
          <a:xfrm flipH="1">
            <a:off x="8042275"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2" name="Text Placeholder 48">
            <a:extLst>
              <a:ext uri="{FF2B5EF4-FFF2-40B4-BE49-F238E27FC236}">
                <a16:creationId xmlns:a16="http://schemas.microsoft.com/office/drawing/2014/main" id="{C694C9AC-720B-4294-AEED-F02B1C6EEA82}"/>
              </a:ext>
            </a:extLst>
          </p:cNvPr>
          <p:cNvSpPr>
            <a:spLocks noGrp="1"/>
          </p:cNvSpPr>
          <p:nvPr>
            <p:ph type="body" sz="quarter" idx="11" hasCustomPrompt="1"/>
          </p:nvPr>
        </p:nvSpPr>
        <p:spPr>
          <a:xfrm>
            <a:off x="657861"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3" name="Text Placeholder 48">
            <a:extLst>
              <a:ext uri="{FF2B5EF4-FFF2-40B4-BE49-F238E27FC236}">
                <a16:creationId xmlns:a16="http://schemas.microsoft.com/office/drawing/2014/main" id="{2A39AFED-FD08-417D-8341-972C69769E54}"/>
              </a:ext>
            </a:extLst>
          </p:cNvPr>
          <p:cNvSpPr>
            <a:spLocks noGrp="1"/>
          </p:cNvSpPr>
          <p:nvPr>
            <p:ph type="body" sz="quarter" idx="48" hasCustomPrompt="1"/>
          </p:nvPr>
        </p:nvSpPr>
        <p:spPr>
          <a:xfrm>
            <a:off x="657861"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4" name="Text Placeholder 48">
            <a:extLst>
              <a:ext uri="{FF2B5EF4-FFF2-40B4-BE49-F238E27FC236}">
                <a16:creationId xmlns:a16="http://schemas.microsoft.com/office/drawing/2014/main" id="{6776F793-4AE8-4989-A373-12D85C7215E0}"/>
              </a:ext>
            </a:extLst>
          </p:cNvPr>
          <p:cNvSpPr>
            <a:spLocks noGrp="1"/>
          </p:cNvSpPr>
          <p:nvPr>
            <p:ph type="body" sz="quarter" idx="49" hasCustomPrompt="1"/>
          </p:nvPr>
        </p:nvSpPr>
        <p:spPr>
          <a:xfrm>
            <a:off x="657861"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5" name="Text Placeholder 48">
            <a:extLst>
              <a:ext uri="{FF2B5EF4-FFF2-40B4-BE49-F238E27FC236}">
                <a16:creationId xmlns:a16="http://schemas.microsoft.com/office/drawing/2014/main" id="{863C801C-A938-413C-AE57-9A8DD0303AF5}"/>
              </a:ext>
            </a:extLst>
          </p:cNvPr>
          <p:cNvSpPr>
            <a:spLocks noGrp="1"/>
          </p:cNvSpPr>
          <p:nvPr>
            <p:ph type="body" sz="quarter" idx="50" hasCustomPrompt="1"/>
          </p:nvPr>
        </p:nvSpPr>
        <p:spPr>
          <a:xfrm>
            <a:off x="657861"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6" name="Text Placeholder 48">
            <a:extLst>
              <a:ext uri="{FF2B5EF4-FFF2-40B4-BE49-F238E27FC236}">
                <a16:creationId xmlns:a16="http://schemas.microsoft.com/office/drawing/2014/main" id="{BB685E08-E9D3-4999-B043-59FFD28951CB}"/>
              </a:ext>
            </a:extLst>
          </p:cNvPr>
          <p:cNvSpPr>
            <a:spLocks noGrp="1"/>
          </p:cNvSpPr>
          <p:nvPr>
            <p:ph type="body" sz="quarter" idx="51" hasCustomPrompt="1"/>
          </p:nvPr>
        </p:nvSpPr>
        <p:spPr>
          <a:xfrm>
            <a:off x="4402772"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smtClean="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8" name="Text Placeholder 48">
            <a:extLst>
              <a:ext uri="{FF2B5EF4-FFF2-40B4-BE49-F238E27FC236}">
                <a16:creationId xmlns:a16="http://schemas.microsoft.com/office/drawing/2014/main" id="{9D411624-ED38-4910-95CB-99063F83EE84}"/>
              </a:ext>
            </a:extLst>
          </p:cNvPr>
          <p:cNvSpPr>
            <a:spLocks noGrp="1"/>
          </p:cNvSpPr>
          <p:nvPr>
            <p:ph type="body" sz="quarter" idx="52" hasCustomPrompt="1"/>
          </p:nvPr>
        </p:nvSpPr>
        <p:spPr>
          <a:xfrm>
            <a:off x="4402772"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4" name="Text Placeholder 48">
            <a:extLst>
              <a:ext uri="{FF2B5EF4-FFF2-40B4-BE49-F238E27FC236}">
                <a16:creationId xmlns:a16="http://schemas.microsoft.com/office/drawing/2014/main" id="{1D94EC25-AB9E-4747-99A4-13F43A3BD242}"/>
              </a:ext>
            </a:extLst>
          </p:cNvPr>
          <p:cNvSpPr>
            <a:spLocks noGrp="1"/>
          </p:cNvSpPr>
          <p:nvPr>
            <p:ph type="body" sz="quarter" idx="53" hasCustomPrompt="1"/>
          </p:nvPr>
        </p:nvSpPr>
        <p:spPr>
          <a:xfrm>
            <a:off x="4402772"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5" name="Text Placeholder 48">
            <a:extLst>
              <a:ext uri="{FF2B5EF4-FFF2-40B4-BE49-F238E27FC236}">
                <a16:creationId xmlns:a16="http://schemas.microsoft.com/office/drawing/2014/main" id="{1C6AEF0A-A580-4FBA-8A22-B7F4C0BA1C9F}"/>
              </a:ext>
            </a:extLst>
          </p:cNvPr>
          <p:cNvSpPr>
            <a:spLocks noGrp="1"/>
          </p:cNvSpPr>
          <p:nvPr>
            <p:ph type="body" sz="quarter" idx="54" hasCustomPrompt="1"/>
          </p:nvPr>
        </p:nvSpPr>
        <p:spPr>
          <a:xfrm>
            <a:off x="4402772"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8" name="Text Placeholder 48">
            <a:extLst>
              <a:ext uri="{FF2B5EF4-FFF2-40B4-BE49-F238E27FC236}">
                <a16:creationId xmlns:a16="http://schemas.microsoft.com/office/drawing/2014/main" id="{48F76E9D-5E76-4A6A-AF5F-8B5210E22264}"/>
              </a:ext>
            </a:extLst>
          </p:cNvPr>
          <p:cNvSpPr>
            <a:spLocks noGrp="1"/>
          </p:cNvSpPr>
          <p:nvPr>
            <p:ph type="body" sz="quarter" idx="55" hasCustomPrompt="1"/>
          </p:nvPr>
        </p:nvSpPr>
        <p:spPr>
          <a:xfrm>
            <a:off x="8147336"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9" name="Text Placeholder 48">
            <a:extLst>
              <a:ext uri="{FF2B5EF4-FFF2-40B4-BE49-F238E27FC236}">
                <a16:creationId xmlns:a16="http://schemas.microsoft.com/office/drawing/2014/main" id="{EFBB5A88-C2C7-4245-A367-358A914277EA}"/>
              </a:ext>
            </a:extLst>
          </p:cNvPr>
          <p:cNvSpPr>
            <a:spLocks noGrp="1"/>
          </p:cNvSpPr>
          <p:nvPr>
            <p:ph type="body" sz="quarter" idx="56" hasCustomPrompt="1"/>
          </p:nvPr>
        </p:nvSpPr>
        <p:spPr>
          <a:xfrm>
            <a:off x="8147336"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6" name="Text Placeholder 48">
            <a:extLst>
              <a:ext uri="{FF2B5EF4-FFF2-40B4-BE49-F238E27FC236}">
                <a16:creationId xmlns:a16="http://schemas.microsoft.com/office/drawing/2014/main" id="{D5209452-F3AF-4277-8DE6-B0D0C868C28D}"/>
              </a:ext>
            </a:extLst>
          </p:cNvPr>
          <p:cNvSpPr>
            <a:spLocks noGrp="1"/>
          </p:cNvSpPr>
          <p:nvPr>
            <p:ph type="body" sz="quarter" idx="57" hasCustomPrompt="1"/>
          </p:nvPr>
        </p:nvSpPr>
        <p:spPr>
          <a:xfrm>
            <a:off x="8147336"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7" name="Text Placeholder 48">
            <a:extLst>
              <a:ext uri="{FF2B5EF4-FFF2-40B4-BE49-F238E27FC236}">
                <a16:creationId xmlns:a16="http://schemas.microsoft.com/office/drawing/2014/main" id="{055E9208-F99E-4C2B-9121-EA07BB9DBD61}"/>
              </a:ext>
            </a:extLst>
          </p:cNvPr>
          <p:cNvSpPr>
            <a:spLocks noGrp="1"/>
          </p:cNvSpPr>
          <p:nvPr>
            <p:ph type="body" sz="quarter" idx="58" hasCustomPrompt="1"/>
          </p:nvPr>
        </p:nvSpPr>
        <p:spPr>
          <a:xfrm>
            <a:off x="8147336"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8" name="Picture Placeholder 94">
            <a:extLst>
              <a:ext uri="{FF2B5EF4-FFF2-40B4-BE49-F238E27FC236}">
                <a16:creationId xmlns:a16="http://schemas.microsoft.com/office/drawing/2014/main" id="{3937B1CB-EA79-487D-A0B5-541E4F137045}"/>
              </a:ext>
            </a:extLst>
          </p:cNvPr>
          <p:cNvSpPr>
            <a:spLocks noGrp="1"/>
          </p:cNvSpPr>
          <p:nvPr>
            <p:ph type="pic" sz="quarter" idx="59" hasCustomPrompt="1"/>
          </p:nvPr>
        </p:nvSpPr>
        <p:spPr>
          <a:xfrm>
            <a:off x="2594610"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9" name="Picture Placeholder 95">
            <a:extLst>
              <a:ext uri="{FF2B5EF4-FFF2-40B4-BE49-F238E27FC236}">
                <a16:creationId xmlns:a16="http://schemas.microsoft.com/office/drawing/2014/main" id="{F434DAE9-F644-48BF-BE05-57F5405AB165}"/>
              </a:ext>
            </a:extLst>
          </p:cNvPr>
          <p:cNvSpPr>
            <a:spLocks noGrp="1"/>
          </p:cNvSpPr>
          <p:nvPr>
            <p:ph type="pic" sz="quarter" idx="60" hasCustomPrompt="1"/>
          </p:nvPr>
        </p:nvSpPr>
        <p:spPr>
          <a:xfrm>
            <a:off x="2594610"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0" name="Picture Placeholder 96">
            <a:extLst>
              <a:ext uri="{FF2B5EF4-FFF2-40B4-BE49-F238E27FC236}">
                <a16:creationId xmlns:a16="http://schemas.microsoft.com/office/drawing/2014/main" id="{8C383E28-D584-47C0-8629-4C1D71871F8A}"/>
              </a:ext>
            </a:extLst>
          </p:cNvPr>
          <p:cNvSpPr>
            <a:spLocks noGrp="1"/>
          </p:cNvSpPr>
          <p:nvPr>
            <p:ph type="pic" sz="quarter" idx="61" hasCustomPrompt="1"/>
          </p:nvPr>
        </p:nvSpPr>
        <p:spPr>
          <a:xfrm>
            <a:off x="2594610"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1" name="Picture Placeholder 97">
            <a:extLst>
              <a:ext uri="{FF2B5EF4-FFF2-40B4-BE49-F238E27FC236}">
                <a16:creationId xmlns:a16="http://schemas.microsoft.com/office/drawing/2014/main" id="{E275C947-7B09-40FE-AC42-1C74BB93BC23}"/>
              </a:ext>
            </a:extLst>
          </p:cNvPr>
          <p:cNvSpPr>
            <a:spLocks noGrp="1"/>
          </p:cNvSpPr>
          <p:nvPr>
            <p:ph type="pic" sz="quarter" idx="62" hasCustomPrompt="1"/>
          </p:nvPr>
        </p:nvSpPr>
        <p:spPr>
          <a:xfrm>
            <a:off x="2594610"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2" name="Picture Placeholder 98">
            <a:extLst>
              <a:ext uri="{FF2B5EF4-FFF2-40B4-BE49-F238E27FC236}">
                <a16:creationId xmlns:a16="http://schemas.microsoft.com/office/drawing/2014/main" id="{83575FEB-E035-4977-B85B-B5A9D2D2D9D1}"/>
              </a:ext>
            </a:extLst>
          </p:cNvPr>
          <p:cNvSpPr>
            <a:spLocks noGrp="1"/>
          </p:cNvSpPr>
          <p:nvPr>
            <p:ph type="pic" sz="quarter" idx="63" hasCustomPrompt="1"/>
          </p:nvPr>
        </p:nvSpPr>
        <p:spPr>
          <a:xfrm>
            <a:off x="6339523"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3" name="Picture Placeholder 99">
            <a:extLst>
              <a:ext uri="{FF2B5EF4-FFF2-40B4-BE49-F238E27FC236}">
                <a16:creationId xmlns:a16="http://schemas.microsoft.com/office/drawing/2014/main" id="{D83CA983-5FDC-4FA4-B3D4-97CC82F38999}"/>
              </a:ext>
            </a:extLst>
          </p:cNvPr>
          <p:cNvSpPr>
            <a:spLocks noGrp="1"/>
          </p:cNvSpPr>
          <p:nvPr>
            <p:ph type="pic" sz="quarter" idx="64" hasCustomPrompt="1"/>
          </p:nvPr>
        </p:nvSpPr>
        <p:spPr>
          <a:xfrm>
            <a:off x="6339523"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4" name="Picture Placeholder 100">
            <a:extLst>
              <a:ext uri="{FF2B5EF4-FFF2-40B4-BE49-F238E27FC236}">
                <a16:creationId xmlns:a16="http://schemas.microsoft.com/office/drawing/2014/main" id="{D655CC6D-8C2C-4D99-B17F-C82E1E2D14D8}"/>
              </a:ext>
            </a:extLst>
          </p:cNvPr>
          <p:cNvSpPr>
            <a:spLocks noGrp="1"/>
          </p:cNvSpPr>
          <p:nvPr>
            <p:ph type="pic" sz="quarter" idx="65" hasCustomPrompt="1"/>
          </p:nvPr>
        </p:nvSpPr>
        <p:spPr>
          <a:xfrm>
            <a:off x="6339523"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5" name="Picture Placeholder 101">
            <a:extLst>
              <a:ext uri="{FF2B5EF4-FFF2-40B4-BE49-F238E27FC236}">
                <a16:creationId xmlns:a16="http://schemas.microsoft.com/office/drawing/2014/main" id="{C3B8A75F-3756-4446-8BF5-A453A529E99C}"/>
              </a:ext>
            </a:extLst>
          </p:cNvPr>
          <p:cNvSpPr>
            <a:spLocks noGrp="1"/>
          </p:cNvSpPr>
          <p:nvPr>
            <p:ph type="pic" sz="quarter" idx="66" hasCustomPrompt="1"/>
          </p:nvPr>
        </p:nvSpPr>
        <p:spPr>
          <a:xfrm>
            <a:off x="6339523"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6" name="Picture Placeholder 102">
            <a:extLst>
              <a:ext uri="{FF2B5EF4-FFF2-40B4-BE49-F238E27FC236}">
                <a16:creationId xmlns:a16="http://schemas.microsoft.com/office/drawing/2014/main" id="{14B4BCD0-5953-454C-B55B-4B7976D7B461}"/>
              </a:ext>
            </a:extLst>
          </p:cNvPr>
          <p:cNvSpPr>
            <a:spLocks noGrp="1"/>
          </p:cNvSpPr>
          <p:nvPr>
            <p:ph type="pic" sz="quarter" idx="67" hasCustomPrompt="1"/>
          </p:nvPr>
        </p:nvSpPr>
        <p:spPr>
          <a:xfrm>
            <a:off x="10084435"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7" name="Picture Placeholder 103">
            <a:extLst>
              <a:ext uri="{FF2B5EF4-FFF2-40B4-BE49-F238E27FC236}">
                <a16:creationId xmlns:a16="http://schemas.microsoft.com/office/drawing/2014/main" id="{739059EF-6DBF-437C-A608-518A2E0BBEDB}"/>
              </a:ext>
            </a:extLst>
          </p:cNvPr>
          <p:cNvSpPr>
            <a:spLocks noGrp="1"/>
          </p:cNvSpPr>
          <p:nvPr>
            <p:ph type="pic" sz="quarter" idx="68" hasCustomPrompt="1"/>
          </p:nvPr>
        </p:nvSpPr>
        <p:spPr>
          <a:xfrm>
            <a:off x="10084435"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8" name="Picture Placeholder 104">
            <a:extLst>
              <a:ext uri="{FF2B5EF4-FFF2-40B4-BE49-F238E27FC236}">
                <a16:creationId xmlns:a16="http://schemas.microsoft.com/office/drawing/2014/main" id="{E9EA5020-8026-4135-9F2C-6A5D9B09546A}"/>
              </a:ext>
            </a:extLst>
          </p:cNvPr>
          <p:cNvSpPr>
            <a:spLocks noGrp="1"/>
          </p:cNvSpPr>
          <p:nvPr>
            <p:ph type="pic" sz="quarter" idx="69" hasCustomPrompt="1"/>
          </p:nvPr>
        </p:nvSpPr>
        <p:spPr>
          <a:xfrm>
            <a:off x="10084435"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9" name="Picture Placeholder 105">
            <a:extLst>
              <a:ext uri="{FF2B5EF4-FFF2-40B4-BE49-F238E27FC236}">
                <a16:creationId xmlns:a16="http://schemas.microsoft.com/office/drawing/2014/main" id="{4545BC6B-EF35-4E9E-B8ED-EFA8CEB53FAA}"/>
              </a:ext>
            </a:extLst>
          </p:cNvPr>
          <p:cNvSpPr>
            <a:spLocks noGrp="1"/>
          </p:cNvSpPr>
          <p:nvPr>
            <p:ph type="pic" sz="quarter" idx="70" hasCustomPrompt="1"/>
          </p:nvPr>
        </p:nvSpPr>
        <p:spPr>
          <a:xfrm>
            <a:off x="10084435"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0" name="Title 1">
            <a:extLst>
              <a:ext uri="{FF2B5EF4-FFF2-40B4-BE49-F238E27FC236}">
                <a16:creationId xmlns:a16="http://schemas.microsoft.com/office/drawing/2014/main" id="{D78D2DC3-D22C-41D1-B4C1-E06B02478103}"/>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91" name="Straight Connector 90">
            <a:extLst>
              <a:ext uri="{FF2B5EF4-FFF2-40B4-BE49-F238E27FC236}">
                <a16:creationId xmlns:a16="http://schemas.microsoft.com/office/drawing/2014/main" id="{714C3C27-FB38-4C6C-89BB-C0DD5344B46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91749598"/>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Highlights of our work 3x4 - Dark">
    <p:spTree>
      <p:nvGrpSpPr>
        <p:cNvPr id="1" name=""/>
        <p:cNvGrpSpPr/>
        <p:nvPr/>
      </p:nvGrpSpPr>
      <p:grpSpPr>
        <a:xfrm>
          <a:off x="0" y="0"/>
          <a:ext cx="0" cy="0"/>
          <a:chOff x="0" y="0"/>
          <a:chExt cx="0" cy="0"/>
        </a:xfrm>
      </p:grpSpPr>
      <p:sp>
        <p:nvSpPr>
          <p:cNvPr id="30" name="Freeform: Shape 29">
            <a:extLst>
              <a:ext uri="{FF2B5EF4-FFF2-40B4-BE49-F238E27FC236}">
                <a16:creationId xmlns:a16="http://schemas.microsoft.com/office/drawing/2014/main" id="{7BB0F999-44E3-4677-8792-25137588062F}"/>
              </a:ext>
            </a:extLst>
          </p:cNvPr>
          <p:cNvSpPr/>
          <p:nvPr userDrawn="1"/>
        </p:nvSpPr>
        <p:spPr>
          <a:xfrm flipH="1">
            <a:off x="552450"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1" name="Freeform: Shape 30">
            <a:extLst>
              <a:ext uri="{FF2B5EF4-FFF2-40B4-BE49-F238E27FC236}">
                <a16:creationId xmlns:a16="http://schemas.microsoft.com/office/drawing/2014/main" id="{9220D8EA-A011-425D-AFFE-DD3D2D48E0F2}"/>
              </a:ext>
            </a:extLst>
          </p:cNvPr>
          <p:cNvSpPr/>
          <p:nvPr userDrawn="1"/>
        </p:nvSpPr>
        <p:spPr>
          <a:xfrm flipH="1">
            <a:off x="552450"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2" name="Freeform: Shape 31">
            <a:extLst>
              <a:ext uri="{FF2B5EF4-FFF2-40B4-BE49-F238E27FC236}">
                <a16:creationId xmlns:a16="http://schemas.microsoft.com/office/drawing/2014/main" id="{7F8D45CE-40E0-4E37-A2E3-F96ABD4E3F90}"/>
              </a:ext>
            </a:extLst>
          </p:cNvPr>
          <p:cNvSpPr/>
          <p:nvPr userDrawn="1"/>
        </p:nvSpPr>
        <p:spPr>
          <a:xfrm flipH="1">
            <a:off x="552450"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3" name="Freeform: Shape 32">
            <a:extLst>
              <a:ext uri="{FF2B5EF4-FFF2-40B4-BE49-F238E27FC236}">
                <a16:creationId xmlns:a16="http://schemas.microsoft.com/office/drawing/2014/main" id="{DC3BC631-EF35-464C-8F3D-1A99DE2CA201}"/>
              </a:ext>
            </a:extLst>
          </p:cNvPr>
          <p:cNvSpPr/>
          <p:nvPr userDrawn="1"/>
        </p:nvSpPr>
        <p:spPr>
          <a:xfrm flipH="1">
            <a:off x="552450"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4" name="Freeform: Shape 33">
            <a:extLst>
              <a:ext uri="{FF2B5EF4-FFF2-40B4-BE49-F238E27FC236}">
                <a16:creationId xmlns:a16="http://schemas.microsoft.com/office/drawing/2014/main" id="{BEC69C82-236C-4107-AE79-D3FFB927E141}"/>
              </a:ext>
            </a:extLst>
          </p:cNvPr>
          <p:cNvSpPr/>
          <p:nvPr userDrawn="1"/>
        </p:nvSpPr>
        <p:spPr>
          <a:xfrm flipH="1">
            <a:off x="4297362"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spcBef>
                <a:spcPts val="600"/>
              </a:spcBef>
            </a:pPr>
            <a:endParaRPr lang="da-DK" sz="1400" dirty="0"/>
          </a:p>
        </p:txBody>
      </p:sp>
      <p:sp>
        <p:nvSpPr>
          <p:cNvPr id="35" name="Freeform: Shape 34">
            <a:extLst>
              <a:ext uri="{FF2B5EF4-FFF2-40B4-BE49-F238E27FC236}">
                <a16:creationId xmlns:a16="http://schemas.microsoft.com/office/drawing/2014/main" id="{5D4B8CDD-3496-4DFB-A77D-D317EF76594C}"/>
              </a:ext>
            </a:extLst>
          </p:cNvPr>
          <p:cNvSpPr/>
          <p:nvPr userDrawn="1"/>
        </p:nvSpPr>
        <p:spPr>
          <a:xfrm flipH="1">
            <a:off x="4297362"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6" name="Freeform: Shape 35">
            <a:extLst>
              <a:ext uri="{FF2B5EF4-FFF2-40B4-BE49-F238E27FC236}">
                <a16:creationId xmlns:a16="http://schemas.microsoft.com/office/drawing/2014/main" id="{C388A104-F84E-4855-B153-4E52A8D171BA}"/>
              </a:ext>
            </a:extLst>
          </p:cNvPr>
          <p:cNvSpPr/>
          <p:nvPr userDrawn="1"/>
        </p:nvSpPr>
        <p:spPr>
          <a:xfrm flipH="1">
            <a:off x="4297362"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7" name="Freeform: Shape 36">
            <a:extLst>
              <a:ext uri="{FF2B5EF4-FFF2-40B4-BE49-F238E27FC236}">
                <a16:creationId xmlns:a16="http://schemas.microsoft.com/office/drawing/2014/main" id="{6D52C844-E4AD-41FD-B26A-D793526C280B}"/>
              </a:ext>
            </a:extLst>
          </p:cNvPr>
          <p:cNvSpPr/>
          <p:nvPr userDrawn="1"/>
        </p:nvSpPr>
        <p:spPr>
          <a:xfrm flipH="1">
            <a:off x="4297362"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8" name="Freeform: Shape 37">
            <a:extLst>
              <a:ext uri="{FF2B5EF4-FFF2-40B4-BE49-F238E27FC236}">
                <a16:creationId xmlns:a16="http://schemas.microsoft.com/office/drawing/2014/main" id="{CB4BAAF0-F96A-46FE-9C19-7CAFE7AFC337}"/>
              </a:ext>
            </a:extLst>
          </p:cNvPr>
          <p:cNvSpPr/>
          <p:nvPr userDrawn="1"/>
        </p:nvSpPr>
        <p:spPr>
          <a:xfrm flipH="1">
            <a:off x="8042275"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39" name="Freeform: Shape 38">
            <a:extLst>
              <a:ext uri="{FF2B5EF4-FFF2-40B4-BE49-F238E27FC236}">
                <a16:creationId xmlns:a16="http://schemas.microsoft.com/office/drawing/2014/main" id="{8317A13E-12AD-4A55-BE9F-CD32DB0E7230}"/>
              </a:ext>
            </a:extLst>
          </p:cNvPr>
          <p:cNvSpPr/>
          <p:nvPr userDrawn="1"/>
        </p:nvSpPr>
        <p:spPr>
          <a:xfrm flipH="1">
            <a:off x="8042275"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0" name="Freeform: Shape 39">
            <a:extLst>
              <a:ext uri="{FF2B5EF4-FFF2-40B4-BE49-F238E27FC236}">
                <a16:creationId xmlns:a16="http://schemas.microsoft.com/office/drawing/2014/main" id="{953C3634-609F-4FBA-8701-B6AC5EB000F1}"/>
              </a:ext>
            </a:extLst>
          </p:cNvPr>
          <p:cNvSpPr/>
          <p:nvPr userDrawn="1"/>
        </p:nvSpPr>
        <p:spPr>
          <a:xfrm flipH="1">
            <a:off x="8042275"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1" name="Freeform: Shape 40">
            <a:extLst>
              <a:ext uri="{FF2B5EF4-FFF2-40B4-BE49-F238E27FC236}">
                <a16:creationId xmlns:a16="http://schemas.microsoft.com/office/drawing/2014/main" id="{D646ACF9-F679-4E16-85FF-F05C25919189}"/>
              </a:ext>
            </a:extLst>
          </p:cNvPr>
          <p:cNvSpPr/>
          <p:nvPr userDrawn="1"/>
        </p:nvSpPr>
        <p:spPr>
          <a:xfrm flipH="1">
            <a:off x="8042275"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da-DK" sz="1200" b="1" cap="none" baseline="0" dirty="0">
              <a:solidFill>
                <a:schemeClr val="bg1"/>
              </a:solidFill>
            </a:endParaRPr>
          </a:p>
        </p:txBody>
      </p:sp>
      <p:sp>
        <p:nvSpPr>
          <p:cNvPr id="42" name="Text Placeholder 48">
            <a:extLst>
              <a:ext uri="{FF2B5EF4-FFF2-40B4-BE49-F238E27FC236}">
                <a16:creationId xmlns:a16="http://schemas.microsoft.com/office/drawing/2014/main" id="{C694C9AC-720B-4294-AEED-F02B1C6EEA82}"/>
              </a:ext>
            </a:extLst>
          </p:cNvPr>
          <p:cNvSpPr>
            <a:spLocks noGrp="1"/>
          </p:cNvSpPr>
          <p:nvPr>
            <p:ph type="body" sz="quarter" idx="11" hasCustomPrompt="1"/>
          </p:nvPr>
        </p:nvSpPr>
        <p:spPr>
          <a:xfrm>
            <a:off x="657861"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da-DK" dirty="0" err="1"/>
              <a:t>Name</a:t>
            </a:r>
            <a:endParaRPr lang="da-DK" dirty="0"/>
          </a:p>
          <a:p>
            <a:pPr lvl="1">
              <a:spcAft>
                <a:spcPts val="0"/>
              </a:spcAft>
            </a:pPr>
            <a:r>
              <a:rPr lang="da-DK" dirty="0" err="1"/>
              <a:t>About</a:t>
            </a:r>
            <a:endParaRPr lang="da-DK" dirty="0"/>
          </a:p>
        </p:txBody>
      </p:sp>
      <p:sp>
        <p:nvSpPr>
          <p:cNvPr id="43" name="Text Placeholder 48">
            <a:extLst>
              <a:ext uri="{FF2B5EF4-FFF2-40B4-BE49-F238E27FC236}">
                <a16:creationId xmlns:a16="http://schemas.microsoft.com/office/drawing/2014/main" id="{2A39AFED-FD08-417D-8341-972C69769E54}"/>
              </a:ext>
            </a:extLst>
          </p:cNvPr>
          <p:cNvSpPr>
            <a:spLocks noGrp="1"/>
          </p:cNvSpPr>
          <p:nvPr>
            <p:ph type="body" sz="quarter" idx="48" hasCustomPrompt="1"/>
          </p:nvPr>
        </p:nvSpPr>
        <p:spPr>
          <a:xfrm>
            <a:off x="657861"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4" name="Text Placeholder 48">
            <a:extLst>
              <a:ext uri="{FF2B5EF4-FFF2-40B4-BE49-F238E27FC236}">
                <a16:creationId xmlns:a16="http://schemas.microsoft.com/office/drawing/2014/main" id="{6776F793-4AE8-4989-A373-12D85C7215E0}"/>
              </a:ext>
            </a:extLst>
          </p:cNvPr>
          <p:cNvSpPr>
            <a:spLocks noGrp="1"/>
          </p:cNvSpPr>
          <p:nvPr>
            <p:ph type="body" sz="quarter" idx="49" hasCustomPrompt="1"/>
          </p:nvPr>
        </p:nvSpPr>
        <p:spPr>
          <a:xfrm>
            <a:off x="657861"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5" name="Text Placeholder 48">
            <a:extLst>
              <a:ext uri="{FF2B5EF4-FFF2-40B4-BE49-F238E27FC236}">
                <a16:creationId xmlns:a16="http://schemas.microsoft.com/office/drawing/2014/main" id="{863C801C-A938-413C-AE57-9A8DD0303AF5}"/>
              </a:ext>
            </a:extLst>
          </p:cNvPr>
          <p:cNvSpPr>
            <a:spLocks noGrp="1"/>
          </p:cNvSpPr>
          <p:nvPr>
            <p:ph type="body" sz="quarter" idx="50" hasCustomPrompt="1"/>
          </p:nvPr>
        </p:nvSpPr>
        <p:spPr>
          <a:xfrm>
            <a:off x="657861"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6" name="Text Placeholder 48">
            <a:extLst>
              <a:ext uri="{FF2B5EF4-FFF2-40B4-BE49-F238E27FC236}">
                <a16:creationId xmlns:a16="http://schemas.microsoft.com/office/drawing/2014/main" id="{BB685E08-E9D3-4999-B043-59FFD28951CB}"/>
              </a:ext>
            </a:extLst>
          </p:cNvPr>
          <p:cNvSpPr>
            <a:spLocks noGrp="1"/>
          </p:cNvSpPr>
          <p:nvPr>
            <p:ph type="body" sz="quarter" idx="51" hasCustomPrompt="1"/>
          </p:nvPr>
        </p:nvSpPr>
        <p:spPr>
          <a:xfrm>
            <a:off x="4402772"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smtClean="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48" name="Text Placeholder 48">
            <a:extLst>
              <a:ext uri="{FF2B5EF4-FFF2-40B4-BE49-F238E27FC236}">
                <a16:creationId xmlns:a16="http://schemas.microsoft.com/office/drawing/2014/main" id="{9D411624-ED38-4910-95CB-99063F83EE84}"/>
              </a:ext>
            </a:extLst>
          </p:cNvPr>
          <p:cNvSpPr>
            <a:spLocks noGrp="1"/>
          </p:cNvSpPr>
          <p:nvPr>
            <p:ph type="body" sz="quarter" idx="52" hasCustomPrompt="1"/>
          </p:nvPr>
        </p:nvSpPr>
        <p:spPr>
          <a:xfrm>
            <a:off x="4402772"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4" name="Text Placeholder 48">
            <a:extLst>
              <a:ext uri="{FF2B5EF4-FFF2-40B4-BE49-F238E27FC236}">
                <a16:creationId xmlns:a16="http://schemas.microsoft.com/office/drawing/2014/main" id="{1D94EC25-AB9E-4747-99A4-13F43A3BD242}"/>
              </a:ext>
            </a:extLst>
          </p:cNvPr>
          <p:cNvSpPr>
            <a:spLocks noGrp="1"/>
          </p:cNvSpPr>
          <p:nvPr>
            <p:ph type="body" sz="quarter" idx="53" hasCustomPrompt="1"/>
          </p:nvPr>
        </p:nvSpPr>
        <p:spPr>
          <a:xfrm>
            <a:off x="4402772"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5" name="Text Placeholder 48">
            <a:extLst>
              <a:ext uri="{FF2B5EF4-FFF2-40B4-BE49-F238E27FC236}">
                <a16:creationId xmlns:a16="http://schemas.microsoft.com/office/drawing/2014/main" id="{1C6AEF0A-A580-4FBA-8A22-B7F4C0BA1C9F}"/>
              </a:ext>
            </a:extLst>
          </p:cNvPr>
          <p:cNvSpPr>
            <a:spLocks noGrp="1"/>
          </p:cNvSpPr>
          <p:nvPr>
            <p:ph type="body" sz="quarter" idx="54" hasCustomPrompt="1"/>
          </p:nvPr>
        </p:nvSpPr>
        <p:spPr>
          <a:xfrm>
            <a:off x="4402772"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8" name="Text Placeholder 48">
            <a:extLst>
              <a:ext uri="{FF2B5EF4-FFF2-40B4-BE49-F238E27FC236}">
                <a16:creationId xmlns:a16="http://schemas.microsoft.com/office/drawing/2014/main" id="{48F76E9D-5E76-4A6A-AF5F-8B5210E22264}"/>
              </a:ext>
            </a:extLst>
          </p:cNvPr>
          <p:cNvSpPr>
            <a:spLocks noGrp="1"/>
          </p:cNvSpPr>
          <p:nvPr>
            <p:ph type="body" sz="quarter" idx="55" hasCustomPrompt="1"/>
          </p:nvPr>
        </p:nvSpPr>
        <p:spPr>
          <a:xfrm>
            <a:off x="8147336"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59" name="Text Placeholder 48">
            <a:extLst>
              <a:ext uri="{FF2B5EF4-FFF2-40B4-BE49-F238E27FC236}">
                <a16:creationId xmlns:a16="http://schemas.microsoft.com/office/drawing/2014/main" id="{EFBB5A88-C2C7-4245-A367-358A914277EA}"/>
              </a:ext>
            </a:extLst>
          </p:cNvPr>
          <p:cNvSpPr>
            <a:spLocks noGrp="1"/>
          </p:cNvSpPr>
          <p:nvPr>
            <p:ph type="body" sz="quarter" idx="56" hasCustomPrompt="1"/>
          </p:nvPr>
        </p:nvSpPr>
        <p:spPr>
          <a:xfrm>
            <a:off x="8147336"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6" name="Text Placeholder 48">
            <a:extLst>
              <a:ext uri="{FF2B5EF4-FFF2-40B4-BE49-F238E27FC236}">
                <a16:creationId xmlns:a16="http://schemas.microsoft.com/office/drawing/2014/main" id="{D5209452-F3AF-4277-8DE6-B0D0C868C28D}"/>
              </a:ext>
            </a:extLst>
          </p:cNvPr>
          <p:cNvSpPr>
            <a:spLocks noGrp="1"/>
          </p:cNvSpPr>
          <p:nvPr>
            <p:ph type="body" sz="quarter" idx="57" hasCustomPrompt="1"/>
          </p:nvPr>
        </p:nvSpPr>
        <p:spPr>
          <a:xfrm>
            <a:off x="8147336"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7" name="Text Placeholder 48">
            <a:extLst>
              <a:ext uri="{FF2B5EF4-FFF2-40B4-BE49-F238E27FC236}">
                <a16:creationId xmlns:a16="http://schemas.microsoft.com/office/drawing/2014/main" id="{055E9208-F99E-4C2B-9121-EA07BB9DBD61}"/>
              </a:ext>
            </a:extLst>
          </p:cNvPr>
          <p:cNvSpPr>
            <a:spLocks noGrp="1"/>
          </p:cNvSpPr>
          <p:nvPr>
            <p:ph type="body" sz="quarter" idx="58" hasCustomPrompt="1"/>
          </p:nvPr>
        </p:nvSpPr>
        <p:spPr>
          <a:xfrm>
            <a:off x="8147336"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da-DK" dirty="0" err="1"/>
              <a:t>Name</a:t>
            </a:r>
            <a:endParaRPr lang="da-DK" dirty="0"/>
          </a:p>
          <a:p>
            <a:pPr lvl="1">
              <a:spcAft>
                <a:spcPts val="0"/>
              </a:spcAft>
            </a:pPr>
            <a:r>
              <a:rPr lang="da-DK" dirty="0" err="1"/>
              <a:t>About</a:t>
            </a:r>
            <a:endParaRPr lang="da-DK" dirty="0"/>
          </a:p>
        </p:txBody>
      </p:sp>
      <p:sp>
        <p:nvSpPr>
          <p:cNvPr id="78" name="Picture Placeholder 94">
            <a:extLst>
              <a:ext uri="{FF2B5EF4-FFF2-40B4-BE49-F238E27FC236}">
                <a16:creationId xmlns:a16="http://schemas.microsoft.com/office/drawing/2014/main" id="{3937B1CB-EA79-487D-A0B5-541E4F137045}"/>
              </a:ext>
            </a:extLst>
          </p:cNvPr>
          <p:cNvSpPr>
            <a:spLocks noGrp="1"/>
          </p:cNvSpPr>
          <p:nvPr>
            <p:ph type="pic" sz="quarter" idx="59" hasCustomPrompt="1"/>
          </p:nvPr>
        </p:nvSpPr>
        <p:spPr>
          <a:xfrm>
            <a:off x="2594610"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79" name="Picture Placeholder 95">
            <a:extLst>
              <a:ext uri="{FF2B5EF4-FFF2-40B4-BE49-F238E27FC236}">
                <a16:creationId xmlns:a16="http://schemas.microsoft.com/office/drawing/2014/main" id="{F434DAE9-F644-48BF-BE05-57F5405AB165}"/>
              </a:ext>
            </a:extLst>
          </p:cNvPr>
          <p:cNvSpPr>
            <a:spLocks noGrp="1"/>
          </p:cNvSpPr>
          <p:nvPr>
            <p:ph type="pic" sz="quarter" idx="60" hasCustomPrompt="1"/>
          </p:nvPr>
        </p:nvSpPr>
        <p:spPr>
          <a:xfrm>
            <a:off x="2594610"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0" name="Picture Placeholder 96">
            <a:extLst>
              <a:ext uri="{FF2B5EF4-FFF2-40B4-BE49-F238E27FC236}">
                <a16:creationId xmlns:a16="http://schemas.microsoft.com/office/drawing/2014/main" id="{8C383E28-D584-47C0-8629-4C1D71871F8A}"/>
              </a:ext>
            </a:extLst>
          </p:cNvPr>
          <p:cNvSpPr>
            <a:spLocks noGrp="1"/>
          </p:cNvSpPr>
          <p:nvPr>
            <p:ph type="pic" sz="quarter" idx="61" hasCustomPrompt="1"/>
          </p:nvPr>
        </p:nvSpPr>
        <p:spPr>
          <a:xfrm>
            <a:off x="2594610"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1" name="Picture Placeholder 97">
            <a:extLst>
              <a:ext uri="{FF2B5EF4-FFF2-40B4-BE49-F238E27FC236}">
                <a16:creationId xmlns:a16="http://schemas.microsoft.com/office/drawing/2014/main" id="{E275C947-7B09-40FE-AC42-1C74BB93BC23}"/>
              </a:ext>
            </a:extLst>
          </p:cNvPr>
          <p:cNvSpPr>
            <a:spLocks noGrp="1"/>
          </p:cNvSpPr>
          <p:nvPr>
            <p:ph type="pic" sz="quarter" idx="62" hasCustomPrompt="1"/>
          </p:nvPr>
        </p:nvSpPr>
        <p:spPr>
          <a:xfrm>
            <a:off x="2594610"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2" name="Picture Placeholder 98">
            <a:extLst>
              <a:ext uri="{FF2B5EF4-FFF2-40B4-BE49-F238E27FC236}">
                <a16:creationId xmlns:a16="http://schemas.microsoft.com/office/drawing/2014/main" id="{83575FEB-E035-4977-B85B-B5A9D2D2D9D1}"/>
              </a:ext>
            </a:extLst>
          </p:cNvPr>
          <p:cNvSpPr>
            <a:spLocks noGrp="1"/>
          </p:cNvSpPr>
          <p:nvPr>
            <p:ph type="pic" sz="quarter" idx="63" hasCustomPrompt="1"/>
          </p:nvPr>
        </p:nvSpPr>
        <p:spPr>
          <a:xfrm>
            <a:off x="6339523"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3" name="Picture Placeholder 99">
            <a:extLst>
              <a:ext uri="{FF2B5EF4-FFF2-40B4-BE49-F238E27FC236}">
                <a16:creationId xmlns:a16="http://schemas.microsoft.com/office/drawing/2014/main" id="{D83CA983-5FDC-4FA4-B3D4-97CC82F38999}"/>
              </a:ext>
            </a:extLst>
          </p:cNvPr>
          <p:cNvSpPr>
            <a:spLocks noGrp="1"/>
          </p:cNvSpPr>
          <p:nvPr>
            <p:ph type="pic" sz="quarter" idx="64" hasCustomPrompt="1"/>
          </p:nvPr>
        </p:nvSpPr>
        <p:spPr>
          <a:xfrm>
            <a:off x="6339523"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4" name="Picture Placeholder 100">
            <a:extLst>
              <a:ext uri="{FF2B5EF4-FFF2-40B4-BE49-F238E27FC236}">
                <a16:creationId xmlns:a16="http://schemas.microsoft.com/office/drawing/2014/main" id="{D655CC6D-8C2C-4D99-B17F-C82E1E2D14D8}"/>
              </a:ext>
            </a:extLst>
          </p:cNvPr>
          <p:cNvSpPr>
            <a:spLocks noGrp="1"/>
          </p:cNvSpPr>
          <p:nvPr>
            <p:ph type="pic" sz="quarter" idx="65" hasCustomPrompt="1"/>
          </p:nvPr>
        </p:nvSpPr>
        <p:spPr>
          <a:xfrm>
            <a:off x="6339523"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5" name="Picture Placeholder 101">
            <a:extLst>
              <a:ext uri="{FF2B5EF4-FFF2-40B4-BE49-F238E27FC236}">
                <a16:creationId xmlns:a16="http://schemas.microsoft.com/office/drawing/2014/main" id="{C3B8A75F-3756-4446-8BF5-A453A529E99C}"/>
              </a:ext>
            </a:extLst>
          </p:cNvPr>
          <p:cNvSpPr>
            <a:spLocks noGrp="1"/>
          </p:cNvSpPr>
          <p:nvPr>
            <p:ph type="pic" sz="quarter" idx="66" hasCustomPrompt="1"/>
          </p:nvPr>
        </p:nvSpPr>
        <p:spPr>
          <a:xfrm>
            <a:off x="6339523"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6" name="Picture Placeholder 102">
            <a:extLst>
              <a:ext uri="{FF2B5EF4-FFF2-40B4-BE49-F238E27FC236}">
                <a16:creationId xmlns:a16="http://schemas.microsoft.com/office/drawing/2014/main" id="{14B4BCD0-5953-454C-B55B-4B7976D7B461}"/>
              </a:ext>
            </a:extLst>
          </p:cNvPr>
          <p:cNvSpPr>
            <a:spLocks noGrp="1"/>
          </p:cNvSpPr>
          <p:nvPr>
            <p:ph type="pic" sz="quarter" idx="67" hasCustomPrompt="1"/>
          </p:nvPr>
        </p:nvSpPr>
        <p:spPr>
          <a:xfrm>
            <a:off x="10084435"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7" name="Picture Placeholder 103">
            <a:extLst>
              <a:ext uri="{FF2B5EF4-FFF2-40B4-BE49-F238E27FC236}">
                <a16:creationId xmlns:a16="http://schemas.microsoft.com/office/drawing/2014/main" id="{739059EF-6DBF-437C-A608-518A2E0BBEDB}"/>
              </a:ext>
            </a:extLst>
          </p:cNvPr>
          <p:cNvSpPr>
            <a:spLocks noGrp="1"/>
          </p:cNvSpPr>
          <p:nvPr>
            <p:ph type="pic" sz="quarter" idx="68" hasCustomPrompt="1"/>
          </p:nvPr>
        </p:nvSpPr>
        <p:spPr>
          <a:xfrm>
            <a:off x="10084435"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8" name="Picture Placeholder 104">
            <a:extLst>
              <a:ext uri="{FF2B5EF4-FFF2-40B4-BE49-F238E27FC236}">
                <a16:creationId xmlns:a16="http://schemas.microsoft.com/office/drawing/2014/main" id="{E9EA5020-8026-4135-9F2C-6A5D9B09546A}"/>
              </a:ext>
            </a:extLst>
          </p:cNvPr>
          <p:cNvSpPr>
            <a:spLocks noGrp="1"/>
          </p:cNvSpPr>
          <p:nvPr>
            <p:ph type="pic" sz="quarter" idx="69" hasCustomPrompt="1"/>
          </p:nvPr>
        </p:nvSpPr>
        <p:spPr>
          <a:xfrm>
            <a:off x="10084435"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89" name="Picture Placeholder 105">
            <a:extLst>
              <a:ext uri="{FF2B5EF4-FFF2-40B4-BE49-F238E27FC236}">
                <a16:creationId xmlns:a16="http://schemas.microsoft.com/office/drawing/2014/main" id="{4545BC6B-EF35-4E9E-B8ED-EFA8CEB53FAA}"/>
              </a:ext>
            </a:extLst>
          </p:cNvPr>
          <p:cNvSpPr>
            <a:spLocks noGrp="1"/>
          </p:cNvSpPr>
          <p:nvPr>
            <p:ph type="pic" sz="quarter" idx="70" hasCustomPrompt="1"/>
          </p:nvPr>
        </p:nvSpPr>
        <p:spPr>
          <a:xfrm>
            <a:off x="10084435"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da-DK" dirty="0"/>
              <a:t>CS image </a:t>
            </a:r>
            <a:r>
              <a:rPr lang="da-DK" dirty="0" err="1"/>
              <a:t>here</a:t>
            </a:r>
            <a:endParaRPr lang="da-DK" dirty="0"/>
          </a:p>
        </p:txBody>
      </p:sp>
      <p:sp>
        <p:nvSpPr>
          <p:cNvPr id="90" name="Title 1">
            <a:extLst>
              <a:ext uri="{FF2B5EF4-FFF2-40B4-BE49-F238E27FC236}">
                <a16:creationId xmlns:a16="http://schemas.microsoft.com/office/drawing/2014/main" id="{D78D2DC3-D22C-41D1-B4C1-E06B02478103}"/>
              </a:ext>
            </a:extLst>
          </p:cNvPr>
          <p:cNvSpPr>
            <a:spLocks noGrp="1"/>
          </p:cNvSpPr>
          <p:nvPr>
            <p:ph type="title"/>
          </p:nvPr>
        </p:nvSpPr>
        <p:spPr>
          <a:xfrm>
            <a:off x="554355" y="512763"/>
            <a:ext cx="11088370" cy="792465"/>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91" name="Straight Connector 90">
            <a:extLst>
              <a:ext uri="{FF2B5EF4-FFF2-40B4-BE49-F238E27FC236}">
                <a16:creationId xmlns:a16="http://schemas.microsoft.com/office/drawing/2014/main" id="{714C3C27-FB38-4C6C-89BB-C0DD5344B46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89613326"/>
      </p:ext>
    </p:extLst>
  </p:cSld>
  <p:clrMapOvr>
    <a:masterClrMapping/>
  </p:clrMapOvr>
  <p:transition>
    <p:fade/>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showMasterSp="0" preserve="1" userDrawn="1">
  <p:cSld name="Case Study Content">
    <p:spTree>
      <p:nvGrpSpPr>
        <p:cNvPr id="1" name=""/>
        <p:cNvGrpSpPr/>
        <p:nvPr/>
      </p:nvGrpSpPr>
      <p:grpSpPr>
        <a:xfrm>
          <a:off x="0" y="0"/>
          <a:ext cx="0" cy="0"/>
          <a:chOff x="0" y="0"/>
          <a:chExt cx="0" cy="0"/>
        </a:xfrm>
      </p:grpSpPr>
      <p:sp>
        <p:nvSpPr>
          <p:cNvPr id="31" name="Picture Placeholder 33">
            <a:extLst>
              <a:ext uri="{FF2B5EF4-FFF2-40B4-BE49-F238E27FC236}">
                <a16:creationId xmlns:a16="http://schemas.microsoft.com/office/drawing/2014/main" id="{30232972-23B7-4FFB-9F35-2CA3FBA857FC}"/>
              </a:ext>
            </a:extLst>
          </p:cNvPr>
          <p:cNvSpPr>
            <a:spLocks noGrp="1"/>
          </p:cNvSpPr>
          <p:nvPr>
            <p:ph type="pic" sz="quarter" idx="21"/>
          </p:nvPr>
        </p:nvSpPr>
        <p:spPr>
          <a:xfrm>
            <a:off x="0" y="0"/>
            <a:ext cx="4152900" cy="6859588"/>
          </a:xfrm>
          <a:custGeom>
            <a:avLst/>
            <a:gdLst>
              <a:gd name="connsiteX0" fmla="*/ 0 w 9906001"/>
              <a:gd name="connsiteY0" fmla="*/ 0 h 2736157"/>
              <a:gd name="connsiteX1" fmla="*/ 7715250 w 9906001"/>
              <a:gd name="connsiteY1" fmla="*/ 0 h 2736157"/>
              <a:gd name="connsiteX2" fmla="*/ 7715250 w 9906001"/>
              <a:gd name="connsiteY2" fmla="*/ 1 h 2736157"/>
              <a:gd name="connsiteX3" fmla="*/ 9906000 w 9906001"/>
              <a:gd name="connsiteY3" fmla="*/ 1 h 2736157"/>
              <a:gd name="connsiteX4" fmla="*/ 9906000 w 9906001"/>
              <a:gd name="connsiteY4" fmla="*/ 47626 h 2736157"/>
              <a:gd name="connsiteX5" fmla="*/ 9906001 w 9906001"/>
              <a:gd name="connsiteY5" fmla="*/ 47626 h 2736157"/>
              <a:gd name="connsiteX6" fmla="*/ 9906001 w 9906001"/>
              <a:gd name="connsiteY6" fmla="*/ 2181404 h 2736157"/>
              <a:gd name="connsiteX7" fmla="*/ 9906000 w 9906001"/>
              <a:gd name="connsiteY7" fmla="*/ 2181404 h 2736157"/>
              <a:gd name="connsiteX8" fmla="*/ 9906000 w 9906001"/>
              <a:gd name="connsiteY8" fmla="*/ 2400301 h 2736157"/>
              <a:gd name="connsiteX9" fmla="*/ 9906000 w 9906001"/>
              <a:gd name="connsiteY9" fmla="*/ 2719389 h 2736157"/>
              <a:gd name="connsiteX10" fmla="*/ 9906000 w 9906001"/>
              <a:gd name="connsiteY10" fmla="*/ 2736157 h 2736157"/>
              <a:gd name="connsiteX11" fmla="*/ 0 w 9906001"/>
              <a:gd name="connsiteY11" fmla="*/ 2736157 h 2736157"/>
              <a:gd name="connsiteX12" fmla="*/ 0 w 9906001"/>
              <a:gd name="connsiteY12" fmla="*/ 2719389 h 2736157"/>
              <a:gd name="connsiteX13" fmla="*/ 0 w 9906001"/>
              <a:gd name="connsiteY13" fmla="*/ 2400301 h 2736157"/>
              <a:gd name="connsiteX14" fmla="*/ 0 w 9906001"/>
              <a:gd name="connsiteY14" fmla="*/ 2152651 h 2736157"/>
              <a:gd name="connsiteX15" fmla="*/ 0 w 9906001"/>
              <a:gd name="connsiteY15" fmla="*/ 2028826 h 2736157"/>
              <a:gd name="connsiteX16" fmla="*/ 0 w 9906001"/>
              <a:gd name="connsiteY16" fmla="*/ 1862668 h 2736157"/>
              <a:gd name="connsiteX17" fmla="*/ 0 w 9906001"/>
              <a:gd name="connsiteY17" fmla="*/ 1200151 h 27361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9906001" h="2736157">
                <a:moveTo>
                  <a:pt x="0" y="0"/>
                </a:moveTo>
                <a:lnTo>
                  <a:pt x="7715250" y="0"/>
                </a:lnTo>
                <a:lnTo>
                  <a:pt x="7715250" y="1"/>
                </a:lnTo>
                <a:lnTo>
                  <a:pt x="9906000" y="1"/>
                </a:lnTo>
                <a:lnTo>
                  <a:pt x="9906000" y="47626"/>
                </a:lnTo>
                <a:lnTo>
                  <a:pt x="9906001" y="47626"/>
                </a:lnTo>
                <a:lnTo>
                  <a:pt x="9906001" y="2181404"/>
                </a:lnTo>
                <a:lnTo>
                  <a:pt x="9906000" y="2181404"/>
                </a:lnTo>
                <a:lnTo>
                  <a:pt x="9906000" y="2400301"/>
                </a:lnTo>
                <a:lnTo>
                  <a:pt x="9906000" y="2719389"/>
                </a:lnTo>
                <a:lnTo>
                  <a:pt x="9906000" y="2736157"/>
                </a:lnTo>
                <a:lnTo>
                  <a:pt x="0" y="2736157"/>
                </a:lnTo>
                <a:lnTo>
                  <a:pt x="0" y="2719389"/>
                </a:lnTo>
                <a:lnTo>
                  <a:pt x="0" y="2400301"/>
                </a:lnTo>
                <a:lnTo>
                  <a:pt x="0" y="2152651"/>
                </a:lnTo>
                <a:lnTo>
                  <a:pt x="0" y="2028826"/>
                </a:lnTo>
                <a:lnTo>
                  <a:pt x="0" y="1862668"/>
                </a:lnTo>
                <a:lnTo>
                  <a:pt x="0" y="1200151"/>
                </a:lnTo>
                <a:close/>
              </a:path>
            </a:pathLst>
          </a:custGeom>
          <a:solidFill>
            <a:schemeClr val="accent6"/>
          </a:solidFill>
        </p:spPr>
        <p:txBody>
          <a:bodyPr wrap="square" anchor="ctr">
            <a:noAutofit/>
          </a:bodyPr>
          <a:lstStyle>
            <a:lvl1pPr algn="ctr">
              <a:defRPr>
                <a:solidFill>
                  <a:schemeClr val="accent4"/>
                </a:solidFill>
              </a:defRPr>
            </a:lvl1pPr>
          </a:lstStyle>
          <a:p>
            <a:pPr lvl="0" algn="ctr"/>
            <a:r>
              <a:rPr lang="da-DK" dirty="0" err="1"/>
              <a:t>Click</a:t>
            </a:r>
            <a:r>
              <a:rPr lang="da-DK" dirty="0"/>
              <a:t> </a:t>
            </a:r>
            <a:r>
              <a:rPr lang="da-DK" dirty="0" err="1"/>
              <a:t>icon</a:t>
            </a:r>
            <a:r>
              <a:rPr lang="da-DK" dirty="0"/>
              <a:t> to </a:t>
            </a:r>
            <a:r>
              <a:rPr lang="da-DK" dirty="0" err="1"/>
              <a:t>add</a:t>
            </a:r>
            <a:r>
              <a:rPr lang="da-DK" dirty="0"/>
              <a:t> </a:t>
            </a:r>
            <a:r>
              <a:rPr lang="da-DK" dirty="0" err="1"/>
              <a:t>picture</a:t>
            </a:r>
            <a:endParaRPr lang="da-DK" dirty="0"/>
          </a:p>
        </p:txBody>
      </p:sp>
      <p:sp>
        <p:nvSpPr>
          <p:cNvPr id="32" name="Text Placeholder 10">
            <a:extLst>
              <a:ext uri="{FF2B5EF4-FFF2-40B4-BE49-F238E27FC236}">
                <a16:creationId xmlns:a16="http://schemas.microsoft.com/office/drawing/2014/main" id="{37325AF0-D5FF-4A49-A2AF-8D800AEABD58}"/>
              </a:ext>
            </a:extLst>
          </p:cNvPr>
          <p:cNvSpPr>
            <a:spLocks noGrp="1"/>
          </p:cNvSpPr>
          <p:nvPr>
            <p:ph type="body" sz="quarter" idx="20"/>
          </p:nvPr>
        </p:nvSpPr>
        <p:spPr>
          <a:xfrm>
            <a:off x="4300239" y="2565403"/>
            <a:ext cx="7342486" cy="3206747"/>
          </a:xfrm>
          <a:prstGeom prst="rect">
            <a:avLst/>
          </a:prstGeom>
          <a:solidFill>
            <a:schemeClr val="bg1"/>
          </a:solidFill>
          <a:ln>
            <a:noFill/>
          </a:ln>
        </p:spPr>
        <p:txBody>
          <a:bodyPr lIns="0" tIns="0" rIns="0" bIns="0" numCol="2" spcCol="180000">
            <a:noAutofit/>
          </a:bodyPr>
          <a:lstStyle>
            <a:lvl1pPr>
              <a:lnSpc>
                <a:spcPct val="100000"/>
              </a:lnSpc>
              <a:spcAft>
                <a:spcPts val="600"/>
              </a:spcAft>
              <a:defRPr sz="1000" b="0">
                <a:solidFill>
                  <a:schemeClr val="accent1"/>
                </a:solidFill>
              </a:defRPr>
            </a:lvl1pPr>
            <a:lvl2pPr marL="90488" indent="-90488">
              <a:lnSpc>
                <a:spcPct val="100000"/>
              </a:lnSpc>
              <a:spcAft>
                <a:spcPts val="600"/>
              </a:spcAft>
              <a:buClr>
                <a:srgbClr val="EE2F66"/>
              </a:buClr>
              <a:buFont typeface="Arial" panose="020B0604020202020204" pitchFamily="34" charset="0"/>
              <a:buChar char="•"/>
              <a:defRPr sz="1000" b="0" cap="none" baseline="0">
                <a:solidFill>
                  <a:schemeClr val="accent1"/>
                </a:solidFill>
              </a:defRPr>
            </a:lvl2pPr>
            <a:lvl3pPr>
              <a:lnSpc>
                <a:spcPct val="100000"/>
              </a:lnSpc>
              <a:defRPr sz="800">
                <a:solidFill>
                  <a:schemeClr val="accent1"/>
                </a:solidFill>
              </a:defRPr>
            </a:lvl3pPr>
            <a:lvl4pPr marL="0" indent="0">
              <a:spcBef>
                <a:spcPts val="0"/>
              </a:spcBef>
              <a:spcAft>
                <a:spcPts val="800"/>
              </a:spcAft>
              <a:buNone/>
              <a:defRPr sz="1100"/>
            </a:lvl4pPr>
            <a:lvl5pPr marL="0" indent="0">
              <a:spcBef>
                <a:spcPts val="0"/>
              </a:spcBef>
              <a:spcAft>
                <a:spcPts val="800"/>
              </a:spcAft>
              <a:buFont typeface="Arial" panose="020B0604020202020204" pitchFamily="34" charset="0"/>
              <a:buNone/>
              <a:defRPr sz="1100"/>
            </a:lvl5pPr>
            <a:lvl6pPr marL="0" indent="0">
              <a:lnSpc>
                <a:spcPct val="100000"/>
              </a:lnSpc>
              <a:spcBef>
                <a:spcPts val="0"/>
              </a:spcBef>
              <a:spcAft>
                <a:spcPts val="800"/>
              </a:spcAft>
              <a:buNone/>
              <a:defRPr/>
            </a:lvl6pPr>
            <a:lvl7pPr marL="0" indent="0">
              <a:lnSpc>
                <a:spcPct val="100000"/>
              </a:lnSpc>
              <a:spcBef>
                <a:spcPts val="0"/>
              </a:spcBef>
              <a:spcAft>
                <a:spcPts val="800"/>
              </a:spcAft>
              <a:buNone/>
              <a:defRPr sz="1100"/>
            </a:lvl7pPr>
            <a:lvl8pPr marL="0" indent="0">
              <a:lnSpc>
                <a:spcPct val="100000"/>
              </a:lnSpc>
              <a:spcBef>
                <a:spcPts val="0"/>
              </a:spcBef>
              <a:spcAft>
                <a:spcPts val="800"/>
              </a:spcAft>
              <a:buNone/>
              <a:defRPr sz="1100"/>
            </a:lvl8pPr>
            <a:lvl9pPr marL="0" indent="0">
              <a:lnSpc>
                <a:spcPct val="100000"/>
              </a:lnSpc>
              <a:spcBef>
                <a:spcPts val="0"/>
              </a:spcBef>
              <a:spcAft>
                <a:spcPts val="800"/>
              </a:spcAft>
              <a:buNone/>
              <a:defRPr sz="11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2</a:t>
            </a:r>
          </a:p>
          <a:p>
            <a:pPr lvl="2"/>
            <a:r>
              <a:rPr lang="da-DK" dirty="0" err="1"/>
              <a:t>Footnote</a:t>
            </a:r>
            <a:endParaRPr lang="da-DK" dirty="0"/>
          </a:p>
        </p:txBody>
      </p:sp>
      <p:sp>
        <p:nvSpPr>
          <p:cNvPr id="36" name="Text Placeholder 7">
            <a:extLst>
              <a:ext uri="{FF2B5EF4-FFF2-40B4-BE49-F238E27FC236}">
                <a16:creationId xmlns:a16="http://schemas.microsoft.com/office/drawing/2014/main" id="{BAAAE8C1-22F0-4587-9D97-9936CCBFA8EE}"/>
              </a:ext>
            </a:extLst>
          </p:cNvPr>
          <p:cNvSpPr>
            <a:spLocks noGrp="1"/>
          </p:cNvSpPr>
          <p:nvPr>
            <p:ph type="body" sz="quarter" idx="16" hasCustomPrompt="1"/>
          </p:nvPr>
        </p:nvSpPr>
        <p:spPr>
          <a:xfrm>
            <a:off x="4300239" y="512762"/>
            <a:ext cx="6437611" cy="973137"/>
          </a:xfrm>
          <a:prstGeom prst="rect">
            <a:avLst/>
          </a:prstGeom>
        </p:spPr>
        <p:txBody>
          <a:bodyPr rIns="0" anchor="b">
            <a:noAutofit/>
          </a:bodyPr>
          <a:lstStyle>
            <a:lvl1pPr marL="0" algn="l" defTabSz="1039307" rtl="0" eaLnBrk="1" latinLnBrk="0" hangingPunct="1">
              <a:lnSpc>
                <a:spcPct val="100000"/>
              </a:lnSpc>
              <a:spcBef>
                <a:spcPct val="0"/>
              </a:spcBef>
              <a:spcAft>
                <a:spcPts val="0"/>
              </a:spcAft>
              <a:buNone/>
              <a:tabLst>
                <a:tab pos="0" algn="l"/>
                <a:tab pos="2874963" algn="l"/>
              </a:tabLst>
              <a:defRPr lang="en-GB" sz="2800" b="0" kern="1200" cap="none" spc="0" baseline="0" dirty="0">
                <a:solidFill>
                  <a:schemeClr val="accent1"/>
                </a:solidFill>
                <a:latin typeface="+mj-lt"/>
                <a:ea typeface="+mj-ea"/>
                <a:cs typeface="+mj-cs"/>
              </a:defRPr>
            </a:lvl1pPr>
            <a:lvl2pPr>
              <a:lnSpc>
                <a:spcPct val="80000"/>
              </a:lnSpc>
              <a:spcBef>
                <a:spcPts val="0"/>
              </a:spcBef>
              <a:defRPr sz="5000" spc="-150">
                <a:solidFill>
                  <a:schemeClr val="accent4"/>
                </a:solidFill>
              </a:defRPr>
            </a:lvl2pPr>
          </a:lstStyle>
          <a:p>
            <a:pPr lvl="0"/>
            <a:r>
              <a:rPr lang="da-DK" dirty="0" err="1"/>
              <a:t>Click</a:t>
            </a:r>
            <a:r>
              <a:rPr lang="da-DK" dirty="0"/>
              <a:t> to </a:t>
            </a:r>
            <a:r>
              <a:rPr lang="da-DK" dirty="0" err="1"/>
              <a:t>edit</a:t>
            </a:r>
            <a:r>
              <a:rPr lang="da-DK" dirty="0"/>
              <a:t> </a:t>
            </a:r>
            <a:r>
              <a:rPr lang="da-DK" dirty="0" err="1"/>
              <a:t>title</a:t>
            </a:r>
            <a:endParaRPr lang="da-DK" dirty="0"/>
          </a:p>
        </p:txBody>
      </p:sp>
      <p:sp>
        <p:nvSpPr>
          <p:cNvPr id="37" name="Text Placeholder 22">
            <a:extLst>
              <a:ext uri="{FF2B5EF4-FFF2-40B4-BE49-F238E27FC236}">
                <a16:creationId xmlns:a16="http://schemas.microsoft.com/office/drawing/2014/main" id="{B9A974BD-255E-42CE-9FD8-962803BF4B34}"/>
              </a:ext>
            </a:extLst>
          </p:cNvPr>
          <p:cNvSpPr>
            <a:spLocks noGrp="1"/>
          </p:cNvSpPr>
          <p:nvPr>
            <p:ph type="body" sz="quarter" idx="18" hasCustomPrompt="1"/>
          </p:nvPr>
        </p:nvSpPr>
        <p:spPr>
          <a:xfrm>
            <a:off x="4300239" y="1773913"/>
            <a:ext cx="7342486" cy="647005"/>
          </a:xfrm>
          <a:prstGeom prst="rect">
            <a:avLst/>
          </a:prstGeom>
        </p:spPr>
        <p:txBody>
          <a:bodyPr lIns="0" tIns="0" rIns="0" bIns="0" anchor="t">
            <a:noAutofit/>
          </a:bodyPr>
          <a:lstStyle>
            <a:lvl1pPr>
              <a:lnSpc>
                <a:spcPct val="100000"/>
              </a:lnSpc>
              <a:spcBef>
                <a:spcPts val="0"/>
              </a:spcBef>
              <a:spcAft>
                <a:spcPts val="0"/>
              </a:spcAft>
              <a:defRPr lang="en-GB" sz="1600" b="0" kern="1200" cap="none" baseline="0" dirty="0">
                <a:solidFill>
                  <a:srgbClr val="64778A"/>
                </a:solidFill>
                <a:latin typeface="+mn-lt"/>
                <a:ea typeface="+mn-ea"/>
                <a:cs typeface="+mn-cs"/>
              </a:defRPr>
            </a:lvl1pPr>
          </a:lstStyle>
          <a:p>
            <a:pPr marL="0" lvl="0" indent="0" algn="l" defTabSz="203892" rtl="0" eaLnBrk="1" latinLnBrk="0" hangingPunct="1">
              <a:lnSpc>
                <a:spcPct val="100000"/>
              </a:lnSpc>
              <a:spcBef>
                <a:spcPts val="0"/>
              </a:spcBef>
              <a:spcAft>
                <a:spcPts val="0"/>
              </a:spcAft>
              <a:buClrTx/>
              <a:buFont typeface="Arial" panose="020B0604020202020204" pitchFamily="34" charset="0"/>
              <a:buNone/>
            </a:pPr>
            <a:r>
              <a:rPr lang="da-DK" dirty="0" err="1"/>
              <a:t>Click</a:t>
            </a:r>
            <a:r>
              <a:rPr lang="da-DK" dirty="0"/>
              <a:t> to </a:t>
            </a:r>
            <a:r>
              <a:rPr lang="da-DK" dirty="0" err="1"/>
              <a:t>edit</a:t>
            </a:r>
            <a:r>
              <a:rPr lang="da-DK" dirty="0"/>
              <a:t> </a:t>
            </a:r>
            <a:r>
              <a:rPr lang="da-DK" dirty="0" err="1"/>
              <a:t>subtitle</a:t>
            </a:r>
            <a:endParaRPr lang="da-DK" dirty="0"/>
          </a:p>
        </p:txBody>
      </p:sp>
      <p:cxnSp>
        <p:nvCxnSpPr>
          <p:cNvPr id="15" name="Straight Connector 14">
            <a:extLst>
              <a:ext uri="{FF2B5EF4-FFF2-40B4-BE49-F238E27FC236}">
                <a16:creationId xmlns:a16="http://schemas.microsoft.com/office/drawing/2014/main" id="{B11524BB-F4BC-4AEB-94A0-BB503C2C4FA8}"/>
              </a:ext>
            </a:extLst>
          </p:cNvPr>
          <p:cNvCxnSpPr>
            <a:cxnSpLocks/>
          </p:cNvCxnSpPr>
          <p:nvPr userDrawn="1"/>
        </p:nvCxnSpPr>
        <p:spPr>
          <a:xfrm>
            <a:off x="4300239" y="1630363"/>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pic>
        <p:nvPicPr>
          <p:cNvPr id="16" name="Picture 24">
            <a:extLst>
              <a:ext uri="{FF2B5EF4-FFF2-40B4-BE49-F238E27FC236}">
                <a16:creationId xmlns:a16="http://schemas.microsoft.com/office/drawing/2014/main" id="{35BB38C2-63E4-4A16-81BD-B427A3040BC7}"/>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975167" y="512763"/>
            <a:ext cx="648139" cy="572088"/>
          </a:xfrm>
          <a:prstGeom prst="rect">
            <a:avLst/>
          </a:prstGeom>
        </p:spPr>
      </p:pic>
      <p:cxnSp>
        <p:nvCxnSpPr>
          <p:cNvPr id="17" name="Straight Connector 16">
            <a:extLst>
              <a:ext uri="{FF2B5EF4-FFF2-40B4-BE49-F238E27FC236}">
                <a16:creationId xmlns:a16="http://schemas.microsoft.com/office/drawing/2014/main" id="{6F6302C9-0C6D-4FA3-9AD4-CCD74ACB75B6}"/>
              </a:ext>
            </a:extLst>
          </p:cNvPr>
          <p:cNvCxnSpPr>
            <a:cxnSpLocks/>
          </p:cNvCxnSpPr>
          <p:nvPr userDrawn="1"/>
        </p:nvCxnSpPr>
        <p:spPr>
          <a:xfrm>
            <a:off x="4300239" y="5915700"/>
            <a:ext cx="7342486" cy="0"/>
          </a:xfrm>
          <a:prstGeom prst="line">
            <a:avLst/>
          </a:prstGeom>
          <a:ln>
            <a:solidFill>
              <a:srgbClr val="A2B3C9"/>
            </a:solidFill>
          </a:ln>
        </p:spPr>
        <p:style>
          <a:lnRef idx="1">
            <a:schemeClr val="accent1"/>
          </a:lnRef>
          <a:fillRef idx="0">
            <a:schemeClr val="accent1"/>
          </a:fillRef>
          <a:effectRef idx="0">
            <a:schemeClr val="accent1"/>
          </a:effectRef>
          <a:fontRef idx="minor">
            <a:schemeClr val="tx1"/>
          </a:fontRef>
        </p:style>
      </p:cxnSp>
      <p:sp>
        <p:nvSpPr>
          <p:cNvPr id="20" name="txtFooter">
            <a:extLst>
              <a:ext uri="{FF2B5EF4-FFF2-40B4-BE49-F238E27FC236}">
                <a16:creationId xmlns:a16="http://schemas.microsoft.com/office/drawing/2014/main" id="{5F8AD539-E423-45B2-A905-228146744851}"/>
              </a:ext>
            </a:extLst>
          </p:cNvPr>
          <p:cNvSpPr txBox="1"/>
          <p:nvPr userDrawn="1"/>
        </p:nvSpPr>
        <p:spPr>
          <a:xfrm>
            <a:off x="4300239"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5"/>
                </a:solidFill>
              </a:rPr>
              <a:t>© PA Knowledge Limited  |     </a:t>
            </a:r>
            <a:endParaRPr lang="da-DK" dirty="0"/>
          </a:p>
        </p:txBody>
      </p:sp>
      <p:sp>
        <p:nvSpPr>
          <p:cNvPr id="21" name="Rectangle 20" descr="{&quot;templafy&quot;:{&quot;id&quot;:&quot;53e7cf80-3dae-4815-8828-c3cadcba1c5c&quot;}}">
            <a:extLst>
              <a:ext uri="{FF2B5EF4-FFF2-40B4-BE49-F238E27FC236}">
                <a16:creationId xmlns:a16="http://schemas.microsoft.com/office/drawing/2014/main" id="{F20CF9DC-5B12-4927-98D5-BD3DBD780223}"/>
              </a:ext>
            </a:extLst>
          </p:cNvPr>
          <p:cNvSpPr/>
          <p:nvPr userDrawn="1"/>
        </p:nvSpPr>
        <p:spPr>
          <a:xfrm>
            <a:off x="5550307"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rgbClr val="9AB1C5"/>
              </a:solidFill>
            </a:endParaRPr>
          </a:p>
        </p:txBody>
      </p:sp>
      <p:pic>
        <p:nvPicPr>
          <p:cNvPr id="3" name="Graphic 2">
            <a:extLst>
              <a:ext uri="{FF2B5EF4-FFF2-40B4-BE49-F238E27FC236}">
                <a16:creationId xmlns:a16="http://schemas.microsoft.com/office/drawing/2014/main" id="{3DC6DE4B-62F5-4C88-9A00-7FB96E9FB80E}"/>
              </a:ext>
            </a:extLst>
          </p:cNvPr>
          <p:cNvPicPr>
            <a:picLocks noChangeAspect="1"/>
          </p:cNvPicPr>
          <p:nvPr userDrawn="1"/>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311332" y="6056947"/>
            <a:ext cx="1872000" cy="324000"/>
          </a:xfrm>
          <a:prstGeom prst="rect">
            <a:avLst/>
          </a:prstGeom>
        </p:spPr>
      </p:pic>
    </p:spTree>
    <p:extLst>
      <p:ext uri="{BB962C8B-B14F-4D97-AF65-F5344CB8AC3E}">
        <p14:creationId xmlns:p14="http://schemas.microsoft.com/office/powerpoint/2010/main" val="555341100"/>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Slide C [TOC Source]">
    <p:bg>
      <p:bgPr>
        <a:solidFill>
          <a:schemeClr val="accent1"/>
        </a:solidFill>
        <a:effectLst/>
      </p:bgPr>
    </p:bg>
    <p:spTree>
      <p:nvGrpSpPr>
        <p:cNvPr id="1" name=""/>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A76F78DF-1E3F-4F25-8273-DCD1EE32DC67}"/>
              </a:ext>
            </a:extLst>
          </p:cNvPr>
          <p:cNvSpPr>
            <a:spLocks noGrp="1"/>
          </p:cNvSpPr>
          <p:nvPr>
            <p:ph type="pic" sz="quarter" idx="24"/>
          </p:nvPr>
        </p:nvSpPr>
        <p:spPr>
          <a:xfrm>
            <a:off x="4297362" y="0"/>
            <a:ext cx="7897812" cy="6859588"/>
          </a:xfrm>
          <a:custGeom>
            <a:avLst/>
            <a:gdLst>
              <a:gd name="connsiteX0" fmla="*/ 103786 w 7897812"/>
              <a:gd name="connsiteY0" fmla="*/ 0 h 6859588"/>
              <a:gd name="connsiteX1" fmla="*/ 7897812 w 7897812"/>
              <a:gd name="connsiteY1" fmla="*/ 0 h 6859588"/>
              <a:gd name="connsiteX2" fmla="*/ 7897812 w 7897812"/>
              <a:gd name="connsiteY2" fmla="*/ 6859588 h 6859588"/>
              <a:gd name="connsiteX3" fmla="*/ 103786 w 7897812"/>
              <a:gd name="connsiteY3" fmla="*/ 6859588 h 6859588"/>
              <a:gd name="connsiteX4" fmla="*/ 0 w 7897812"/>
              <a:gd name="connsiteY4" fmla="*/ 6755802 h 6859588"/>
              <a:gd name="connsiteX5" fmla="*/ 0 w 7897812"/>
              <a:gd name="connsiteY5" fmla="*/ 103786 h 6859588"/>
              <a:gd name="connsiteX6" fmla="*/ 103786 w 7897812"/>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897812" h="6859588">
                <a:moveTo>
                  <a:pt x="103786" y="0"/>
                </a:moveTo>
                <a:lnTo>
                  <a:pt x="7897812" y="0"/>
                </a:lnTo>
                <a:lnTo>
                  <a:pt x="7897812"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sp>
        <p:nvSpPr>
          <p:cNvPr id="10" name="plcSectionNumber">
            <a:extLst>
              <a:ext uri="{FF2B5EF4-FFF2-40B4-BE49-F238E27FC236}">
                <a16:creationId xmlns:a16="http://schemas.microsoft.com/office/drawing/2014/main" id="{7CB557C8-32D2-47BF-983C-E96EE794946D}"/>
              </a:ext>
            </a:extLst>
          </p:cNvPr>
          <p:cNvSpPr>
            <a:spLocks noGrp="1"/>
          </p:cNvSpPr>
          <p:nvPr>
            <p:ph type="body" sz="quarter" idx="23" hasCustomPrompt="1"/>
          </p:nvPr>
        </p:nvSpPr>
        <p:spPr>
          <a:xfrm>
            <a:off x="558546" y="958467"/>
            <a:ext cx="3488164" cy="2399096"/>
          </a:xfrm>
          <a:prstGeom prst="rect">
            <a:avLst/>
          </a:prstGeom>
          <a:noFill/>
        </p:spPr>
        <p:txBody>
          <a:bodyPr wrap="square" lIns="0" rIns="0" anchor="b">
            <a:noAutofit/>
          </a:bodyPr>
          <a:lstStyle>
            <a:lvl1pPr algn="l">
              <a:spcAft>
                <a:spcPts val="0"/>
              </a:spcAft>
              <a:defRPr sz="11500" b="0">
                <a:solidFill>
                  <a:schemeClr val="accent5"/>
                </a:solidFill>
                <a:latin typeface="+mj-lt"/>
              </a:defRPr>
            </a:lvl1pPr>
            <a:lvl2pPr>
              <a:defRPr sz="2400"/>
            </a:lvl2pPr>
            <a:lvl3pPr>
              <a:defRPr sz="2000"/>
            </a:lvl3pPr>
            <a:lvl4pPr>
              <a:defRPr sz="2000"/>
            </a:lvl4pPr>
            <a:lvl5pPr>
              <a:defRPr sz="2000"/>
            </a:lvl5pPr>
          </a:lstStyle>
          <a:p>
            <a:pPr lvl="0"/>
            <a:r>
              <a:rPr lang="da-DK" dirty="0"/>
              <a:t>##</a:t>
            </a:r>
          </a:p>
        </p:txBody>
      </p:sp>
      <p:sp>
        <p:nvSpPr>
          <p:cNvPr id="14" name="plcSectionTitle">
            <a:extLst>
              <a:ext uri="{FF2B5EF4-FFF2-40B4-BE49-F238E27FC236}">
                <a16:creationId xmlns:a16="http://schemas.microsoft.com/office/drawing/2014/main" id="{0FEC81F5-7067-4927-80AA-EFEBE52A9A3C}"/>
              </a:ext>
            </a:extLst>
          </p:cNvPr>
          <p:cNvSpPr>
            <a:spLocks noGrp="1"/>
          </p:cNvSpPr>
          <p:nvPr>
            <p:ph type="body" sz="quarter" idx="13" hasCustomPrompt="1"/>
          </p:nvPr>
        </p:nvSpPr>
        <p:spPr>
          <a:xfrm>
            <a:off x="55854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bg1"/>
                </a:solidFill>
              </a:defRPr>
            </a:lvl1pPr>
            <a:lvl2pPr>
              <a:lnSpc>
                <a:spcPct val="100000"/>
              </a:lnSpc>
              <a:spcBef>
                <a:spcPts val="600"/>
              </a:spcBef>
              <a:spcAft>
                <a:spcPts val="0"/>
              </a:spcAft>
              <a:defRPr sz="1800" b="0" cap="none" spc="0">
                <a:solidFill>
                  <a:schemeClr val="bg1"/>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da-DK" dirty="0"/>
              <a:t>Divider </a:t>
            </a:r>
            <a:r>
              <a:rPr lang="da-DK" dirty="0" err="1"/>
              <a:t>title</a:t>
            </a:r>
            <a:r>
              <a:rPr lang="da-DK" dirty="0"/>
              <a:t>  </a:t>
            </a:r>
          </a:p>
          <a:p>
            <a:pPr lvl="1"/>
            <a:r>
              <a:rPr lang="da-DK" dirty="0"/>
              <a:t>Second </a:t>
            </a:r>
            <a:r>
              <a:rPr lang="da-DK" dirty="0" err="1"/>
              <a:t>level</a:t>
            </a:r>
            <a:endParaRPr lang="da-DK" dirty="0"/>
          </a:p>
        </p:txBody>
      </p:sp>
      <p:sp>
        <p:nvSpPr>
          <p:cNvPr id="9" name="txtSecureMarker2" hidden="1"/>
          <p:cNvSpPr txBox="1"/>
          <p:nvPr userDrawn="1"/>
        </p:nvSpPr>
        <p:spPr>
          <a:xfrm>
            <a:off x="3762235" y="6536223"/>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7" name="txtSecureMarker1" hidden="1"/>
          <p:cNvSpPr txBox="1"/>
          <p:nvPr userDrawn="1"/>
        </p:nvSpPr>
        <p:spPr>
          <a:xfrm>
            <a:off x="3762235" y="55401"/>
            <a:ext cx="4670704" cy="305000"/>
          </a:xfrm>
          <a:prstGeom prst="rect">
            <a:avLst/>
          </a:prstGeom>
          <a:no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cxnSp>
        <p:nvCxnSpPr>
          <p:cNvPr id="8" name="Straight Connector 7">
            <a:extLst>
              <a:ext uri="{FF2B5EF4-FFF2-40B4-BE49-F238E27FC236}">
                <a16:creationId xmlns:a16="http://schemas.microsoft.com/office/drawing/2014/main" id="{EC30B62E-1DFB-484D-8577-26794A047849}"/>
              </a:ext>
            </a:extLst>
          </p:cNvPr>
          <p:cNvCxnSpPr>
            <a:cxnSpLocks/>
          </p:cNvCxnSpPr>
          <p:nvPr userDrawn="1"/>
        </p:nvCxnSpPr>
        <p:spPr>
          <a:xfrm>
            <a:off x="55854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61958442"/>
      </p:ext>
    </p:extLst>
  </p:cSld>
  <p:clrMapOvr>
    <a:masterClrMapping/>
  </p:clrMapOvr>
  <p:transition>
    <p:fade/>
  </p:transition>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Image + Text A">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D469278E-0127-48E4-B124-96B0AEF055BD}"/>
              </a:ext>
            </a:extLst>
          </p:cNvPr>
          <p:cNvSpPr>
            <a:spLocks noGrp="1"/>
          </p:cNvSpPr>
          <p:nvPr>
            <p:ph type="pic" sz="quarter" idx="27"/>
          </p:nvPr>
        </p:nvSpPr>
        <p:spPr>
          <a:xfrm>
            <a:off x="3360737" y="0"/>
            <a:ext cx="8834436" cy="6859588"/>
          </a:xfrm>
          <a:prstGeom prst="rect">
            <a:avLst/>
          </a:prstGeom>
          <a:solidFill>
            <a:schemeClr val="accent6"/>
          </a:solidFill>
        </p:spPr>
        <p:txBody>
          <a:bodyPr wrap="square" anchor="ctr">
            <a:noAutofit/>
          </a:bodyPr>
          <a:lstStyle>
            <a:lvl1pPr algn="ctr">
              <a:defRPr/>
            </a:lvl1pPr>
          </a:lstStyle>
          <a:p>
            <a:endParaRPr lang="da-DK"/>
          </a:p>
        </p:txBody>
      </p:sp>
      <p:sp>
        <p:nvSpPr>
          <p:cNvPr id="2" name="Title 1">
            <a:extLst>
              <a:ext uri="{FF2B5EF4-FFF2-40B4-BE49-F238E27FC236}">
                <a16:creationId xmlns:a16="http://schemas.microsoft.com/office/drawing/2014/main" id="{C4998444-3E2E-49E6-BAB5-492E71C48939}"/>
              </a:ext>
            </a:extLst>
          </p:cNvPr>
          <p:cNvSpPr>
            <a:spLocks noGrp="1"/>
          </p:cNvSpPr>
          <p:nvPr>
            <p:ph type="title"/>
          </p:nvPr>
        </p:nvSpPr>
        <p:spPr>
          <a:xfrm>
            <a:off x="554356" y="512763"/>
            <a:ext cx="2663508" cy="792465"/>
          </a:xfrm>
        </p:spPr>
        <p:txBody>
          <a:bodyPr/>
          <a:lstStyle>
            <a:lvl1pPr>
              <a:defRPr sz="2400"/>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6" name="Straight Connector 5">
            <a:extLst>
              <a:ext uri="{FF2B5EF4-FFF2-40B4-BE49-F238E27FC236}">
                <a16:creationId xmlns:a16="http://schemas.microsoft.com/office/drawing/2014/main" id="{C907166C-BF46-4A42-88C8-4A809512797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7" name="Content Placeholder 2">
            <a:extLst>
              <a:ext uri="{FF2B5EF4-FFF2-40B4-BE49-F238E27FC236}">
                <a16:creationId xmlns:a16="http://schemas.microsoft.com/office/drawing/2014/main" id="{0D96F6BD-24B8-4BD2-A834-883957701F03}"/>
              </a:ext>
            </a:extLst>
          </p:cNvPr>
          <p:cNvSpPr>
            <a:spLocks noGrp="1"/>
          </p:cNvSpPr>
          <p:nvPr>
            <p:ph idx="1"/>
          </p:nvPr>
        </p:nvSpPr>
        <p:spPr>
          <a:xfrm>
            <a:off x="556260" y="1634935"/>
            <a:ext cx="2661603"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1" name="Rectangle 10" descr="{&quot;templafy&quot;:{&quot;id&quot;:&quot;8a7fe8e8-2679-4a58-921b-bb07151f8b6d&quot;}}">
            <a:extLst>
              <a:ext uri="{FF2B5EF4-FFF2-40B4-BE49-F238E27FC236}">
                <a16:creationId xmlns:a16="http://schemas.microsoft.com/office/drawing/2014/main" id="{E85933CF-2E07-4D4E-9911-F315F4A8C593}"/>
              </a:ext>
            </a:extLst>
          </p:cNvPr>
          <p:cNvSpPr/>
          <p:nvPr userDrawn="1"/>
        </p:nvSpPr>
        <p:spPr>
          <a:xfrm>
            <a:off x="554354" y="6288287"/>
            <a:ext cx="2661603" cy="2154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rgbClr val="9AB1C5"/>
              </a:solidFill>
            </a:endParaRPr>
          </a:p>
        </p:txBody>
      </p:sp>
      <p:sp>
        <p:nvSpPr>
          <p:cNvPr id="12" name="txtFooter">
            <a:extLst>
              <a:ext uri="{FF2B5EF4-FFF2-40B4-BE49-F238E27FC236}">
                <a16:creationId xmlns:a16="http://schemas.microsoft.com/office/drawing/2014/main" id="{DAF82FC6-854A-4F64-8369-1D067ABB701E}"/>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5"/>
                </a:solidFill>
              </a:rPr>
              <a:t>© PA Knowledge Limited  |     </a:t>
            </a:r>
            <a:endParaRPr lang="da-DK" dirty="0"/>
          </a:p>
        </p:txBody>
      </p:sp>
    </p:spTree>
    <p:extLst>
      <p:ext uri="{BB962C8B-B14F-4D97-AF65-F5344CB8AC3E}">
        <p14:creationId xmlns:p14="http://schemas.microsoft.com/office/powerpoint/2010/main" val="31490356"/>
      </p:ext>
    </p:extLst>
  </p:cSld>
  <p:clrMapOvr>
    <a:masterClrMapping/>
  </p:clrMapOvr>
  <p:transition>
    <p:fade/>
  </p:transition>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userDrawn="1">
  <p:cSld name="Image + Text B">
    <p:bg>
      <p:bgPr>
        <a:solidFill>
          <a:schemeClr val="accent1"/>
        </a:solidFill>
        <a:effectLst/>
      </p:bgPr>
    </p:b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D469278E-0127-48E4-B124-96B0AEF055BD}"/>
              </a:ext>
            </a:extLst>
          </p:cNvPr>
          <p:cNvSpPr>
            <a:spLocks noGrp="1"/>
          </p:cNvSpPr>
          <p:nvPr>
            <p:ph type="pic" sz="quarter" idx="27"/>
          </p:nvPr>
        </p:nvSpPr>
        <p:spPr>
          <a:xfrm>
            <a:off x="3360737" y="0"/>
            <a:ext cx="8834436" cy="6859588"/>
          </a:xfrm>
          <a:prstGeom prst="rect">
            <a:avLst/>
          </a:prstGeom>
          <a:solidFill>
            <a:schemeClr val="accent6"/>
          </a:solidFill>
        </p:spPr>
        <p:txBody>
          <a:bodyPr wrap="square" anchor="ctr">
            <a:noAutofit/>
          </a:bodyPr>
          <a:lstStyle>
            <a:lvl1pPr algn="ctr">
              <a:defRPr/>
            </a:lvl1pPr>
          </a:lstStyle>
          <a:p>
            <a:endParaRPr lang="da-DK"/>
          </a:p>
        </p:txBody>
      </p:sp>
      <p:sp>
        <p:nvSpPr>
          <p:cNvPr id="2" name="Title 1">
            <a:extLst>
              <a:ext uri="{FF2B5EF4-FFF2-40B4-BE49-F238E27FC236}">
                <a16:creationId xmlns:a16="http://schemas.microsoft.com/office/drawing/2014/main" id="{C4998444-3E2E-49E6-BAB5-492E71C48939}"/>
              </a:ext>
            </a:extLst>
          </p:cNvPr>
          <p:cNvSpPr>
            <a:spLocks noGrp="1"/>
          </p:cNvSpPr>
          <p:nvPr>
            <p:ph type="title"/>
          </p:nvPr>
        </p:nvSpPr>
        <p:spPr>
          <a:xfrm>
            <a:off x="554356" y="512763"/>
            <a:ext cx="2663508" cy="792465"/>
          </a:xfrm>
        </p:spPr>
        <p:txBody>
          <a:bodyPr/>
          <a:lstStyle>
            <a:lvl1pPr>
              <a:defRPr sz="2400">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6" name="Straight Connector 5">
            <a:extLst>
              <a:ext uri="{FF2B5EF4-FFF2-40B4-BE49-F238E27FC236}">
                <a16:creationId xmlns:a16="http://schemas.microsoft.com/office/drawing/2014/main" id="{C907166C-BF46-4A42-88C8-4A809512797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7" name="Content Placeholder 2">
            <a:extLst>
              <a:ext uri="{FF2B5EF4-FFF2-40B4-BE49-F238E27FC236}">
                <a16:creationId xmlns:a16="http://schemas.microsoft.com/office/drawing/2014/main" id="{0D96F6BD-24B8-4BD2-A834-883957701F03}"/>
              </a:ext>
            </a:extLst>
          </p:cNvPr>
          <p:cNvSpPr>
            <a:spLocks noGrp="1"/>
          </p:cNvSpPr>
          <p:nvPr>
            <p:ph idx="1"/>
          </p:nvPr>
        </p:nvSpPr>
        <p:spPr>
          <a:xfrm>
            <a:off x="556260" y="1634935"/>
            <a:ext cx="2661603" cy="4535487"/>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baseline="0">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1" name="Rectangle 10" descr="{&quot;templafy&quot;:{&quot;id&quot;:&quot;8fd1bd2f-ec5c-46e8-aa00-740acd93a648&quot;}}">
            <a:extLst>
              <a:ext uri="{FF2B5EF4-FFF2-40B4-BE49-F238E27FC236}">
                <a16:creationId xmlns:a16="http://schemas.microsoft.com/office/drawing/2014/main" id="{9BA48053-1A5D-4A47-AE95-11FBDA3C42CE}"/>
              </a:ext>
            </a:extLst>
          </p:cNvPr>
          <p:cNvSpPr/>
          <p:nvPr userDrawn="1"/>
        </p:nvSpPr>
        <p:spPr>
          <a:xfrm>
            <a:off x="554354" y="6288287"/>
            <a:ext cx="2661603" cy="2154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rgbClr val="9AB1C5"/>
              </a:solidFill>
            </a:endParaRPr>
          </a:p>
        </p:txBody>
      </p:sp>
      <p:sp>
        <p:nvSpPr>
          <p:cNvPr id="12" name="txtFooter">
            <a:extLst>
              <a:ext uri="{FF2B5EF4-FFF2-40B4-BE49-F238E27FC236}">
                <a16:creationId xmlns:a16="http://schemas.microsoft.com/office/drawing/2014/main" id="{1FF39E47-53E5-4AB9-B168-678733F8FD7F}"/>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5"/>
                </a:solidFill>
              </a:rPr>
              <a:t>© PA Knowledge Limited  |     </a:t>
            </a:r>
            <a:endParaRPr lang="da-DK" dirty="0"/>
          </a:p>
        </p:txBody>
      </p:sp>
    </p:spTree>
    <p:extLst>
      <p:ext uri="{BB962C8B-B14F-4D97-AF65-F5344CB8AC3E}">
        <p14:creationId xmlns:p14="http://schemas.microsoft.com/office/powerpoint/2010/main" val="2403087012"/>
      </p:ext>
    </p:extLst>
  </p:cSld>
  <p:clrMapOvr>
    <a:masterClrMapping/>
  </p:clrMapOvr>
  <p:transition>
    <p:fade/>
  </p:transition>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Image + Text C">
    <p:spTree>
      <p:nvGrpSpPr>
        <p:cNvPr id="1" name=""/>
        <p:cNvGrpSpPr/>
        <p:nvPr/>
      </p:nvGrpSpPr>
      <p:grpSpPr>
        <a:xfrm>
          <a:off x="0" y="0"/>
          <a:ext cx="0" cy="0"/>
          <a:chOff x="0" y="0"/>
          <a:chExt cx="0" cy="0"/>
        </a:xfrm>
      </p:grpSpPr>
      <p:sp>
        <p:nvSpPr>
          <p:cNvPr id="3" name="Rectangle: Rounded Corners 2">
            <a:extLst>
              <a:ext uri="{FF2B5EF4-FFF2-40B4-BE49-F238E27FC236}">
                <a16:creationId xmlns:a16="http://schemas.microsoft.com/office/drawing/2014/main" id="{792FC57C-6C3E-4567-9A08-B612CC955A17}"/>
              </a:ext>
            </a:extLst>
          </p:cNvPr>
          <p:cNvSpPr/>
          <p:nvPr userDrawn="1"/>
        </p:nvSpPr>
        <p:spPr>
          <a:xfrm>
            <a:off x="552450" y="693738"/>
            <a:ext cx="11090275" cy="5472112"/>
          </a:xfrm>
          <a:prstGeom prst="roundRect">
            <a:avLst>
              <a:gd name="adj" fmla="val 1405"/>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dirty="0"/>
          </a:p>
        </p:txBody>
      </p:sp>
      <p:sp>
        <p:nvSpPr>
          <p:cNvPr id="10" name="plcSlideNumber">
            <a:extLst>
              <a:ext uri="{FF2B5EF4-FFF2-40B4-BE49-F238E27FC236}">
                <a16:creationId xmlns:a16="http://schemas.microsoft.com/office/drawing/2014/main" id="{9FA52A4F-B311-4C3E-9D9A-670BEFBE303C}"/>
              </a:ext>
            </a:extLst>
          </p:cNvPr>
          <p:cNvSpPr>
            <a:spLocks noGrp="1"/>
          </p:cNvSpPr>
          <p:nvPr userDrawn="1"/>
        </p:nvSpPr>
        <p:spPr>
          <a:xfrm>
            <a:off x="5668698" y="6554864"/>
            <a:ext cx="857778"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accent5"/>
                </a:solidFill>
              </a:rPr>
              <a:pPr algn="ctr"/>
              <a:t>‹#›</a:t>
            </a:fld>
            <a:endParaRPr lang="da-DK" sz="800" dirty="0">
              <a:solidFill>
                <a:schemeClr val="accent5"/>
              </a:solidFill>
            </a:endParaRPr>
          </a:p>
        </p:txBody>
      </p:sp>
      <p:sp>
        <p:nvSpPr>
          <p:cNvPr id="12" name="Picture Placeholder 11">
            <a:extLst>
              <a:ext uri="{FF2B5EF4-FFF2-40B4-BE49-F238E27FC236}">
                <a16:creationId xmlns:a16="http://schemas.microsoft.com/office/drawing/2014/main" id="{A249E0E7-0F3D-441A-BCEF-D742D32F9410}"/>
              </a:ext>
            </a:extLst>
          </p:cNvPr>
          <p:cNvSpPr>
            <a:spLocks noGrp="1"/>
          </p:cNvSpPr>
          <p:nvPr>
            <p:ph type="pic" sz="quarter" idx="27"/>
          </p:nvPr>
        </p:nvSpPr>
        <p:spPr>
          <a:xfrm>
            <a:off x="3360737" y="693738"/>
            <a:ext cx="8281988" cy="5472112"/>
          </a:xfrm>
          <a:custGeom>
            <a:avLst/>
            <a:gdLst>
              <a:gd name="connsiteX0" fmla="*/ 0 w 8281988"/>
              <a:gd name="connsiteY0" fmla="*/ 0 h 5472112"/>
              <a:gd name="connsiteX1" fmla="*/ 8205105 w 8281988"/>
              <a:gd name="connsiteY1" fmla="*/ 0 h 5472112"/>
              <a:gd name="connsiteX2" fmla="*/ 8281988 w 8281988"/>
              <a:gd name="connsiteY2" fmla="*/ 76883 h 5472112"/>
              <a:gd name="connsiteX3" fmla="*/ 8281988 w 8281988"/>
              <a:gd name="connsiteY3" fmla="*/ 5395229 h 5472112"/>
              <a:gd name="connsiteX4" fmla="*/ 8205105 w 8281988"/>
              <a:gd name="connsiteY4" fmla="*/ 5472112 h 5472112"/>
              <a:gd name="connsiteX5" fmla="*/ 0 w 8281988"/>
              <a:gd name="connsiteY5" fmla="*/ 5472112 h 54721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281988" h="5472112">
                <a:moveTo>
                  <a:pt x="0" y="0"/>
                </a:moveTo>
                <a:lnTo>
                  <a:pt x="8205105" y="0"/>
                </a:lnTo>
                <a:cubicBezTo>
                  <a:pt x="8247566" y="0"/>
                  <a:pt x="8281988" y="34422"/>
                  <a:pt x="8281988" y="76883"/>
                </a:cubicBezTo>
                <a:lnTo>
                  <a:pt x="8281988" y="5395229"/>
                </a:lnTo>
                <a:cubicBezTo>
                  <a:pt x="8281988" y="5437690"/>
                  <a:pt x="8247566" y="5472112"/>
                  <a:pt x="8205105" y="5472112"/>
                </a:cubicBezTo>
                <a:lnTo>
                  <a:pt x="0" y="5472112"/>
                </a:lnTo>
                <a:close/>
              </a:path>
            </a:pathLst>
          </a:custGeom>
          <a:solidFill>
            <a:schemeClr val="accent6"/>
          </a:solidFill>
        </p:spPr>
        <p:txBody>
          <a:bodyPr wrap="square" anchor="ctr">
            <a:noAutofit/>
          </a:bodyPr>
          <a:lstStyle>
            <a:lvl1pPr algn="ctr">
              <a:defRPr/>
            </a:lvl1pPr>
          </a:lstStyle>
          <a:p>
            <a:endParaRPr lang="da-DK"/>
          </a:p>
        </p:txBody>
      </p:sp>
      <p:sp>
        <p:nvSpPr>
          <p:cNvPr id="13" name="Title 1">
            <a:extLst>
              <a:ext uri="{FF2B5EF4-FFF2-40B4-BE49-F238E27FC236}">
                <a16:creationId xmlns:a16="http://schemas.microsoft.com/office/drawing/2014/main" id="{F51C6C8C-C286-4F88-AB7F-D3B0B7A93F6A}"/>
              </a:ext>
            </a:extLst>
          </p:cNvPr>
          <p:cNvSpPr>
            <a:spLocks noGrp="1"/>
          </p:cNvSpPr>
          <p:nvPr>
            <p:ph type="title"/>
          </p:nvPr>
        </p:nvSpPr>
        <p:spPr>
          <a:xfrm>
            <a:off x="773812" y="897205"/>
            <a:ext cx="2444051" cy="792465"/>
          </a:xfrm>
        </p:spPr>
        <p:txBody>
          <a:bodyPr/>
          <a:lstStyle>
            <a:lvl1pPr>
              <a:defRPr sz="2000">
                <a:solidFill>
                  <a:schemeClr val="bg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14" name="Straight Connector 13">
            <a:extLst>
              <a:ext uri="{FF2B5EF4-FFF2-40B4-BE49-F238E27FC236}">
                <a16:creationId xmlns:a16="http://schemas.microsoft.com/office/drawing/2014/main" id="{0C50824C-0ADC-4AFB-8811-11F2D443B63C}"/>
              </a:ext>
            </a:extLst>
          </p:cNvPr>
          <p:cNvCxnSpPr>
            <a:cxnSpLocks/>
          </p:cNvCxnSpPr>
          <p:nvPr userDrawn="1"/>
        </p:nvCxnSpPr>
        <p:spPr>
          <a:xfrm>
            <a:off x="773810" y="185970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5" name="Content Placeholder 2">
            <a:extLst>
              <a:ext uri="{FF2B5EF4-FFF2-40B4-BE49-F238E27FC236}">
                <a16:creationId xmlns:a16="http://schemas.microsoft.com/office/drawing/2014/main" id="{FB06C9CD-3287-4D22-ABE7-8CB7607A7AF4}"/>
              </a:ext>
            </a:extLst>
          </p:cNvPr>
          <p:cNvSpPr>
            <a:spLocks noGrp="1"/>
          </p:cNvSpPr>
          <p:nvPr>
            <p:ph idx="1"/>
          </p:nvPr>
        </p:nvSpPr>
        <p:spPr>
          <a:xfrm>
            <a:off x="775716" y="2019378"/>
            <a:ext cx="2442147" cy="3943006"/>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baseline="0">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Tree>
    <p:extLst>
      <p:ext uri="{BB962C8B-B14F-4D97-AF65-F5344CB8AC3E}">
        <p14:creationId xmlns:p14="http://schemas.microsoft.com/office/powerpoint/2010/main" val="2249248910"/>
      </p:ext>
    </p:extLst>
  </p:cSld>
  <p:clrMapOvr>
    <a:masterClrMapping/>
  </p:clrMapOvr>
  <p:transition>
    <p:fade/>
  </p:transition>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14872" y="1513190"/>
            <a:ext cx="11223851" cy="369418"/>
            <a:chOff x="1797664" y="2085631"/>
            <a:chExt cx="11220928" cy="369332"/>
          </a:xfrm>
        </p:grpSpPr>
        <p:sp>
          <p:nvSpPr>
            <p:cNvPr id="20" name="Section Title" hidden="1"/>
            <p:cNvSpPr txBox="1">
              <a:spLocks/>
            </p:cNvSpPr>
            <p:nvPr userDrawn="1"/>
          </p:nvSpPr>
          <p:spPr>
            <a:xfrm>
              <a:off x="2267220" y="2085631"/>
              <a:ext cx="3843347" cy="369332"/>
            </a:xfrm>
            <a:prstGeom prst="rect">
              <a:avLst/>
            </a:prstGeom>
            <a:noFill/>
          </p:spPr>
          <p:txBody>
            <a:bodyPr wrap="square" rtlCol="0" anchor="ctr">
              <a:normAutofit/>
            </a:bodyPr>
            <a:lstStyle/>
            <a:p>
              <a:pPr defTabSz="9336134">
                <a:tabLst>
                  <a:tab pos="9513964" algn="l"/>
                </a:tabLst>
              </a:pPr>
              <a:r>
                <a:rPr lang="da-DK" sz="1400"/>
                <a:t>&lt;TEXT&gt;</a:t>
              </a:r>
              <a:endParaRPr lang="da-DK"/>
            </a:p>
          </p:txBody>
        </p:sp>
        <p:sp>
          <p:nvSpPr>
            <p:cNvPr id="21" name="Section Number" hidden="1"/>
            <p:cNvSpPr txBox="1">
              <a:spLocks/>
            </p:cNvSpPr>
            <p:nvPr userDrawn="1"/>
          </p:nvSpPr>
          <p:spPr>
            <a:xfrm>
              <a:off x="1797664" y="2085631"/>
              <a:ext cx="379556" cy="369332"/>
            </a:xfrm>
            <a:prstGeom prst="rect">
              <a:avLst/>
            </a:prstGeom>
            <a:noFill/>
          </p:spPr>
          <p:txBody>
            <a:bodyPr wrap="none" rtlCol="0" anchor="ctr">
              <a:noAutofit/>
            </a:bodyPr>
            <a:lstStyle/>
            <a:p>
              <a:pPr algn="ctr"/>
              <a:r>
                <a:rPr lang="da-DK" sz="1400"/>
                <a:t>&lt;N&gt;</a:t>
              </a:r>
              <a:endParaRPr lang="da-DK"/>
            </a:p>
          </p:txBody>
        </p:sp>
        <p:sp>
          <p:nvSpPr>
            <p:cNvPr id="22" name="Slide Number" hidden="1"/>
            <p:cNvSpPr txBox="1">
              <a:spLocks/>
            </p:cNvSpPr>
            <p:nvPr userDrawn="1"/>
          </p:nvSpPr>
          <p:spPr>
            <a:xfrm>
              <a:off x="12381598" y="2085631"/>
              <a:ext cx="636994" cy="369332"/>
            </a:xfrm>
            <a:prstGeom prst="rect">
              <a:avLst/>
            </a:prstGeom>
            <a:noFill/>
          </p:spPr>
          <p:txBody>
            <a:bodyPr wrap="none" rtlCol="0" anchor="ctr">
              <a:noAutofit/>
            </a:bodyPr>
            <a:lstStyle/>
            <a:p>
              <a:pPr algn="r"/>
              <a:r>
                <a:rPr lang="da-DK" sz="1400"/>
                <a:t>&lt;P&gt;</a:t>
              </a:r>
              <a:endParaRPr lang="da-DK"/>
            </a:p>
          </p:txBody>
        </p:sp>
        <p:sp>
          <p:nvSpPr>
            <p:cNvPr id="24" name="Timeslot" hidden="1"/>
            <p:cNvSpPr txBox="1">
              <a:spLocks/>
            </p:cNvSpPr>
            <p:nvPr userDrawn="1"/>
          </p:nvSpPr>
          <p:spPr>
            <a:xfrm>
              <a:off x="9186141" y="2085631"/>
              <a:ext cx="1257061" cy="369332"/>
            </a:xfrm>
            <a:prstGeom prst="rect">
              <a:avLst/>
            </a:prstGeom>
            <a:noFill/>
          </p:spPr>
          <p:txBody>
            <a:bodyPr wrap="none" rtlCol="0" anchor="ctr">
              <a:noAutofit/>
            </a:bodyPr>
            <a:lstStyle/>
            <a:p>
              <a:pPr algn="l"/>
              <a:r>
                <a:rPr lang="da-DK" sz="1400"/>
                <a:t>&lt;TIMESLOT&gt;</a:t>
              </a:r>
              <a:endParaRPr lang="da-DK"/>
            </a:p>
          </p:txBody>
        </p:sp>
        <p:sp>
          <p:nvSpPr>
            <p:cNvPr id="28" name="Responsible" hidden="1"/>
            <p:cNvSpPr txBox="1">
              <a:spLocks/>
            </p:cNvSpPr>
            <p:nvPr userDrawn="1"/>
          </p:nvSpPr>
          <p:spPr>
            <a:xfrm>
              <a:off x="6209330" y="2085631"/>
              <a:ext cx="1388067" cy="369332"/>
            </a:xfrm>
            <a:prstGeom prst="rect">
              <a:avLst/>
            </a:prstGeom>
            <a:noFill/>
          </p:spPr>
          <p:txBody>
            <a:bodyPr wrap="none" rtlCol="0" anchor="ctr">
              <a:noAutofit/>
            </a:bodyPr>
            <a:lstStyle/>
            <a:p>
              <a:pPr algn="l"/>
              <a:r>
                <a:rPr lang="da-DK" sz="1400"/>
                <a:t>&lt;RESPONSIBLE&gt;</a:t>
              </a:r>
              <a:endParaRPr lang="da-DK"/>
            </a:p>
          </p:txBody>
        </p:sp>
        <p:sp>
          <p:nvSpPr>
            <p:cNvPr id="29" name="Duration" hidden="1"/>
            <p:cNvSpPr txBox="1">
              <a:spLocks/>
            </p:cNvSpPr>
            <p:nvPr userDrawn="1"/>
          </p:nvSpPr>
          <p:spPr>
            <a:xfrm>
              <a:off x="11049857" y="2085631"/>
              <a:ext cx="684723" cy="369332"/>
            </a:xfrm>
            <a:prstGeom prst="rect">
              <a:avLst/>
            </a:prstGeom>
            <a:noFill/>
          </p:spPr>
          <p:txBody>
            <a:bodyPr wrap="none" rtlCol="0" anchor="ctr">
              <a:noAutofit/>
            </a:bodyPr>
            <a:lstStyle/>
            <a:p>
              <a:pPr algn="l"/>
              <a:r>
                <a:rPr lang="da-DK" sz="1400"/>
                <a:t>&lt;DURATION&gt;</a:t>
              </a:r>
              <a:endParaRPr lang="da-DK"/>
            </a:p>
          </p:txBody>
        </p:sp>
      </p:grpSp>
      <p:grpSp>
        <p:nvGrpSpPr>
          <p:cNvPr id="4" name="SP Agenda Section Highlight" hidden="1"/>
          <p:cNvGrpSpPr>
            <a:grpSpLocks/>
          </p:cNvGrpSpPr>
          <p:nvPr userDrawn="1"/>
        </p:nvGrpSpPr>
        <p:grpSpPr>
          <a:xfrm>
            <a:off x="514871" y="2044645"/>
            <a:ext cx="11223851" cy="369418"/>
            <a:chOff x="1797664" y="2616963"/>
            <a:chExt cx="11220930" cy="369332"/>
          </a:xfrm>
          <a:solidFill>
            <a:schemeClr val="accent1">
              <a:lumMod val="60000"/>
              <a:lumOff val="40000"/>
            </a:schemeClr>
          </a:solidFill>
        </p:grpSpPr>
        <p:sp>
          <p:nvSpPr>
            <p:cNvPr id="32" name="Section Title" hidden="1"/>
            <p:cNvSpPr txBox="1">
              <a:spLocks/>
            </p:cNvSpPr>
            <p:nvPr userDrawn="1"/>
          </p:nvSpPr>
          <p:spPr>
            <a:xfrm>
              <a:off x="2267220" y="2616963"/>
              <a:ext cx="3843347" cy="369332"/>
            </a:xfrm>
            <a:prstGeom prst="rect">
              <a:avLst/>
            </a:prstGeom>
            <a:grpFill/>
          </p:spPr>
          <p:txBody>
            <a:bodyPr wrap="square" rtlCol="0" anchor="ctr">
              <a:normAutofit/>
            </a:bodyPr>
            <a:lstStyle/>
            <a:p>
              <a:pPr defTabSz="9336134">
                <a:tabLst>
                  <a:tab pos="9513964" algn="l"/>
                </a:tabLst>
              </a:pPr>
              <a:r>
                <a:rPr lang="da-DK" sz="1400" b="1"/>
                <a:t>&lt;TEXT&gt;</a:t>
              </a:r>
              <a:endParaRPr lang="da-DK"/>
            </a:p>
          </p:txBody>
        </p:sp>
        <p:sp>
          <p:nvSpPr>
            <p:cNvPr id="33" name="Section Number" hidden="1"/>
            <p:cNvSpPr txBox="1">
              <a:spLocks/>
            </p:cNvSpPr>
            <p:nvPr userDrawn="1"/>
          </p:nvSpPr>
          <p:spPr>
            <a:xfrm>
              <a:off x="1797664" y="2616963"/>
              <a:ext cx="379556" cy="369332"/>
            </a:xfrm>
            <a:prstGeom prst="rect">
              <a:avLst/>
            </a:prstGeom>
            <a:grpFill/>
          </p:spPr>
          <p:txBody>
            <a:bodyPr wrap="none" rtlCol="0" anchor="ctr">
              <a:noAutofit/>
            </a:bodyPr>
            <a:lstStyle/>
            <a:p>
              <a:pPr algn="ctr"/>
              <a:r>
                <a:rPr lang="da-DK" sz="1400" b="1"/>
                <a:t>&lt;N&gt;</a:t>
              </a:r>
              <a:endParaRPr lang="da-DK"/>
            </a:p>
          </p:txBody>
        </p:sp>
        <p:sp>
          <p:nvSpPr>
            <p:cNvPr id="34" name="Slide Number" hidden="1"/>
            <p:cNvSpPr txBox="1">
              <a:spLocks/>
            </p:cNvSpPr>
            <p:nvPr userDrawn="1"/>
          </p:nvSpPr>
          <p:spPr>
            <a:xfrm>
              <a:off x="12381600" y="2616963"/>
              <a:ext cx="636994" cy="369332"/>
            </a:xfrm>
            <a:prstGeom prst="rect">
              <a:avLst/>
            </a:prstGeom>
            <a:grpFill/>
          </p:spPr>
          <p:txBody>
            <a:bodyPr wrap="none" rtlCol="0" anchor="ctr">
              <a:noAutofit/>
            </a:bodyPr>
            <a:lstStyle/>
            <a:p>
              <a:pPr algn="r"/>
              <a:r>
                <a:rPr lang="da-DK" sz="1400" b="1"/>
                <a:t>&lt;P&gt;</a:t>
              </a:r>
              <a:endParaRPr lang="da-DK"/>
            </a:p>
          </p:txBody>
        </p:sp>
        <p:sp>
          <p:nvSpPr>
            <p:cNvPr id="35" name="Timeslot" hidden="1"/>
            <p:cNvSpPr txBox="1">
              <a:spLocks/>
            </p:cNvSpPr>
            <p:nvPr userDrawn="1"/>
          </p:nvSpPr>
          <p:spPr>
            <a:xfrm>
              <a:off x="9178685" y="2616963"/>
              <a:ext cx="1257061" cy="369332"/>
            </a:xfrm>
            <a:prstGeom prst="rect">
              <a:avLst/>
            </a:prstGeom>
            <a:grpFill/>
          </p:spPr>
          <p:txBody>
            <a:bodyPr wrap="none" rtlCol="0" anchor="ctr">
              <a:noAutofit/>
            </a:bodyPr>
            <a:lstStyle/>
            <a:p>
              <a:pPr algn="l"/>
              <a:r>
                <a:rPr lang="da-DK" sz="1400" b="1"/>
                <a:t>&lt;TIMESLOT&gt;</a:t>
              </a:r>
              <a:endParaRPr lang="da-DK"/>
            </a:p>
          </p:txBody>
        </p:sp>
        <p:sp>
          <p:nvSpPr>
            <p:cNvPr id="36" name="Responsible" hidden="1"/>
            <p:cNvSpPr txBox="1">
              <a:spLocks/>
            </p:cNvSpPr>
            <p:nvPr userDrawn="1"/>
          </p:nvSpPr>
          <p:spPr>
            <a:xfrm>
              <a:off x="6209330" y="2616963"/>
              <a:ext cx="1388067" cy="369332"/>
            </a:xfrm>
            <a:prstGeom prst="rect">
              <a:avLst/>
            </a:prstGeom>
            <a:grpFill/>
          </p:spPr>
          <p:txBody>
            <a:bodyPr wrap="none" rtlCol="0" anchor="ctr">
              <a:noAutofit/>
            </a:bodyPr>
            <a:lstStyle/>
            <a:p>
              <a:pPr algn="l"/>
              <a:r>
                <a:rPr lang="da-DK" sz="1400" b="1"/>
                <a:t>&lt;RESPONSIBLE&gt;</a:t>
              </a:r>
              <a:endParaRPr lang="da-DK"/>
            </a:p>
          </p:txBody>
        </p:sp>
        <p:sp>
          <p:nvSpPr>
            <p:cNvPr id="37" name="Duration" hidden="1"/>
            <p:cNvSpPr txBox="1">
              <a:spLocks/>
            </p:cNvSpPr>
            <p:nvPr userDrawn="1"/>
          </p:nvSpPr>
          <p:spPr>
            <a:xfrm>
              <a:off x="11049859" y="2616963"/>
              <a:ext cx="684723" cy="369332"/>
            </a:xfrm>
            <a:prstGeom prst="rect">
              <a:avLst/>
            </a:prstGeom>
            <a:grpFill/>
          </p:spPr>
          <p:txBody>
            <a:bodyPr wrap="none" rtlCol="0" anchor="ctr">
              <a:noAutofit/>
            </a:bodyPr>
            <a:lstStyle/>
            <a:p>
              <a:pPr algn="l"/>
              <a:r>
                <a:rPr lang="da-DK" sz="1400" b="1"/>
                <a:t>&lt;DURATION&gt;</a:t>
              </a:r>
              <a:endParaRPr lang="da-DK"/>
            </a:p>
          </p:txBody>
        </p:sp>
      </p:grpSp>
      <p:grpSp>
        <p:nvGrpSpPr>
          <p:cNvPr id="8" name="SP Agenda Subsection" hidden="1"/>
          <p:cNvGrpSpPr>
            <a:grpSpLocks/>
          </p:cNvGrpSpPr>
          <p:nvPr userDrawn="1"/>
        </p:nvGrpSpPr>
        <p:grpSpPr>
          <a:xfrm>
            <a:off x="983134" y="2576100"/>
            <a:ext cx="10755588" cy="369418"/>
            <a:chOff x="2265804" y="3155687"/>
            <a:chExt cx="10752786" cy="369332"/>
          </a:xfrm>
        </p:grpSpPr>
        <p:sp>
          <p:nvSpPr>
            <p:cNvPr id="39" name="Section Title" hidden="1"/>
            <p:cNvSpPr txBox="1">
              <a:spLocks/>
            </p:cNvSpPr>
            <p:nvPr userDrawn="1"/>
          </p:nvSpPr>
          <p:spPr>
            <a:xfrm>
              <a:off x="2744123" y="3155687"/>
              <a:ext cx="3366444" cy="369332"/>
            </a:xfrm>
            <a:prstGeom prst="rect">
              <a:avLst/>
            </a:prstGeom>
            <a:noFill/>
          </p:spPr>
          <p:txBody>
            <a:bodyPr wrap="square" rtlCol="0" anchor="ctr">
              <a:normAutofit/>
            </a:bodyPr>
            <a:lstStyle/>
            <a:p>
              <a:pPr defTabSz="9336134">
                <a:tabLst>
                  <a:tab pos="9513964" algn="l"/>
                </a:tabLst>
              </a:pPr>
              <a:r>
                <a:rPr lang="da-DK" sz="1400"/>
                <a:t>&lt;TEXT&gt;</a:t>
              </a:r>
              <a:endParaRPr lang="da-DK"/>
            </a:p>
          </p:txBody>
        </p:sp>
        <p:sp>
          <p:nvSpPr>
            <p:cNvPr id="40" name="Section Number" hidden="1"/>
            <p:cNvSpPr txBox="1">
              <a:spLocks/>
            </p:cNvSpPr>
            <p:nvPr userDrawn="1"/>
          </p:nvSpPr>
          <p:spPr>
            <a:xfrm>
              <a:off x="2265804" y="3155687"/>
              <a:ext cx="379556" cy="369332"/>
            </a:xfrm>
            <a:prstGeom prst="rect">
              <a:avLst/>
            </a:prstGeom>
            <a:noFill/>
          </p:spPr>
          <p:txBody>
            <a:bodyPr wrap="none" rtlCol="0" anchor="ctr">
              <a:noAutofit/>
            </a:bodyPr>
            <a:lstStyle/>
            <a:p>
              <a:pPr algn="ctr"/>
              <a:r>
                <a:rPr lang="da-DK" sz="1400"/>
                <a:t>&lt;N&gt;</a:t>
              </a:r>
              <a:endParaRPr lang="da-DK"/>
            </a:p>
          </p:txBody>
        </p:sp>
        <p:sp>
          <p:nvSpPr>
            <p:cNvPr id="41" name="Slide Number" hidden="1"/>
            <p:cNvSpPr txBox="1">
              <a:spLocks/>
            </p:cNvSpPr>
            <p:nvPr userDrawn="1"/>
          </p:nvSpPr>
          <p:spPr>
            <a:xfrm>
              <a:off x="12381596" y="3155687"/>
              <a:ext cx="636994" cy="369332"/>
            </a:xfrm>
            <a:prstGeom prst="rect">
              <a:avLst/>
            </a:prstGeom>
            <a:noFill/>
          </p:spPr>
          <p:txBody>
            <a:bodyPr wrap="none" rtlCol="0" anchor="ctr">
              <a:noAutofit/>
            </a:bodyPr>
            <a:lstStyle/>
            <a:p>
              <a:pPr algn="r"/>
              <a:r>
                <a:rPr lang="da-DK" sz="1400"/>
                <a:t>&lt;P&gt;</a:t>
              </a:r>
              <a:endParaRPr lang="da-DK"/>
            </a:p>
          </p:txBody>
        </p:sp>
        <p:sp>
          <p:nvSpPr>
            <p:cNvPr id="42" name="Timeslot" hidden="1"/>
            <p:cNvSpPr txBox="1">
              <a:spLocks/>
            </p:cNvSpPr>
            <p:nvPr userDrawn="1"/>
          </p:nvSpPr>
          <p:spPr>
            <a:xfrm>
              <a:off x="9186141" y="3155687"/>
              <a:ext cx="1257061" cy="369332"/>
            </a:xfrm>
            <a:prstGeom prst="rect">
              <a:avLst/>
            </a:prstGeom>
            <a:noFill/>
          </p:spPr>
          <p:txBody>
            <a:bodyPr wrap="none" rtlCol="0" anchor="ctr">
              <a:noAutofit/>
            </a:bodyPr>
            <a:lstStyle/>
            <a:p>
              <a:pPr algn="l"/>
              <a:r>
                <a:rPr lang="da-DK" sz="1400"/>
                <a:t>&lt;TIMESLOT&gt;</a:t>
              </a:r>
              <a:endParaRPr lang="da-DK"/>
            </a:p>
          </p:txBody>
        </p:sp>
        <p:sp>
          <p:nvSpPr>
            <p:cNvPr id="43" name="Responsible" hidden="1"/>
            <p:cNvSpPr txBox="1">
              <a:spLocks/>
            </p:cNvSpPr>
            <p:nvPr userDrawn="1"/>
          </p:nvSpPr>
          <p:spPr>
            <a:xfrm>
              <a:off x="6209330" y="3155687"/>
              <a:ext cx="1388067" cy="369332"/>
            </a:xfrm>
            <a:prstGeom prst="rect">
              <a:avLst/>
            </a:prstGeom>
            <a:noFill/>
          </p:spPr>
          <p:txBody>
            <a:bodyPr wrap="none" rtlCol="0" anchor="ctr">
              <a:noAutofit/>
            </a:bodyPr>
            <a:lstStyle/>
            <a:p>
              <a:pPr algn="l"/>
              <a:r>
                <a:rPr lang="da-DK" sz="1400"/>
                <a:t>&lt;RESPONSIBLE&gt;</a:t>
              </a:r>
              <a:endParaRPr lang="da-DK"/>
            </a:p>
          </p:txBody>
        </p:sp>
        <p:sp>
          <p:nvSpPr>
            <p:cNvPr id="44" name="Duration" hidden="1"/>
            <p:cNvSpPr txBox="1">
              <a:spLocks/>
            </p:cNvSpPr>
            <p:nvPr userDrawn="1"/>
          </p:nvSpPr>
          <p:spPr>
            <a:xfrm>
              <a:off x="11049855" y="3155687"/>
              <a:ext cx="684723" cy="369332"/>
            </a:xfrm>
            <a:prstGeom prst="rect">
              <a:avLst/>
            </a:prstGeom>
            <a:noFill/>
          </p:spPr>
          <p:txBody>
            <a:bodyPr wrap="none" rtlCol="0" anchor="ctr">
              <a:noAutofit/>
            </a:bodyPr>
            <a:lstStyle/>
            <a:p>
              <a:pPr algn="l"/>
              <a:r>
                <a:rPr lang="da-DK" sz="1400"/>
                <a:t>&lt;DURATION&gt;</a:t>
              </a:r>
              <a:endParaRPr lang="da-DK"/>
            </a:p>
          </p:txBody>
        </p:sp>
      </p:grpSp>
      <p:grpSp>
        <p:nvGrpSpPr>
          <p:cNvPr id="9" name="SP Agenda Subsection Highlight" hidden="1"/>
          <p:cNvGrpSpPr>
            <a:grpSpLocks/>
          </p:cNvGrpSpPr>
          <p:nvPr userDrawn="1"/>
        </p:nvGrpSpPr>
        <p:grpSpPr>
          <a:xfrm>
            <a:off x="983133" y="3107555"/>
            <a:ext cx="10755589" cy="369418"/>
            <a:chOff x="2265804" y="3694411"/>
            <a:chExt cx="10752789" cy="369332"/>
          </a:xfrm>
          <a:solidFill>
            <a:schemeClr val="accent1">
              <a:lumMod val="60000"/>
              <a:lumOff val="40000"/>
            </a:schemeClr>
          </a:solidFill>
        </p:grpSpPr>
        <p:sp>
          <p:nvSpPr>
            <p:cNvPr id="46" name="Section Title" hidden="1"/>
            <p:cNvSpPr txBox="1">
              <a:spLocks/>
            </p:cNvSpPr>
            <p:nvPr userDrawn="1"/>
          </p:nvSpPr>
          <p:spPr>
            <a:xfrm>
              <a:off x="2744123" y="3694411"/>
              <a:ext cx="3366444" cy="369332"/>
            </a:xfrm>
            <a:prstGeom prst="rect">
              <a:avLst/>
            </a:prstGeom>
            <a:grpFill/>
          </p:spPr>
          <p:txBody>
            <a:bodyPr wrap="square" rtlCol="0" anchor="ctr">
              <a:normAutofit/>
            </a:bodyPr>
            <a:lstStyle/>
            <a:p>
              <a:pPr defTabSz="9336134">
                <a:tabLst>
                  <a:tab pos="9513964" algn="l"/>
                </a:tabLst>
              </a:pPr>
              <a:r>
                <a:rPr lang="da-DK" sz="1400" b="1"/>
                <a:t>&lt;TEXT&gt;</a:t>
              </a:r>
              <a:endParaRPr lang="da-DK"/>
            </a:p>
          </p:txBody>
        </p:sp>
        <p:sp>
          <p:nvSpPr>
            <p:cNvPr id="47" name="Section Number" hidden="1"/>
            <p:cNvSpPr txBox="1">
              <a:spLocks/>
            </p:cNvSpPr>
            <p:nvPr userDrawn="1"/>
          </p:nvSpPr>
          <p:spPr>
            <a:xfrm>
              <a:off x="2265804" y="3694411"/>
              <a:ext cx="379556" cy="369332"/>
            </a:xfrm>
            <a:prstGeom prst="rect">
              <a:avLst/>
            </a:prstGeom>
            <a:grpFill/>
          </p:spPr>
          <p:txBody>
            <a:bodyPr wrap="none" rtlCol="0" anchor="ctr">
              <a:noAutofit/>
            </a:bodyPr>
            <a:lstStyle/>
            <a:p>
              <a:pPr algn="ctr"/>
              <a:r>
                <a:rPr lang="da-DK" sz="1400" b="1"/>
                <a:t>&lt;N&gt;</a:t>
              </a:r>
              <a:endParaRPr lang="da-DK"/>
            </a:p>
          </p:txBody>
        </p:sp>
        <p:sp>
          <p:nvSpPr>
            <p:cNvPr id="48" name="Slide Number" hidden="1"/>
            <p:cNvSpPr txBox="1">
              <a:spLocks/>
            </p:cNvSpPr>
            <p:nvPr userDrawn="1"/>
          </p:nvSpPr>
          <p:spPr>
            <a:xfrm>
              <a:off x="12381599" y="3694411"/>
              <a:ext cx="636994" cy="369332"/>
            </a:xfrm>
            <a:prstGeom prst="rect">
              <a:avLst/>
            </a:prstGeom>
            <a:grpFill/>
          </p:spPr>
          <p:txBody>
            <a:bodyPr wrap="none" rtlCol="0" anchor="ctr">
              <a:noAutofit/>
            </a:bodyPr>
            <a:lstStyle/>
            <a:p>
              <a:pPr algn="r"/>
              <a:r>
                <a:rPr lang="da-DK" sz="1400" b="1"/>
                <a:t>&lt;P&gt;</a:t>
              </a:r>
              <a:endParaRPr lang="da-DK"/>
            </a:p>
          </p:txBody>
        </p:sp>
        <p:sp>
          <p:nvSpPr>
            <p:cNvPr id="49" name="Timeslot" hidden="1"/>
            <p:cNvSpPr txBox="1">
              <a:spLocks/>
            </p:cNvSpPr>
            <p:nvPr userDrawn="1"/>
          </p:nvSpPr>
          <p:spPr>
            <a:xfrm>
              <a:off x="9186143" y="3694411"/>
              <a:ext cx="1257061" cy="369332"/>
            </a:xfrm>
            <a:prstGeom prst="rect">
              <a:avLst/>
            </a:prstGeom>
            <a:grpFill/>
          </p:spPr>
          <p:txBody>
            <a:bodyPr wrap="none" rtlCol="0" anchor="ctr">
              <a:noAutofit/>
            </a:bodyPr>
            <a:lstStyle/>
            <a:p>
              <a:pPr algn="l"/>
              <a:r>
                <a:rPr lang="da-DK" sz="1400" b="1"/>
                <a:t>&lt;TIMESLOT&gt;</a:t>
              </a:r>
              <a:endParaRPr lang="da-DK"/>
            </a:p>
          </p:txBody>
        </p:sp>
        <p:sp>
          <p:nvSpPr>
            <p:cNvPr id="50" name="Responsible" hidden="1"/>
            <p:cNvSpPr txBox="1">
              <a:spLocks/>
            </p:cNvSpPr>
            <p:nvPr userDrawn="1"/>
          </p:nvSpPr>
          <p:spPr>
            <a:xfrm>
              <a:off x="6209330" y="3694411"/>
              <a:ext cx="1388067" cy="369332"/>
            </a:xfrm>
            <a:prstGeom prst="rect">
              <a:avLst/>
            </a:prstGeom>
            <a:grpFill/>
          </p:spPr>
          <p:txBody>
            <a:bodyPr wrap="none" rtlCol="0" anchor="ctr">
              <a:noAutofit/>
            </a:bodyPr>
            <a:lstStyle/>
            <a:p>
              <a:pPr algn="l"/>
              <a:r>
                <a:rPr lang="da-DK" sz="1400" b="1"/>
                <a:t>&lt;RESPONSIBLE&gt;</a:t>
              </a:r>
              <a:endParaRPr lang="da-DK"/>
            </a:p>
          </p:txBody>
        </p:sp>
        <p:sp>
          <p:nvSpPr>
            <p:cNvPr id="51" name="Duration" hidden="1"/>
            <p:cNvSpPr txBox="1">
              <a:spLocks/>
            </p:cNvSpPr>
            <p:nvPr userDrawn="1"/>
          </p:nvSpPr>
          <p:spPr>
            <a:xfrm>
              <a:off x="11059559" y="3694411"/>
              <a:ext cx="684723" cy="369332"/>
            </a:xfrm>
            <a:prstGeom prst="rect">
              <a:avLst/>
            </a:prstGeom>
            <a:grpFill/>
          </p:spPr>
          <p:txBody>
            <a:bodyPr wrap="none" rtlCol="0" anchor="ctr">
              <a:noAutofit/>
            </a:bodyPr>
            <a:lstStyle/>
            <a:p>
              <a:pPr algn="l"/>
              <a:r>
                <a:rPr lang="da-DK" sz="1400" b="1"/>
                <a:t>&lt;DURATION&gt;</a:t>
              </a:r>
              <a:endParaRPr lang="da-DK"/>
            </a:p>
          </p:txBody>
        </p:sp>
      </p:grpSp>
      <p:sp>
        <p:nvSpPr>
          <p:cNvPr id="2" name="Title 1">
            <a:extLst>
              <a:ext uri="{FF2B5EF4-FFF2-40B4-BE49-F238E27FC236}">
                <a16:creationId xmlns:a16="http://schemas.microsoft.com/office/drawing/2014/main" id="{F9E98EAC-E0D3-2C7E-275E-00A94D6C0A80}"/>
              </a:ext>
            </a:extLst>
          </p:cNvPr>
          <p:cNvSpPr>
            <a:spLocks noGrp="1"/>
          </p:cNvSpPr>
          <p:nvPr>
            <p:ph type="title" idx="10" hasCustomPrompt="1"/>
          </p:nvPr>
        </p:nvSpPr>
        <p:spPr/>
        <p:txBody>
          <a:bodyPr/>
          <a:lstStyle/>
          <a:p>
            <a:r>
              <a:rPr lang="da-DK"/>
              <a:t>Agenda</a:t>
            </a:r>
          </a:p>
        </p:txBody>
      </p:sp>
      <p:cxnSp>
        <p:nvCxnSpPr>
          <p:cNvPr id="5" name="Straight Connector 4">
            <a:extLst>
              <a:ext uri="{FF2B5EF4-FFF2-40B4-BE49-F238E27FC236}">
                <a16:creationId xmlns:a16="http://schemas.microsoft.com/office/drawing/2014/main" id="{602A5387-A2F9-BBCA-06A0-814F3EC9A10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65308275"/>
      </p:ext>
    </p:extLst>
  </p:cSld>
  <p:clrMapOvr>
    <a:masterClrMapping/>
  </p:clrMapOvr>
  <p:transition>
    <p:fade/>
  </p:transition>
  <p:extLst>
    <p:ext uri="{DCECCB84-F9BA-43D5-87BE-67443E8EF086}">
      <p15:sldGuideLst xmlns:p15="http://schemas.microsoft.com/office/powerpoint/2012/main">
        <p15:guide id="2" pos="1164">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userDrawn="1">
  <p:cSld name="SP Divider 1">
    <p:spTree>
      <p:nvGrpSpPr>
        <p:cNvPr id="1" name=""/>
        <p:cNvGrpSpPr/>
        <p:nvPr/>
      </p:nvGrpSpPr>
      <p:grpSpPr>
        <a:xfrm>
          <a:off x="0" y="0"/>
          <a:ext cx="0" cy="0"/>
          <a:chOff x="0" y="0"/>
          <a:chExt cx="0" cy="0"/>
        </a:xfrm>
      </p:grpSpPr>
      <p:sp>
        <p:nvSpPr>
          <p:cNvPr id="2" name="Picture Placeholder 12">
            <a:extLst>
              <a:ext uri="{FF2B5EF4-FFF2-40B4-BE49-F238E27FC236}">
                <a16:creationId xmlns:a16="http://schemas.microsoft.com/office/drawing/2014/main" id="{7EABE088-8B6D-39F3-4945-480CC48B91B6}"/>
              </a:ext>
            </a:extLst>
          </p:cNvPr>
          <p:cNvSpPr>
            <a:spLocks noGrp="1"/>
          </p:cNvSpPr>
          <p:nvPr>
            <p:ph type="pic" sz="quarter" idx="24"/>
          </p:nvPr>
        </p:nvSpPr>
        <p:spPr>
          <a:xfrm>
            <a:off x="4372880" y="1"/>
            <a:ext cx="7822294" cy="6859588"/>
          </a:xfrm>
          <a:custGeom>
            <a:avLst/>
            <a:gdLst>
              <a:gd name="connsiteX0" fmla="*/ 103786 w 7897812"/>
              <a:gd name="connsiteY0" fmla="*/ 0 h 6859588"/>
              <a:gd name="connsiteX1" fmla="*/ 7897812 w 7897812"/>
              <a:gd name="connsiteY1" fmla="*/ 0 h 6859588"/>
              <a:gd name="connsiteX2" fmla="*/ 7897812 w 7897812"/>
              <a:gd name="connsiteY2" fmla="*/ 6859588 h 6859588"/>
              <a:gd name="connsiteX3" fmla="*/ 103786 w 7897812"/>
              <a:gd name="connsiteY3" fmla="*/ 6859588 h 6859588"/>
              <a:gd name="connsiteX4" fmla="*/ 0 w 7897812"/>
              <a:gd name="connsiteY4" fmla="*/ 6755802 h 6859588"/>
              <a:gd name="connsiteX5" fmla="*/ 0 w 7897812"/>
              <a:gd name="connsiteY5" fmla="*/ 103786 h 6859588"/>
              <a:gd name="connsiteX6" fmla="*/ 103786 w 7897812"/>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897812" h="6859588">
                <a:moveTo>
                  <a:pt x="103786" y="0"/>
                </a:moveTo>
                <a:lnTo>
                  <a:pt x="7897812" y="0"/>
                </a:lnTo>
                <a:lnTo>
                  <a:pt x="7897812"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da-DK"/>
          </a:p>
        </p:txBody>
      </p:sp>
      <p:grpSp>
        <p:nvGrpSpPr>
          <p:cNvPr id="18" name="SP Agenda Subsection" hidden="1">
            <a:extLst>
              <a:ext uri="{FF2B5EF4-FFF2-40B4-BE49-F238E27FC236}">
                <a16:creationId xmlns:a16="http://schemas.microsoft.com/office/drawing/2014/main" id="{91D61CFA-1A29-4B89-8F49-1E216E25DD2B}"/>
              </a:ext>
            </a:extLst>
          </p:cNvPr>
          <p:cNvGrpSpPr>
            <a:grpSpLocks/>
          </p:cNvGrpSpPr>
          <p:nvPr userDrawn="1"/>
        </p:nvGrpSpPr>
        <p:grpSpPr>
          <a:xfrm>
            <a:off x="507879" y="1139088"/>
            <a:ext cx="9206897" cy="4581412"/>
            <a:chOff x="1487502" y="-1420184"/>
            <a:chExt cx="5424761" cy="4580353"/>
          </a:xfrm>
        </p:grpSpPr>
        <p:sp>
          <p:nvSpPr>
            <p:cNvPr id="26" name="Section Title" hidden="1">
              <a:extLst>
                <a:ext uri="{FF2B5EF4-FFF2-40B4-BE49-F238E27FC236}">
                  <a16:creationId xmlns:a16="http://schemas.microsoft.com/office/drawing/2014/main" id="{8BF45C0E-D24F-4800-98B2-20E0A3AC8C3F}"/>
                </a:ext>
              </a:extLst>
            </p:cNvPr>
            <p:cNvSpPr txBox="1">
              <a:spLocks/>
            </p:cNvSpPr>
            <p:nvPr userDrawn="1"/>
          </p:nvSpPr>
          <p:spPr>
            <a:xfrm>
              <a:off x="1502265" y="1133876"/>
              <a:ext cx="2032418" cy="2026293"/>
            </a:xfrm>
            <a:prstGeom prst="rect">
              <a:avLst/>
            </a:prstGeom>
            <a:noFill/>
          </p:spPr>
          <p:txBody>
            <a:bodyPr wrap="square" lIns="0" tIns="0" rIns="0" bIns="0" rtlCol="0" anchor="t" anchorCtr="0">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defTabSz="6784181">
                <a:tabLst>
                  <a:tab pos="6913403" algn="l"/>
                </a:tabLst>
              </a:pPr>
              <a:r>
                <a:rPr lang="da-DK" sz="2320" b="0">
                  <a:solidFill>
                    <a:schemeClr val="tx1"/>
                  </a:solidFill>
                </a:rPr>
                <a:t>&lt;Text&gt;</a:t>
              </a:r>
              <a:endParaRPr lang="da-DK"/>
            </a:p>
          </p:txBody>
        </p:sp>
        <p:sp>
          <p:nvSpPr>
            <p:cNvPr id="27" name="Section Number" hidden="1">
              <a:extLst>
                <a:ext uri="{FF2B5EF4-FFF2-40B4-BE49-F238E27FC236}">
                  <a16:creationId xmlns:a16="http://schemas.microsoft.com/office/drawing/2014/main" id="{B36140C3-09D5-4D3F-906D-270C63E34027}"/>
                </a:ext>
              </a:extLst>
            </p:cNvPr>
            <p:cNvSpPr txBox="1">
              <a:spLocks/>
            </p:cNvSpPr>
            <p:nvPr userDrawn="1"/>
          </p:nvSpPr>
          <p:spPr>
            <a:xfrm>
              <a:off x="1487502" y="-1420184"/>
              <a:ext cx="2564793" cy="1769306"/>
            </a:xfrm>
            <a:prstGeom prst="rect">
              <a:avLst/>
            </a:prstGeom>
            <a:noFill/>
          </p:spPr>
          <p:txBody>
            <a:bodyPr wrap="square" lIns="0" tIns="0" rIns="0" bIns="0" rtlCol="0" anchor="t" anchorCtr="0">
              <a:sp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11500" b="0">
                  <a:solidFill>
                    <a:schemeClr val="accent4"/>
                  </a:solidFill>
                </a:rPr>
                <a:t>&lt;N&gt;</a:t>
              </a:r>
              <a:endParaRPr lang="da-DK"/>
            </a:p>
          </p:txBody>
        </p:sp>
        <p:sp>
          <p:nvSpPr>
            <p:cNvPr id="28" name="Slide Number"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r"/>
              <a:r>
                <a:rPr lang="da-DK" sz="727">
                  <a:solidFill>
                    <a:srgbClr val="000000">
                      <a:alpha val="0"/>
                    </a:srgbClr>
                  </a:solidFill>
                </a:rPr>
                <a:t>&lt;P&gt;</a:t>
              </a:r>
              <a:endParaRPr lang="da-DK"/>
            </a:p>
          </p:txBody>
        </p:sp>
        <p:sp>
          <p:nvSpPr>
            <p:cNvPr id="29" name="Timeslot"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TIMESLOT&gt;</a:t>
              </a:r>
              <a:endParaRPr lang="da-DK"/>
            </a:p>
          </p:txBody>
        </p:sp>
        <p:sp>
          <p:nvSpPr>
            <p:cNvPr id="30" name="Responsible"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RESPONSIBLE&gt;</a:t>
              </a:r>
              <a:endParaRPr lang="da-DK"/>
            </a:p>
          </p:txBody>
        </p:sp>
        <p:sp>
          <p:nvSpPr>
            <p:cNvPr id="31" name="Duration"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DURATION&gt;</a:t>
              </a:r>
              <a:endParaRPr lang="da-DK"/>
            </a:p>
          </p:txBody>
        </p:sp>
      </p:grpSp>
      <p:grpSp>
        <p:nvGrpSpPr>
          <p:cNvPr id="19" name="SP Agenda Section" hidden="1">
            <a:extLst>
              <a:ext uri="{FF2B5EF4-FFF2-40B4-BE49-F238E27FC236}">
                <a16:creationId xmlns:a16="http://schemas.microsoft.com/office/drawing/2014/main" id="{06FD337F-F2F8-CE43-2082-ABBCBC3DC644}"/>
              </a:ext>
            </a:extLst>
          </p:cNvPr>
          <p:cNvGrpSpPr>
            <a:grpSpLocks/>
          </p:cNvGrpSpPr>
          <p:nvPr userDrawn="1"/>
        </p:nvGrpSpPr>
        <p:grpSpPr>
          <a:xfrm>
            <a:off x="507879" y="1139088"/>
            <a:ext cx="9206897" cy="4581412"/>
            <a:chOff x="1487502" y="-1420184"/>
            <a:chExt cx="5424761" cy="4580353"/>
          </a:xfrm>
        </p:grpSpPr>
        <p:sp>
          <p:nvSpPr>
            <p:cNvPr id="20" name="Section Title" hidden="1">
              <a:extLst>
                <a:ext uri="{FF2B5EF4-FFF2-40B4-BE49-F238E27FC236}">
                  <a16:creationId xmlns:a16="http://schemas.microsoft.com/office/drawing/2014/main" id="{4EC433BD-6D26-6BAF-8276-87E53C19383B}"/>
                </a:ext>
              </a:extLst>
            </p:cNvPr>
            <p:cNvSpPr txBox="1">
              <a:spLocks/>
            </p:cNvSpPr>
            <p:nvPr userDrawn="1"/>
          </p:nvSpPr>
          <p:spPr>
            <a:xfrm>
              <a:off x="1502265" y="1133876"/>
              <a:ext cx="2032418" cy="2026293"/>
            </a:xfrm>
            <a:prstGeom prst="rect">
              <a:avLst/>
            </a:prstGeom>
            <a:noFill/>
          </p:spPr>
          <p:txBody>
            <a:bodyPr wrap="square" lIns="0" tIns="0" rIns="0" bIns="0" rtlCol="0" anchor="t" anchorCtr="0">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defTabSz="6784181">
                <a:tabLst>
                  <a:tab pos="6913403" algn="l"/>
                </a:tabLst>
              </a:pPr>
              <a:r>
                <a:rPr lang="da-DK" sz="2320" b="0">
                  <a:solidFill>
                    <a:schemeClr val="tx1"/>
                  </a:solidFill>
                </a:rPr>
                <a:t>&lt;Text&gt;</a:t>
              </a:r>
              <a:endParaRPr lang="da-DK"/>
            </a:p>
          </p:txBody>
        </p:sp>
        <p:sp>
          <p:nvSpPr>
            <p:cNvPr id="21" name="Section Number" hidden="1">
              <a:extLst>
                <a:ext uri="{FF2B5EF4-FFF2-40B4-BE49-F238E27FC236}">
                  <a16:creationId xmlns:a16="http://schemas.microsoft.com/office/drawing/2014/main" id="{609A0FE4-3D90-F7F1-5430-7472A19B4084}"/>
                </a:ext>
              </a:extLst>
            </p:cNvPr>
            <p:cNvSpPr txBox="1">
              <a:spLocks/>
            </p:cNvSpPr>
            <p:nvPr userDrawn="1"/>
          </p:nvSpPr>
          <p:spPr>
            <a:xfrm>
              <a:off x="1487502" y="-1420184"/>
              <a:ext cx="2564793" cy="1769306"/>
            </a:xfrm>
            <a:prstGeom prst="rect">
              <a:avLst/>
            </a:prstGeom>
            <a:noFill/>
          </p:spPr>
          <p:txBody>
            <a:bodyPr wrap="square" lIns="0" tIns="0" rIns="0" bIns="0" rtlCol="0" anchor="t" anchorCtr="0">
              <a:sp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11500" b="0">
                  <a:solidFill>
                    <a:schemeClr val="accent4"/>
                  </a:solidFill>
                </a:rPr>
                <a:t>&lt;N&gt;</a:t>
              </a:r>
              <a:endParaRPr lang="da-DK"/>
            </a:p>
          </p:txBody>
        </p:sp>
        <p:sp>
          <p:nvSpPr>
            <p:cNvPr id="22" name="Slide Number" hidden="1">
              <a:extLst>
                <a:ext uri="{FF2B5EF4-FFF2-40B4-BE49-F238E27FC236}">
                  <a16:creationId xmlns:a16="http://schemas.microsoft.com/office/drawing/2014/main" id="{FD0D5BD8-DB57-52AF-55D0-EC7D489625AA}"/>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r"/>
              <a:r>
                <a:rPr lang="da-DK" sz="727">
                  <a:solidFill>
                    <a:srgbClr val="000000">
                      <a:alpha val="0"/>
                    </a:srgbClr>
                  </a:solidFill>
                </a:rPr>
                <a:t>&lt;P&gt;</a:t>
              </a:r>
              <a:endParaRPr lang="da-DK"/>
            </a:p>
          </p:txBody>
        </p:sp>
        <p:sp>
          <p:nvSpPr>
            <p:cNvPr id="23" name="Timeslot" hidden="1">
              <a:extLst>
                <a:ext uri="{FF2B5EF4-FFF2-40B4-BE49-F238E27FC236}">
                  <a16:creationId xmlns:a16="http://schemas.microsoft.com/office/drawing/2014/main" id="{3049E68B-D225-1F22-8C8A-E13EF6CA4DF2}"/>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TIMESLOT&gt;</a:t>
              </a:r>
              <a:endParaRPr lang="da-DK"/>
            </a:p>
          </p:txBody>
        </p:sp>
        <p:sp>
          <p:nvSpPr>
            <p:cNvPr id="24" name="Responsible" hidden="1">
              <a:extLst>
                <a:ext uri="{FF2B5EF4-FFF2-40B4-BE49-F238E27FC236}">
                  <a16:creationId xmlns:a16="http://schemas.microsoft.com/office/drawing/2014/main" id="{96D2C55E-A7FE-CF69-589A-22E70EA33D15}"/>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RESPONSIBLE&gt;</a:t>
              </a:r>
              <a:endParaRPr lang="da-DK"/>
            </a:p>
          </p:txBody>
        </p:sp>
        <p:sp>
          <p:nvSpPr>
            <p:cNvPr id="25" name="Duration" hidden="1">
              <a:extLst>
                <a:ext uri="{FF2B5EF4-FFF2-40B4-BE49-F238E27FC236}">
                  <a16:creationId xmlns:a16="http://schemas.microsoft.com/office/drawing/2014/main" id="{BC95E34A-2CD3-8A60-060C-7201E34FB8BB}"/>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da-DK" sz="727">
                  <a:solidFill>
                    <a:srgbClr val="000000">
                      <a:alpha val="0"/>
                    </a:srgbClr>
                  </a:solidFill>
                </a:rPr>
                <a:t>&lt;DURATION&gt;</a:t>
              </a:r>
              <a:endParaRPr lang="da-DK"/>
            </a:p>
          </p:txBody>
        </p:sp>
      </p:grpSp>
      <p:cxnSp>
        <p:nvCxnSpPr>
          <p:cNvPr id="3" name="Straight Connector 2">
            <a:extLst>
              <a:ext uri="{FF2B5EF4-FFF2-40B4-BE49-F238E27FC236}">
                <a16:creationId xmlns:a16="http://schemas.microsoft.com/office/drawing/2014/main" id="{03651545-213D-0CB2-E591-80FE84BFF906}"/>
              </a:ext>
            </a:extLst>
          </p:cNvPr>
          <p:cNvCxnSpPr>
            <a:cxnSpLocks/>
          </p:cNvCxnSpPr>
          <p:nvPr userDrawn="1"/>
        </p:nvCxnSpPr>
        <p:spPr>
          <a:xfrm>
            <a:off x="55854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61403028"/>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Divider Slide D [TOC Source]">
    <p:bg>
      <p:bgPr>
        <a:solidFill>
          <a:schemeClr val="accent1"/>
        </a:solidFill>
        <a:effectLst/>
      </p:bgPr>
    </p:bg>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C39D4800-5483-4D31-891A-72FB25AAE053}"/>
              </a:ext>
            </a:extLst>
          </p:cNvPr>
          <p:cNvSpPr>
            <a:spLocks noGrp="1"/>
          </p:cNvSpPr>
          <p:nvPr>
            <p:ph type="pic" sz="quarter" idx="25"/>
          </p:nvPr>
        </p:nvSpPr>
        <p:spPr>
          <a:xfrm>
            <a:off x="0" y="0"/>
            <a:ext cx="7897812" cy="6859588"/>
          </a:xfrm>
          <a:custGeom>
            <a:avLst/>
            <a:gdLst>
              <a:gd name="connsiteX0" fmla="*/ 0 w 7897812"/>
              <a:gd name="connsiteY0" fmla="*/ 0 h 6859588"/>
              <a:gd name="connsiteX1" fmla="*/ 7794026 w 7897812"/>
              <a:gd name="connsiteY1" fmla="*/ 0 h 6859588"/>
              <a:gd name="connsiteX2" fmla="*/ 7897812 w 7897812"/>
              <a:gd name="connsiteY2" fmla="*/ 103786 h 6859588"/>
              <a:gd name="connsiteX3" fmla="*/ 7897812 w 7897812"/>
              <a:gd name="connsiteY3" fmla="*/ 6755802 h 6859588"/>
              <a:gd name="connsiteX4" fmla="*/ 7794026 w 7897812"/>
              <a:gd name="connsiteY4" fmla="*/ 6859588 h 6859588"/>
              <a:gd name="connsiteX5" fmla="*/ 0 w 7897812"/>
              <a:gd name="connsiteY5"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897812" h="6859588">
                <a:moveTo>
                  <a:pt x="0" y="0"/>
                </a:moveTo>
                <a:lnTo>
                  <a:pt x="7794026" y="0"/>
                </a:lnTo>
                <a:cubicBezTo>
                  <a:pt x="7851345" y="0"/>
                  <a:pt x="7897812" y="46467"/>
                  <a:pt x="7897812" y="103786"/>
                </a:cubicBezTo>
                <a:lnTo>
                  <a:pt x="7897812" y="6755802"/>
                </a:lnTo>
                <a:cubicBezTo>
                  <a:pt x="7897812" y="6813121"/>
                  <a:pt x="7851345" y="6859588"/>
                  <a:pt x="7794026" y="6859588"/>
                </a:cubicBezTo>
                <a:lnTo>
                  <a:pt x="0" y="6859588"/>
                </a:lnTo>
                <a:close/>
              </a:path>
            </a:pathLst>
          </a:custGeom>
          <a:solidFill>
            <a:schemeClr val="accent6"/>
          </a:solidFill>
        </p:spPr>
        <p:txBody>
          <a:bodyPr wrap="square" anchor="ctr">
            <a:noAutofit/>
          </a:bodyPr>
          <a:lstStyle>
            <a:lvl1pPr algn="ctr">
              <a:defRPr/>
            </a:lvl1pPr>
          </a:lstStyle>
          <a:p>
            <a:endParaRPr lang="da-DK"/>
          </a:p>
        </p:txBody>
      </p:sp>
      <p:sp>
        <p:nvSpPr>
          <p:cNvPr id="8" name="txtSecureMarker1" hidden="1"/>
          <p:cNvSpPr txBox="1"/>
          <p:nvPr userDrawn="1"/>
        </p:nvSpPr>
        <p:spPr>
          <a:xfrm>
            <a:off x="4422961" y="-2"/>
            <a:ext cx="3347686" cy="333377"/>
          </a:xfrm>
          <a:prstGeom prst="rect">
            <a:avLst/>
          </a:prstGeom>
          <a:noFill/>
        </p:spPr>
        <p:txBody>
          <a:bodyPr wrap="square" lIns="103931" tIns="51965" rIns="103931" bIns="51965" rtlCol="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7" name="txtSecureMarker2" hidden="1"/>
          <p:cNvSpPr txBox="1"/>
          <p:nvPr userDrawn="1"/>
        </p:nvSpPr>
        <p:spPr>
          <a:xfrm>
            <a:off x="4422569" y="6483350"/>
            <a:ext cx="3350036" cy="309713"/>
          </a:xfrm>
          <a:prstGeom prst="rect">
            <a:avLst/>
          </a:prstGeom>
          <a:noFill/>
        </p:spPr>
        <p:txBody>
          <a:bodyPr wrap="square" lIns="103931" tIns="51965" rIns="103931" bIns="51965" rtlCol="0" anchor="b" anchorCtr="0">
            <a:no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plcSectionNumber">
            <a:extLst>
              <a:ext uri="{FF2B5EF4-FFF2-40B4-BE49-F238E27FC236}">
                <a16:creationId xmlns:a16="http://schemas.microsoft.com/office/drawing/2014/main" id="{47767B4C-F17A-4993-A6A0-F72FEEF25576}"/>
              </a:ext>
            </a:extLst>
          </p:cNvPr>
          <p:cNvSpPr>
            <a:spLocks noGrp="1"/>
          </p:cNvSpPr>
          <p:nvPr>
            <p:ph type="body" sz="quarter" idx="23" hasCustomPrompt="1"/>
          </p:nvPr>
        </p:nvSpPr>
        <p:spPr>
          <a:xfrm>
            <a:off x="8175516" y="958467"/>
            <a:ext cx="3488164" cy="2399096"/>
          </a:xfrm>
          <a:prstGeom prst="rect">
            <a:avLst/>
          </a:prstGeom>
          <a:noFill/>
        </p:spPr>
        <p:txBody>
          <a:bodyPr wrap="square" lIns="0" rIns="0" anchor="b">
            <a:noAutofit/>
          </a:bodyPr>
          <a:lstStyle>
            <a:lvl1pPr algn="l">
              <a:spcAft>
                <a:spcPts val="0"/>
              </a:spcAft>
              <a:defRPr lang="en-GB" sz="11500" b="0" kern="1200" cap="none" baseline="0" dirty="0">
                <a:solidFill>
                  <a:schemeClr val="accent5"/>
                </a:solidFill>
                <a:latin typeface="+mj-lt"/>
                <a:ea typeface="+mn-ea"/>
                <a:cs typeface="+mn-cs"/>
              </a:defRPr>
            </a:lvl1pPr>
            <a:lvl2pPr>
              <a:defRPr sz="2400"/>
            </a:lvl2pPr>
            <a:lvl3pPr>
              <a:defRPr sz="2000"/>
            </a:lvl3pPr>
            <a:lvl4pPr>
              <a:defRPr sz="2000"/>
            </a:lvl4pPr>
            <a:lvl5pPr>
              <a:defRPr sz="2000"/>
            </a:lvl5pPr>
          </a:lstStyle>
          <a:p>
            <a:pPr marL="0" lvl="0" indent="0" algn="l" defTabSz="203892" rtl="0" eaLnBrk="1" latinLnBrk="0" hangingPunct="1">
              <a:lnSpc>
                <a:spcPct val="100000"/>
              </a:lnSpc>
              <a:spcBef>
                <a:spcPts val="0"/>
              </a:spcBef>
              <a:spcAft>
                <a:spcPts val="0"/>
              </a:spcAft>
              <a:buClrTx/>
              <a:buFont typeface="Arial" panose="020B0604020202020204" pitchFamily="34" charset="0"/>
              <a:buNone/>
            </a:pPr>
            <a:r>
              <a:rPr lang="da-DK" dirty="0"/>
              <a:t>##</a:t>
            </a:r>
          </a:p>
        </p:txBody>
      </p:sp>
      <p:sp>
        <p:nvSpPr>
          <p:cNvPr id="13" name="plcSectionTitle">
            <a:extLst>
              <a:ext uri="{FF2B5EF4-FFF2-40B4-BE49-F238E27FC236}">
                <a16:creationId xmlns:a16="http://schemas.microsoft.com/office/drawing/2014/main" id="{6C480170-BD33-49E6-A5E2-0167395303FF}"/>
              </a:ext>
            </a:extLst>
          </p:cNvPr>
          <p:cNvSpPr>
            <a:spLocks noGrp="1"/>
          </p:cNvSpPr>
          <p:nvPr>
            <p:ph type="body" sz="quarter" idx="13" hasCustomPrompt="1"/>
          </p:nvPr>
        </p:nvSpPr>
        <p:spPr>
          <a:xfrm>
            <a:off x="817551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bg1"/>
                </a:solidFill>
              </a:defRPr>
            </a:lvl1pPr>
            <a:lvl2pPr>
              <a:lnSpc>
                <a:spcPct val="100000"/>
              </a:lnSpc>
              <a:spcBef>
                <a:spcPts val="600"/>
              </a:spcBef>
              <a:spcAft>
                <a:spcPts val="0"/>
              </a:spcAft>
              <a:defRPr sz="1800" b="0" cap="none" spc="0">
                <a:solidFill>
                  <a:schemeClr val="bg1"/>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da-DK" dirty="0"/>
              <a:t>Divider </a:t>
            </a:r>
            <a:r>
              <a:rPr lang="da-DK" dirty="0" err="1"/>
              <a:t>title</a:t>
            </a:r>
            <a:r>
              <a:rPr lang="da-DK" dirty="0"/>
              <a:t>  </a:t>
            </a:r>
          </a:p>
          <a:p>
            <a:pPr lvl="1"/>
            <a:r>
              <a:rPr lang="da-DK" dirty="0"/>
              <a:t>Second </a:t>
            </a:r>
            <a:r>
              <a:rPr lang="da-DK" dirty="0" err="1"/>
              <a:t>level</a:t>
            </a:r>
            <a:endParaRPr lang="da-DK" dirty="0"/>
          </a:p>
        </p:txBody>
      </p:sp>
      <p:cxnSp>
        <p:nvCxnSpPr>
          <p:cNvPr id="14" name="Straight Connector 13">
            <a:extLst>
              <a:ext uri="{FF2B5EF4-FFF2-40B4-BE49-F238E27FC236}">
                <a16:creationId xmlns:a16="http://schemas.microsoft.com/office/drawing/2014/main" id="{8F915832-D3F4-408A-804C-D1AB174955EB}"/>
              </a:ext>
            </a:extLst>
          </p:cNvPr>
          <p:cNvCxnSpPr>
            <a:cxnSpLocks/>
          </p:cNvCxnSpPr>
          <p:nvPr userDrawn="1"/>
        </p:nvCxnSpPr>
        <p:spPr>
          <a:xfrm>
            <a:off x="817551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56534224"/>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Column Text">
    <p:spTree>
      <p:nvGrpSpPr>
        <p:cNvPr id="1" name=""/>
        <p:cNvGrpSpPr/>
        <p:nvPr/>
      </p:nvGrpSpPr>
      <p:grpSpPr>
        <a:xfrm>
          <a:off x="0" y="0"/>
          <a:ext cx="0" cy="0"/>
          <a:chOff x="0" y="0"/>
          <a:chExt cx="0" cy="0"/>
        </a:xfrm>
      </p:grpSpPr>
      <p:sp>
        <p:nvSpPr>
          <p:cNvPr id="3" name="Content Placeholder 2"/>
          <p:cNvSpPr>
            <a:spLocks noGrp="1"/>
          </p:cNvSpPr>
          <p:nvPr>
            <p:ph idx="1"/>
          </p:nvPr>
        </p:nvSpPr>
        <p:spPr>
          <a:xfrm>
            <a:off x="554355" y="1634172"/>
            <a:ext cx="11052000" cy="4535487"/>
          </a:xfrm>
        </p:spPr>
        <p:txBody>
          <a:bodyPr>
            <a:noAutofit/>
          </a:bodyPr>
          <a:lstStyle>
            <a:lvl5pPr>
              <a:defRPr/>
            </a:lvl5pPr>
            <a:lvl6pPr>
              <a:defRPr baseline="0"/>
            </a:lvl6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2" name="Title 1">
            <a:extLst>
              <a:ext uri="{FF2B5EF4-FFF2-40B4-BE49-F238E27FC236}">
                <a16:creationId xmlns:a16="http://schemas.microsoft.com/office/drawing/2014/main" id="{27F9C8D7-A637-4A7A-998A-8AAFD206238E}"/>
              </a:ext>
            </a:extLst>
          </p:cNvPr>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cxnSp>
        <p:nvCxnSpPr>
          <p:cNvPr id="6" name="Straight Connector 5">
            <a:extLst>
              <a:ext uri="{FF2B5EF4-FFF2-40B4-BE49-F238E27FC236}">
                <a16:creationId xmlns:a16="http://schemas.microsoft.com/office/drawing/2014/main" id="{4446F5A3-00B4-486E-9DB6-BA5F1CF44179}"/>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32653356"/>
      </p:ext>
    </p:extLst>
  </p:cSld>
  <p:clrMapOvr>
    <a:masterClrMapping/>
  </p:clrMapOvr>
  <p:transition>
    <p:fade/>
  </p:transition>
  <p:extLst>
    <p:ext uri="{DCECCB84-F9BA-43D5-87BE-67443E8EF086}">
      <p15:sldGuideLst xmlns:p15="http://schemas.microsoft.com/office/powerpoint/2012/main">
        <p15:guide id="3" orient="horz" pos="3884" userDrawn="1">
          <p15:clr>
            <a:srgbClr val="FBAE40"/>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74" Type="http://schemas.openxmlformats.org/officeDocument/2006/relationships/slideLayout" Target="../slideLayouts/slideLayout74.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71" Type="http://schemas.openxmlformats.org/officeDocument/2006/relationships/slideLayout" Target="../slideLayouts/slideLayout7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auto">
      <p:bgPr>
        <a:solidFill>
          <a:srgbClr val="FFFFFF"/>
        </a:solidFill>
        <a:effectLst/>
      </p:bgPr>
    </p:bg>
    <p:spTree>
      <p:nvGrpSpPr>
        <p:cNvPr id="1" name=""/>
        <p:cNvGrpSpPr/>
        <p:nvPr/>
      </p:nvGrpSpPr>
      <p:grpSpPr>
        <a:xfrm>
          <a:off x="0" y="0"/>
          <a:ext cx="0" cy="0"/>
          <a:chOff x="0" y="0"/>
          <a:chExt cx="0" cy="0"/>
        </a:xfrm>
      </p:grpSpPr>
      <p:sp>
        <p:nvSpPr>
          <p:cNvPr id="12" name="shpShadedBackground" hidden="1">
            <a:extLst>
              <a:ext uri="{FF2B5EF4-FFF2-40B4-BE49-F238E27FC236}">
                <a16:creationId xmlns:a16="http://schemas.microsoft.com/office/drawing/2014/main" id="{989FE644-B848-412D-A3D7-B2401B8D817F}"/>
              </a:ext>
            </a:extLst>
          </p:cNvPr>
          <p:cNvSpPr/>
          <p:nvPr userDrawn="1"/>
        </p:nvSpPr>
        <p:spPr>
          <a:xfrm>
            <a:off x="0" y="0"/>
            <a:ext cx="12195175" cy="685958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103931" tIns="51965" rIns="103931" bIns="51965" rtlCol="0" anchor="ctr"/>
          <a:lstStyle/>
          <a:p>
            <a:pPr algn="ctr"/>
            <a:endParaRPr lang="da-DK" sz="1800" dirty="0"/>
          </a:p>
        </p:txBody>
      </p:sp>
      <p:sp>
        <p:nvSpPr>
          <p:cNvPr id="2" name="Title Placeholder 1"/>
          <p:cNvSpPr>
            <a:spLocks noGrp="1"/>
          </p:cNvSpPr>
          <p:nvPr>
            <p:ph type="title"/>
          </p:nvPr>
        </p:nvSpPr>
        <p:spPr>
          <a:xfrm>
            <a:off x="554355" y="512763"/>
            <a:ext cx="11088000" cy="792465"/>
          </a:xfrm>
          <a:prstGeom prst="rect">
            <a:avLst/>
          </a:prstGeom>
        </p:spPr>
        <p:txBody>
          <a:bodyPr vert="horz" lIns="0" tIns="0" rIns="103931" bIns="0" rtlCol="0" anchor="b">
            <a:noAutofit/>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Text Placeholder 2"/>
          <p:cNvSpPr>
            <a:spLocks noGrp="1"/>
          </p:cNvSpPr>
          <p:nvPr>
            <p:ph type="body" idx="1"/>
          </p:nvPr>
        </p:nvSpPr>
        <p:spPr>
          <a:xfrm>
            <a:off x="554355" y="1634172"/>
            <a:ext cx="11088000" cy="4536916"/>
          </a:xfrm>
          <a:prstGeom prst="rect">
            <a:avLst/>
          </a:prstGeom>
        </p:spPr>
        <p:txBody>
          <a:bodyPr vert="horz" lIns="0" tIns="0" rIns="0" bIns="0" rtlCol="0">
            <a:noAutofit/>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err="1"/>
              <a:t>Sixth</a:t>
            </a:r>
            <a:r>
              <a:rPr lang="da-DK" dirty="0"/>
              <a:t> </a:t>
            </a:r>
            <a:r>
              <a:rPr lang="da-DK" dirty="0" err="1"/>
              <a:t>level</a:t>
            </a:r>
            <a:endParaRPr lang="da-DK" dirty="0"/>
          </a:p>
          <a:p>
            <a:pPr lvl="6"/>
            <a:r>
              <a:rPr lang="da-DK" dirty="0" err="1"/>
              <a:t>Seventh</a:t>
            </a:r>
            <a:r>
              <a:rPr lang="da-DK" dirty="0"/>
              <a:t> </a:t>
            </a:r>
            <a:r>
              <a:rPr lang="da-DK" dirty="0" err="1"/>
              <a:t>level</a:t>
            </a:r>
            <a:endParaRPr lang="da-DK" dirty="0"/>
          </a:p>
          <a:p>
            <a:pPr lvl="7"/>
            <a:r>
              <a:rPr lang="da-DK" dirty="0" err="1"/>
              <a:t>Eighth</a:t>
            </a:r>
            <a:r>
              <a:rPr lang="da-DK" dirty="0"/>
              <a:t> </a:t>
            </a:r>
            <a:r>
              <a:rPr lang="da-DK" dirty="0" err="1"/>
              <a:t>level</a:t>
            </a:r>
            <a:endParaRPr lang="da-DK" dirty="0"/>
          </a:p>
          <a:p>
            <a:pPr lvl="8"/>
            <a:r>
              <a:rPr lang="da-DK" dirty="0"/>
              <a:t>Ninth </a:t>
            </a:r>
            <a:r>
              <a:rPr lang="da-DK" dirty="0" err="1"/>
              <a:t>level</a:t>
            </a:r>
            <a:endParaRPr lang="da-DK" dirty="0"/>
          </a:p>
        </p:txBody>
      </p:sp>
      <p:sp>
        <p:nvSpPr>
          <p:cNvPr id="10" name="plcSlideNumbe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da-DK" sz="800" smtClean="0">
                <a:solidFill>
                  <a:schemeClr val="accent5"/>
                </a:solidFill>
              </a:rPr>
              <a:pPr algn="ctr"/>
              <a:t>‹#›</a:t>
            </a:fld>
            <a:endParaRPr lang="da-DK" sz="800" dirty="0">
              <a:solidFill>
                <a:schemeClr val="accent5"/>
              </a:solidFill>
            </a:endParaRPr>
          </a:p>
        </p:txBody>
      </p:sp>
      <p:sp>
        <p:nvSpPr>
          <p:cNvPr id="7" name="txtSecureMarker2" hidden="1"/>
          <p:cNvSpPr txBox="1"/>
          <p:nvPr userDrawn="1"/>
        </p:nvSpPr>
        <p:spPr>
          <a:xfrm>
            <a:off x="3762236" y="6531598"/>
            <a:ext cx="4670704" cy="305000"/>
          </a:xfrm>
          <a:prstGeom prst="rect">
            <a:avLst/>
          </a:prstGeom>
          <a:solidFill>
            <a:schemeClr val="bg1"/>
          </a:solid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11" name="txtSecureMarker1" hidden="1"/>
          <p:cNvSpPr txBox="1"/>
          <p:nvPr userDrawn="1"/>
        </p:nvSpPr>
        <p:spPr>
          <a:xfrm>
            <a:off x="3762236" y="35260"/>
            <a:ext cx="4670704" cy="305000"/>
          </a:xfrm>
          <a:prstGeom prst="rect">
            <a:avLst/>
          </a:prstGeom>
          <a:solidFill>
            <a:schemeClr val="bg1"/>
          </a:solidFill>
        </p:spPr>
        <p:txBody>
          <a:bodyPr wrap="square" lIns="103931" tIns="51965" rIns="103931" bIns="51965" rtlCol="0">
            <a:spAutoFit/>
          </a:bodyPr>
          <a:lstStyle/>
          <a:p>
            <a:pPr algn="ctr"/>
            <a:r>
              <a:rPr lang="da-DK" sz="1300" dirty="0">
                <a:solidFill>
                  <a:srgbClr val="000000"/>
                </a:solidFill>
              </a:rPr>
              <a:t>SC</a:t>
            </a:r>
            <a:r>
              <a:rPr lang="da-DK" sz="1300" baseline="0" dirty="0">
                <a:solidFill>
                  <a:srgbClr val="000000"/>
                </a:solidFill>
              </a:rPr>
              <a:t> TEXT GOES HERE</a:t>
            </a:r>
            <a:endParaRPr lang="da-DK" sz="1300" dirty="0">
              <a:solidFill>
                <a:srgbClr val="000000"/>
              </a:solidFill>
            </a:endParaRPr>
          </a:p>
        </p:txBody>
      </p:sp>
      <p:sp>
        <p:nvSpPr>
          <p:cNvPr id="9" name="txtFooter">
            <a:extLst>
              <a:ext uri="{FF2B5EF4-FFF2-40B4-BE49-F238E27FC236}">
                <a16:creationId xmlns:a16="http://schemas.microsoft.com/office/drawing/2014/main" id="{875188BF-071B-CF85-9AB9-173847F2F3A0}"/>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800" dirty="0">
                <a:solidFill>
                  <a:schemeClr val="accent5"/>
                </a:solidFill>
              </a:rPr>
              <a:t>© PA Knowledge Limited  |     </a:t>
            </a:r>
            <a:endParaRPr lang="da-DK" dirty="0"/>
          </a:p>
        </p:txBody>
      </p:sp>
      <p:sp>
        <p:nvSpPr>
          <p:cNvPr id="14" name="Rectangle 13" descr="{&quot;templafy&quot;:{&quot;id&quot;:&quot;9d744c65-131d-45ba-b6ad-16c0e43f7d56&quot;}}">
            <a:extLst>
              <a:ext uri="{FF2B5EF4-FFF2-40B4-BE49-F238E27FC236}">
                <a16:creationId xmlns:a16="http://schemas.microsoft.com/office/drawing/2014/main" id="{134A23C1-0E96-D4EA-D334-6C357822C34E}"/>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da-DK" sz="800" dirty="0">
              <a:solidFill>
                <a:srgbClr val="9AB1C5"/>
              </a:solidFill>
            </a:endParaRPr>
          </a:p>
        </p:txBody>
      </p:sp>
    </p:spTree>
    <p:extLst>
      <p:ext uri="{BB962C8B-B14F-4D97-AF65-F5344CB8AC3E}">
        <p14:creationId xmlns:p14="http://schemas.microsoft.com/office/powerpoint/2010/main" val="4062072059"/>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74" r:id="rId3"/>
    <p:sldLayoutId id="2147483829" r:id="rId4"/>
    <p:sldLayoutId id="2147483775" r:id="rId5"/>
    <p:sldLayoutId id="2147483776" r:id="rId6"/>
    <p:sldLayoutId id="2147483853" r:id="rId7"/>
    <p:sldLayoutId id="2147483854" r:id="rId8"/>
    <p:sldLayoutId id="2147483777" r:id="rId9"/>
    <p:sldLayoutId id="2147483830" r:id="rId10"/>
    <p:sldLayoutId id="2147483831" r:id="rId11"/>
    <p:sldLayoutId id="2147483781" r:id="rId12"/>
    <p:sldLayoutId id="2147483782" r:id="rId13"/>
    <p:sldLayoutId id="2147483842" r:id="rId14"/>
    <p:sldLayoutId id="2147483844" r:id="rId15"/>
    <p:sldLayoutId id="2147483843" r:id="rId16"/>
    <p:sldLayoutId id="2147483783" r:id="rId17"/>
    <p:sldLayoutId id="2147483784" r:id="rId18"/>
    <p:sldLayoutId id="2147483785" r:id="rId19"/>
    <p:sldLayoutId id="2147483795" r:id="rId20"/>
    <p:sldLayoutId id="2147483794" r:id="rId21"/>
    <p:sldLayoutId id="2147483786" r:id="rId22"/>
    <p:sldLayoutId id="2147483787" r:id="rId23"/>
    <p:sldLayoutId id="2147483788" r:id="rId24"/>
    <p:sldLayoutId id="2147483789" r:id="rId25"/>
    <p:sldLayoutId id="2147483792" r:id="rId26"/>
    <p:sldLayoutId id="2147483796" r:id="rId27"/>
    <p:sldLayoutId id="2147483797" r:id="rId28"/>
    <p:sldLayoutId id="2147483798" r:id="rId29"/>
    <p:sldLayoutId id="2147483840" r:id="rId30"/>
    <p:sldLayoutId id="2147483799" r:id="rId31"/>
    <p:sldLayoutId id="2147483841" r:id="rId32"/>
    <p:sldLayoutId id="2147483800" r:id="rId33"/>
    <p:sldLayoutId id="2147483801" r:id="rId34"/>
    <p:sldLayoutId id="2147483845" r:id="rId35"/>
    <p:sldLayoutId id="2147483804" r:id="rId36"/>
    <p:sldLayoutId id="2147483805" r:id="rId37"/>
    <p:sldLayoutId id="2147483806" r:id="rId38"/>
    <p:sldLayoutId id="2147483807" r:id="rId39"/>
    <p:sldLayoutId id="2147483808" r:id="rId40"/>
    <p:sldLayoutId id="2147483809" r:id="rId41"/>
    <p:sldLayoutId id="2147483846" r:id="rId42"/>
    <p:sldLayoutId id="2147483810" r:id="rId43"/>
    <p:sldLayoutId id="2147483847" r:id="rId44"/>
    <p:sldLayoutId id="2147483811" r:id="rId45"/>
    <p:sldLayoutId id="2147483848" r:id="rId46"/>
    <p:sldLayoutId id="2147483812" r:id="rId47"/>
    <p:sldLayoutId id="2147483849" r:id="rId48"/>
    <p:sldLayoutId id="2147483813" r:id="rId49"/>
    <p:sldLayoutId id="2147483850" r:id="rId50"/>
    <p:sldLayoutId id="2147483814" r:id="rId51"/>
    <p:sldLayoutId id="2147483851" r:id="rId52"/>
    <p:sldLayoutId id="2147483815" r:id="rId53"/>
    <p:sldLayoutId id="2147483852" r:id="rId54"/>
    <p:sldLayoutId id="2147483821" r:id="rId55"/>
    <p:sldLayoutId id="2147483833" r:id="rId56"/>
    <p:sldLayoutId id="2147483822" r:id="rId57"/>
    <p:sldLayoutId id="2147483834" r:id="rId58"/>
    <p:sldLayoutId id="2147483823" r:id="rId59"/>
    <p:sldLayoutId id="2147483835" r:id="rId60"/>
    <p:sldLayoutId id="2147483824" r:id="rId61"/>
    <p:sldLayoutId id="2147483836" r:id="rId62"/>
    <p:sldLayoutId id="2147483825" r:id="rId63"/>
    <p:sldLayoutId id="2147483837" r:id="rId64"/>
    <p:sldLayoutId id="2147483826" r:id="rId65"/>
    <p:sldLayoutId id="2147483838" r:id="rId66"/>
    <p:sldLayoutId id="2147483827" r:id="rId67"/>
    <p:sldLayoutId id="2147483839" r:id="rId68"/>
    <p:sldLayoutId id="2147483828" r:id="rId69"/>
    <p:sldLayoutId id="2147483855" r:id="rId70"/>
    <p:sldLayoutId id="2147483856" r:id="rId71"/>
    <p:sldLayoutId id="2147483857" r:id="rId72"/>
    <p:sldLayoutId id="2147483858" r:id="rId73"/>
    <p:sldLayoutId id="2147483861" r:id="rId74"/>
  </p:sldLayoutIdLst>
  <p:transition>
    <p:fade/>
  </p:transition>
  <p:hf hdr="0"/>
  <p:txStyles>
    <p:titleStyle>
      <a:lvl1pPr marL="0" algn="l" defTabSz="1039307" rtl="0" eaLnBrk="1" latinLnBrk="0" hangingPunct="1">
        <a:lnSpc>
          <a:spcPct val="100000"/>
        </a:lnSpc>
        <a:spcBef>
          <a:spcPct val="0"/>
        </a:spcBef>
        <a:buNone/>
        <a:tabLst>
          <a:tab pos="0" algn="l"/>
          <a:tab pos="2874963" algn="l"/>
        </a:tabLst>
        <a:defRPr lang="en-GB" sz="2800" b="0" kern="1200" cap="none" spc="0" baseline="0" dirty="0">
          <a:solidFill>
            <a:schemeClr val="accent1"/>
          </a:solidFill>
          <a:latin typeface="+mj-lt"/>
          <a:ea typeface="+mj-ea"/>
          <a:cs typeface="+mj-cs"/>
        </a:defRPr>
      </a:lvl1pPr>
    </p:titleStyle>
    <p:body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p:bodyStyle>
    <p:other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p:otherStyle>
  </p:txStyles>
  <p:extLst>
    <p:ext uri="{27BBF7A9-308A-43DC-89C8-2F10F3537804}">
      <p15:sldGuideLst xmlns:p15="http://schemas.microsoft.com/office/powerpoint/2012/main">
        <p15:guide id="3" pos="348" userDrawn="1">
          <p15:clr>
            <a:srgbClr val="F26B43"/>
          </p15:clr>
        </p15:guide>
        <p15:guide id="5" orient="horz" pos="323" userDrawn="1">
          <p15:clr>
            <a:srgbClr val="FBAE40"/>
          </p15:clr>
        </p15:guide>
        <p15:guide id="7" orient="horz" pos="437" userDrawn="1">
          <p15:clr>
            <a:srgbClr val="F26B43"/>
          </p15:clr>
        </p15:guide>
        <p15:guide id="10" orient="horz" pos="3884" userDrawn="1">
          <p15:clr>
            <a:srgbClr val="F26B43"/>
          </p15:clr>
        </p15:guide>
        <p15:guide id="11" orient="horz" pos="936" userDrawn="1">
          <p15:clr>
            <a:srgbClr val="F26B43"/>
          </p15:clr>
        </p15:guide>
        <p15:guide id="12" orient="horz" pos="1027" userDrawn="1">
          <p15:clr>
            <a:srgbClr val="F26B43"/>
          </p15:clr>
        </p15:guide>
        <p15:guide id="14" pos="847" userDrawn="1">
          <p15:clr>
            <a:srgbClr val="F26B43"/>
          </p15:clr>
        </p15:guide>
        <p15:guide id="15" pos="938" userDrawn="1">
          <p15:clr>
            <a:srgbClr val="F26B43"/>
          </p15:clr>
        </p15:guide>
        <p15:guide id="16" pos="1437" userDrawn="1">
          <p15:clr>
            <a:srgbClr val="F26B43"/>
          </p15:clr>
        </p15:guide>
        <p15:guide id="17" pos="1528" userDrawn="1">
          <p15:clr>
            <a:srgbClr val="F26B43"/>
          </p15:clr>
        </p15:guide>
        <p15:guide id="18" pos="2027" userDrawn="1">
          <p15:clr>
            <a:srgbClr val="F26B43"/>
          </p15:clr>
        </p15:guide>
        <p15:guide id="19" pos="2117" userDrawn="1">
          <p15:clr>
            <a:srgbClr val="F26B43"/>
          </p15:clr>
        </p15:guide>
        <p15:guide id="20" pos="2616" userDrawn="1">
          <p15:clr>
            <a:srgbClr val="F26B43"/>
          </p15:clr>
        </p15:guide>
        <p15:guide id="21" pos="2707" userDrawn="1">
          <p15:clr>
            <a:srgbClr val="F26B43"/>
          </p15:clr>
        </p15:guide>
        <p15:guide id="22" pos="3206" userDrawn="1">
          <p15:clr>
            <a:srgbClr val="F26B43"/>
          </p15:clr>
        </p15:guide>
        <p15:guide id="23" pos="3297" userDrawn="1">
          <p15:clr>
            <a:srgbClr val="F26B43"/>
          </p15:clr>
        </p15:guide>
        <p15:guide id="24" pos="3796" userDrawn="1">
          <p15:clr>
            <a:srgbClr val="F26B43"/>
          </p15:clr>
        </p15:guide>
        <p15:guide id="25" pos="3886" userDrawn="1">
          <p15:clr>
            <a:srgbClr val="F26B43"/>
          </p15:clr>
        </p15:guide>
        <p15:guide id="26" pos="4385" userDrawn="1">
          <p15:clr>
            <a:srgbClr val="F26B43"/>
          </p15:clr>
        </p15:guide>
        <p15:guide id="27" pos="4476" userDrawn="1">
          <p15:clr>
            <a:srgbClr val="F26B43"/>
          </p15:clr>
        </p15:guide>
        <p15:guide id="28" pos="4975" userDrawn="1">
          <p15:clr>
            <a:srgbClr val="F26B43"/>
          </p15:clr>
        </p15:guide>
        <p15:guide id="29" pos="5066" userDrawn="1">
          <p15:clr>
            <a:srgbClr val="F26B43"/>
          </p15:clr>
        </p15:guide>
        <p15:guide id="30" pos="5565" userDrawn="1">
          <p15:clr>
            <a:srgbClr val="F26B43"/>
          </p15:clr>
        </p15:guide>
        <p15:guide id="31" pos="5655" userDrawn="1">
          <p15:clr>
            <a:srgbClr val="F26B43"/>
          </p15:clr>
        </p15:guide>
        <p15:guide id="32" pos="6154" userDrawn="1">
          <p15:clr>
            <a:srgbClr val="F26B43"/>
          </p15:clr>
        </p15:guide>
        <p15:guide id="33" pos="6245" userDrawn="1">
          <p15:clr>
            <a:srgbClr val="F26B43"/>
          </p15:clr>
        </p15:guide>
        <p15:guide id="34" pos="6744" userDrawn="1">
          <p15:clr>
            <a:srgbClr val="F26B43"/>
          </p15:clr>
        </p15:guide>
        <p15:guide id="35" pos="6835" userDrawn="1">
          <p15:clr>
            <a:srgbClr val="F26B43"/>
          </p15:clr>
        </p15:guide>
        <p15:guide id="36" pos="7334" userDrawn="1">
          <p15:clr>
            <a:srgbClr val="F26B43"/>
          </p15:clr>
        </p15:guide>
        <p15:guide id="37" orient="horz" pos="1525" userDrawn="1">
          <p15:clr>
            <a:srgbClr val="F26B43"/>
          </p15:clr>
        </p15:guide>
        <p15:guide id="38" orient="horz" pos="1616" userDrawn="1">
          <p15:clr>
            <a:srgbClr val="F26B43"/>
          </p15:clr>
        </p15:guide>
        <p15:guide id="39" orient="horz" pos="2115" userDrawn="1">
          <p15:clr>
            <a:srgbClr val="F26B43"/>
          </p15:clr>
        </p15:guide>
        <p15:guide id="40" orient="horz" pos="2206" userDrawn="1">
          <p15:clr>
            <a:srgbClr val="F26B43"/>
          </p15:clr>
        </p15:guide>
        <p15:guide id="41" orient="horz" pos="2705" userDrawn="1">
          <p15:clr>
            <a:srgbClr val="F26B43"/>
          </p15:clr>
        </p15:guide>
        <p15:guide id="42" orient="horz" pos="2796" userDrawn="1">
          <p15:clr>
            <a:srgbClr val="F26B43"/>
          </p15:clr>
        </p15:guide>
        <p15:guide id="43" orient="horz" pos="3294" userDrawn="1">
          <p15:clr>
            <a:srgbClr val="F26B43"/>
          </p15:clr>
        </p15:guide>
        <p15:guide id="44" orient="horz" pos="3385"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5.jpeg"/><Relationship Id="rId3" Type="http://schemas.openxmlformats.org/officeDocument/2006/relationships/tags" Target="../tags/tag2.xml"/><Relationship Id="rId7" Type="http://schemas.openxmlformats.org/officeDocument/2006/relationships/image" Target="../media/image14.jpeg"/><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slideLayout" Target="../slideLayouts/slideLayout3.xml"/><Relationship Id="rId5" Type="http://schemas.openxmlformats.org/officeDocument/2006/relationships/tags" Target="../tags/tag4.xml"/><Relationship Id="rId4" Type="http://schemas.openxmlformats.org/officeDocument/2006/relationships/tags" Target="../tags/tag3.xml"/><Relationship Id="rId9" Type="http://schemas.openxmlformats.org/officeDocument/2006/relationships/image" Target="../media/image16.jpeg"/></Relationships>
</file>

<file path=ppt/slides/_rels/slide10.xml.rels><?xml version="1.0" encoding="UTF-8" standalone="yes"?>
<Relationships xmlns="http://schemas.openxmlformats.org/package/2006/relationships"><Relationship Id="rId2" Type="http://schemas.openxmlformats.org/officeDocument/2006/relationships/image" Target="../media/image43.jpeg"/><Relationship Id="rId1" Type="http://schemas.openxmlformats.org/officeDocument/2006/relationships/slideLayout" Target="../slideLayouts/slideLayout5.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29.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29.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9.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9.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9.xml"/></Relationships>
</file>

<file path=ppt/slides/_rels/slide18.xml.rels><?xml version="1.0" encoding="UTF-8" standalone="yes"?>
<Relationships xmlns="http://schemas.openxmlformats.org/package/2006/relationships"><Relationship Id="rId2" Type="http://schemas.openxmlformats.org/officeDocument/2006/relationships/image" Target="../media/image44.jpeg"/><Relationship Id="rId1" Type="http://schemas.openxmlformats.org/officeDocument/2006/relationships/slideLayout" Target="../slideLayouts/slideLayout5.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9.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5.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image" Target="../media/image17.jpeg"/></Relationships>
</file>

<file path=ppt/slides/_rels/slide20.xml.rels><?xml version="1.0" encoding="UTF-8" standalone="yes"?>
<Relationships xmlns="http://schemas.openxmlformats.org/package/2006/relationships"><Relationship Id="rId8" Type="http://schemas.openxmlformats.org/officeDocument/2006/relationships/tags" Target="../tags/tag12.xml"/><Relationship Id="rId13" Type="http://schemas.openxmlformats.org/officeDocument/2006/relationships/tags" Target="../tags/tag17.xml"/><Relationship Id="rId18" Type="http://schemas.openxmlformats.org/officeDocument/2006/relationships/image" Target="../media/image45.jpeg"/><Relationship Id="rId3" Type="http://schemas.openxmlformats.org/officeDocument/2006/relationships/tags" Target="../tags/tag7.xml"/><Relationship Id="rId7" Type="http://schemas.openxmlformats.org/officeDocument/2006/relationships/tags" Target="../tags/tag11.xml"/><Relationship Id="rId12" Type="http://schemas.openxmlformats.org/officeDocument/2006/relationships/tags" Target="../tags/tag16.xml"/><Relationship Id="rId17" Type="http://schemas.openxmlformats.org/officeDocument/2006/relationships/notesSlide" Target="../notesSlides/notesSlide12.xml"/><Relationship Id="rId2" Type="http://schemas.openxmlformats.org/officeDocument/2006/relationships/tags" Target="../tags/tag6.xml"/><Relationship Id="rId16" Type="http://schemas.openxmlformats.org/officeDocument/2006/relationships/slideLayout" Target="../slideLayouts/slideLayout9.xml"/><Relationship Id="rId1" Type="http://schemas.openxmlformats.org/officeDocument/2006/relationships/tags" Target="../tags/tag5.xml"/><Relationship Id="rId6" Type="http://schemas.openxmlformats.org/officeDocument/2006/relationships/tags" Target="../tags/tag10.xml"/><Relationship Id="rId11" Type="http://schemas.openxmlformats.org/officeDocument/2006/relationships/tags" Target="../tags/tag15.xml"/><Relationship Id="rId5" Type="http://schemas.openxmlformats.org/officeDocument/2006/relationships/tags" Target="../tags/tag9.xml"/><Relationship Id="rId15" Type="http://schemas.openxmlformats.org/officeDocument/2006/relationships/tags" Target="../tags/tag19.xml"/><Relationship Id="rId10" Type="http://schemas.openxmlformats.org/officeDocument/2006/relationships/tags" Target="../tags/tag14.xml"/><Relationship Id="rId4" Type="http://schemas.openxmlformats.org/officeDocument/2006/relationships/tags" Target="../tags/tag8.xml"/><Relationship Id="rId9" Type="http://schemas.openxmlformats.org/officeDocument/2006/relationships/tags" Target="../tags/tag13.xml"/><Relationship Id="rId14" Type="http://schemas.openxmlformats.org/officeDocument/2006/relationships/tags" Target="../tags/tag18.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9.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9.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9.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9.xml"/></Relationships>
</file>

<file path=ppt/slides/_rels/slide26.xml.rels><?xml version="1.0" encoding="UTF-8" standalone="yes"?>
<Relationships xmlns="http://schemas.openxmlformats.org/package/2006/relationships"><Relationship Id="rId2" Type="http://schemas.openxmlformats.org/officeDocument/2006/relationships/image" Target="../media/image46.jpeg"/><Relationship Id="rId1" Type="http://schemas.openxmlformats.org/officeDocument/2006/relationships/slideLayout" Target="../slideLayouts/slideLayout5.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29.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9.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9.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11.xml"/><Relationship Id="rId1" Type="http://schemas.openxmlformats.org/officeDocument/2006/relationships/customXml" Target="../../customXml/item10.xml"/><Relationship Id="rId4" Type="http://schemas.openxmlformats.org/officeDocument/2006/relationships/image" Target="../media/image18.jpeg"/></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9.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9.xml"/></Relationships>
</file>

<file path=ppt/slides/_rels/slide32.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9.xml"/></Relationships>
</file>

<file path=ppt/slides/_rels/slide33.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9.xml"/></Relationships>
</file>

<file path=ppt/slides/_rels/slide34.xml.rels><?xml version="1.0" encoding="UTF-8" standalone="yes"?>
<Relationships xmlns="http://schemas.openxmlformats.org/package/2006/relationships"><Relationship Id="rId2" Type="http://schemas.openxmlformats.org/officeDocument/2006/relationships/notesSlide" Target="../notesSlides/notesSlide24.xml"/><Relationship Id="rId1" Type="http://schemas.openxmlformats.org/officeDocument/2006/relationships/slideLayout" Target="../slideLayouts/slideLayout9.xml"/></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9.xml"/></Relationships>
</file>

<file path=ppt/slides/_rels/slide36.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9.xml"/></Relationships>
</file>

<file path=ppt/slides/_rels/slide37.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9.xml"/></Relationships>
</file>

<file path=ppt/slides/_rels/slide38.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9.xml"/></Relationships>
</file>

<file path=ppt/slides/_rels/slide39.xml.rels><?xml version="1.0" encoding="UTF-8" standalone="yes"?>
<Relationships xmlns="http://schemas.openxmlformats.org/package/2006/relationships"><Relationship Id="rId2" Type="http://schemas.openxmlformats.org/officeDocument/2006/relationships/notesSlide" Target="../notesSlides/notesSlide29.xml"/><Relationship Id="rId1" Type="http://schemas.openxmlformats.org/officeDocument/2006/relationships/slideLayout" Target="../slideLayouts/slideLayout9.xml"/></Relationships>
</file>

<file path=ppt/slides/_rels/slide4.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1.xml"/><Relationship Id="rId1" Type="http://schemas.openxmlformats.org/officeDocument/2006/relationships/slideLayout" Target="../slideLayouts/slideLayout5.xml"/></Relationships>
</file>

<file path=ppt/slides/_rels/slide40.xml.rels><?xml version="1.0" encoding="UTF-8" standalone="yes"?>
<Relationships xmlns="http://schemas.openxmlformats.org/package/2006/relationships"><Relationship Id="rId2" Type="http://schemas.openxmlformats.org/officeDocument/2006/relationships/notesSlide" Target="../notesSlides/notesSlide30.xml"/><Relationship Id="rId1" Type="http://schemas.openxmlformats.org/officeDocument/2006/relationships/slideLayout" Target="../slideLayouts/slideLayout9.xml"/></Relationships>
</file>

<file path=ppt/slides/_rels/slide41.xml.rels><?xml version="1.0" encoding="UTF-8" standalone="yes"?>
<Relationships xmlns="http://schemas.openxmlformats.org/package/2006/relationships"><Relationship Id="rId2" Type="http://schemas.openxmlformats.org/officeDocument/2006/relationships/notesSlide" Target="../notesSlides/notesSlide31.xml"/><Relationship Id="rId1" Type="http://schemas.openxmlformats.org/officeDocument/2006/relationships/slideLayout" Target="../slideLayouts/slideLayout9.xml"/></Relationships>
</file>

<file path=ppt/slides/_rels/slide42.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32.xml"/><Relationship Id="rId1" Type="http://schemas.openxmlformats.org/officeDocument/2006/relationships/slideLayout" Target="../slideLayouts/slideLayout9.xml"/><Relationship Id="rId6" Type="http://schemas.openxmlformats.org/officeDocument/2006/relationships/image" Target="../media/image50.svg"/><Relationship Id="rId5" Type="http://schemas.openxmlformats.org/officeDocument/2006/relationships/image" Target="../media/image49.png"/><Relationship Id="rId4" Type="http://schemas.openxmlformats.org/officeDocument/2006/relationships/image" Target="../media/image48.svg"/></Relationships>
</file>

<file path=ppt/slides/_rels/slide43.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33.xml"/><Relationship Id="rId1" Type="http://schemas.openxmlformats.org/officeDocument/2006/relationships/slideLayout" Target="../slideLayouts/slideLayout9.xml"/><Relationship Id="rId6" Type="http://schemas.openxmlformats.org/officeDocument/2006/relationships/image" Target="../media/image54.svg"/><Relationship Id="rId5" Type="http://schemas.openxmlformats.org/officeDocument/2006/relationships/image" Target="../media/image53.png"/><Relationship Id="rId4" Type="http://schemas.openxmlformats.org/officeDocument/2006/relationships/image" Target="../media/image52.svg"/></Relationships>
</file>

<file path=ppt/slides/_rels/slide44.xml.rels><?xml version="1.0" encoding="UTF-8" standalone="yes"?>
<Relationships xmlns="http://schemas.openxmlformats.org/package/2006/relationships"><Relationship Id="rId2" Type="http://schemas.openxmlformats.org/officeDocument/2006/relationships/image" Target="../media/image55.jpeg"/><Relationship Id="rId1" Type="http://schemas.openxmlformats.org/officeDocument/2006/relationships/slideLayout" Target="../slideLayouts/slideLayout5.xml"/></Relationships>
</file>

<file path=ppt/slides/_rels/slide45.xml.rels><?xml version="1.0" encoding="UTF-8" standalone="yes"?>
<Relationships xmlns="http://schemas.openxmlformats.org/package/2006/relationships"><Relationship Id="rId3" Type="http://schemas.openxmlformats.org/officeDocument/2006/relationships/image" Target="../media/image56.png"/><Relationship Id="rId2" Type="http://schemas.openxmlformats.org/officeDocument/2006/relationships/notesSlide" Target="../notesSlides/notesSlide34.xml"/><Relationship Id="rId1" Type="http://schemas.openxmlformats.org/officeDocument/2006/relationships/slideLayout" Target="../slideLayouts/slideLayout29.xml"/></Relationships>
</file>

<file path=ppt/slides/_rels/slide46.xml.rels><?xml version="1.0" encoding="UTF-8" standalone="yes"?>
<Relationships xmlns="http://schemas.openxmlformats.org/package/2006/relationships"><Relationship Id="rId2" Type="http://schemas.openxmlformats.org/officeDocument/2006/relationships/notesSlide" Target="../notesSlides/notesSlide35.xml"/><Relationship Id="rId1" Type="http://schemas.openxmlformats.org/officeDocument/2006/relationships/slideLayout" Target="../slideLayouts/slideLayout29.xml"/></Relationships>
</file>

<file path=ppt/slides/_rels/slide47.xml.rels><?xml version="1.0" encoding="UTF-8" standalone="yes"?>
<Relationships xmlns="http://schemas.openxmlformats.org/package/2006/relationships"><Relationship Id="rId8" Type="http://schemas.openxmlformats.org/officeDocument/2006/relationships/hyperlink" Target="https://www.ft.dk/samling/20241/almdel/DIU/bilag/97/3019151.pdf" TargetMode="External"/><Relationship Id="rId3" Type="http://schemas.openxmlformats.org/officeDocument/2006/relationships/hyperlink" Target="https://www.danskindustri.dk/vi-radgiver-dig/digital-suveranitet/forslag-til-digitaliseringsministeriets-handlingsplan/" TargetMode="External"/><Relationship Id="rId7" Type="http://schemas.openxmlformats.org/officeDocument/2006/relationships/hyperlink" Target="https://www.schleswig-holstein.de/DE/landesregierung/themen/digitalisierung/linux-plus1/Service/Downloads/_dateien/open-source-strategy_EN.pdf?__blob=publicationFile&amp;v=3" TargetMode="External"/><Relationship Id="rId2" Type="http://schemas.openxmlformats.org/officeDocument/2006/relationships/hyperlink" Target="https://www.computerworld.dk/art/290654/fem-amerikanske-techgiganter-styrer-danmark-det-kan-faa-store-konsekvenser" TargetMode="External"/><Relationship Id="rId1" Type="http://schemas.openxmlformats.org/officeDocument/2006/relationships/slideLayout" Target="../slideLayouts/slideLayout9.xml"/><Relationship Id="rId6" Type="http://schemas.openxmlformats.org/officeDocument/2006/relationships/hyperlink" Target="https://commission.europa.eu/news-and-media/news/commission-launches-new-procurement-process-cloud-services-2024-02-07_en" TargetMode="External"/><Relationship Id="rId5" Type="http://schemas.openxmlformats.org/officeDocument/2006/relationships/hyperlink" Target="https://commission.europa.eu/document/09579818-64a6-4dd5-9577-446ab6219113_en" TargetMode="External"/><Relationship Id="rId4" Type="http://schemas.openxmlformats.org/officeDocument/2006/relationships/hyperlink" Target="https://commission.europa.eu/news-and-media/news/commission-moves-forward-cloud-sovereignty-eur-180-million-tender-2025-10-10_en" TargetMode="External"/></Relationships>
</file>

<file path=ppt/slides/_rels/slide48.xml.rels><?xml version="1.0" encoding="UTF-8" standalone="yes"?>
<Relationships xmlns="http://schemas.openxmlformats.org/package/2006/relationships"><Relationship Id="rId8" Type="http://schemas.openxmlformats.org/officeDocument/2006/relationships/hyperlink" Target="https://www.publictechnology.net/2025/03/20/international-relations/home-office-signs-85m-digital-deal-to-support-consistent-repeatable-architecture-for-border-it-systems/" TargetMode="External"/><Relationship Id="rId13" Type="http://schemas.openxmlformats.org/officeDocument/2006/relationships/hyperlink" Target="https://pro.ing.dk/digitech/artikel/koebenhavns-kommune-vil-granske-sin-afhaengighed-af-tech-giganter-sparker-gang-i-stor-analyse" TargetMode="External"/><Relationship Id="rId3" Type="http://schemas.openxmlformats.org/officeDocument/2006/relationships/hyperlink" Target="https://www.zendis.de/en" TargetMode="External"/><Relationship Id="rId7" Type="http://schemas.openxmlformats.org/officeDocument/2006/relationships/hyperlink" Target="https://gpt-nl.nl/nieuws/presentatie-clin-2025/" TargetMode="External"/><Relationship Id="rId12" Type="http://schemas.openxmlformats.org/officeDocument/2006/relationships/hyperlink" Target="https://www.kk.dk/dagsordener-og-referater/Borgerrepr%C3%A6sentationen/m%C3%B8de-27032025/referat/punkt-28" TargetMode="External"/><Relationship Id="rId2" Type="http://schemas.openxmlformats.org/officeDocument/2006/relationships/hyperlink" Target="https://interoperable-europe.ec.europa.eu/collection/open-source-observatory-osor/news/centre-digital-sovereignty" TargetMode="External"/><Relationship Id="rId1" Type="http://schemas.openxmlformats.org/officeDocument/2006/relationships/slideLayout" Target="../slideLayouts/slideLayout9.xml"/><Relationship Id="rId6" Type="http://schemas.openxmlformats.org/officeDocument/2006/relationships/hyperlink" Target="https://ai-watch.ec.europa.eu/countries/netherlands/netherlands-ai-strategy-report_en#:~:text=The%20Dutch%20strategy%20includes%20policy,inventory%20of%20data%20sharing%20solutions." TargetMode="External"/><Relationship Id="rId11" Type="http://schemas.openxmlformats.org/officeDocument/2006/relationships/hyperlink" Target="https://gaia-x.eu/wp-content/uploads/2025/01/Gaia-X-Brochure_Overview-2025.pdf" TargetMode="External"/><Relationship Id="rId5" Type="http://schemas.openxmlformats.org/officeDocument/2006/relationships/hyperlink" Target="https://www.opendesk.eu/en/product" TargetMode="External"/><Relationship Id="rId15" Type="http://schemas.openxmlformats.org/officeDocument/2006/relationships/hyperlink" Target="https://digst.dk/media/u5de5ery/9742-digmin-digitaliseringsstrategi-2026-2029_tilg.pdf" TargetMode="External"/><Relationship Id="rId10" Type="http://schemas.openxmlformats.org/officeDocument/2006/relationships/hyperlink" Target="https://www.kl.dk/oekonomi-og-administration/oekonomi-og-styring/omstilling-og-udvikling/nyhedsbrevet-raaderum/2018/nr-4/os2-samarbejdet-skaber-vaerdi-via-en-ny-model-for-udvikling-af-digitale-loesninger" TargetMode="External"/><Relationship Id="rId4" Type="http://schemas.openxmlformats.org/officeDocument/2006/relationships/hyperlink" Target="https://www.zendis.de/en/what-we-offer" TargetMode="External"/><Relationship Id="rId9" Type="http://schemas.openxmlformats.org/officeDocument/2006/relationships/hyperlink" Target="https://github.com/orgs/UKHome" TargetMode="External"/><Relationship Id="rId14" Type="http://schemas.openxmlformats.org/officeDocument/2006/relationships/hyperlink" Target="https://digst.dk/media/2zlfki2v/open-source-i-den-offentlige-sektor.pdf" TargetMode="External"/></Relationships>
</file>

<file path=ppt/slides/_rels/slide49.xml.rels><?xml version="1.0" encoding="UTF-8" standalone="yes"?>
<Relationships xmlns="http://schemas.openxmlformats.org/package/2006/relationships"><Relationship Id="rId8" Type="http://schemas.openxmlformats.org/officeDocument/2006/relationships/hyperlink" Target="https://cdn.prod.website-files.com/68a5a8945286cdc22e44dee2/693abbcf1cf88573083d1e26_AIsovCAISA.pdf" TargetMode="External"/><Relationship Id="rId3" Type="http://schemas.openxmlformats.org/officeDocument/2006/relationships/hyperlink" Target="https://www.kk.dk/sites/default/files/2024-02/K%C3%B8benhavns%20Kommunes%20Digitaliseringsstrategi%202024-2027.pdf" TargetMode="External"/><Relationship Id="rId7" Type="http://schemas.openxmlformats.org/officeDocument/2006/relationships/hyperlink" Target="https://www.bankdata.dk/" TargetMode="External"/><Relationship Id="rId2" Type="http://schemas.openxmlformats.org/officeDocument/2006/relationships/notesSlide" Target="../notesSlides/notesSlide36.xml"/><Relationship Id="rId1" Type="http://schemas.openxmlformats.org/officeDocument/2006/relationships/slideLayout" Target="../slideLayouts/slideLayout9.xml"/><Relationship Id="rId6" Type="http://schemas.openxmlformats.org/officeDocument/2006/relationships/hyperlink" Target="https://www.dst.dk/en/Statistik/temaer/digitalisering" TargetMode="External"/><Relationship Id="rId5" Type="http://schemas.openxmlformats.org/officeDocument/2006/relationships/hyperlink" Target="https://www.eiopa.europa.eu/publications/dora-oversight-guide_en" TargetMode="External"/><Relationship Id="rId4" Type="http://schemas.openxmlformats.org/officeDocument/2006/relationships/hyperlink" Target="https://www.finanstilsynet.dk/tal-og-fakta/statistik/statistik-om-sektoren/2025/jul/hovedtal-fra-finanstilsynet-2024" TargetMode="External"/><Relationship Id="rId9" Type="http://schemas.openxmlformats.org/officeDocument/2006/relationships/hyperlink" Target="https://www.kl.dk/oekonomi-og-administration/oekonomi-og-styring/omstilling-og-udvikling/nyhedsbrevet-raaderum/2018/nr-4/os2-samarbejdet-skaber-vaerdi-via-en-ny-model-for-udvikling-af-digitale-loesninger" TargetMode="External"/></Relationships>
</file>

<file path=ppt/slides/_rels/slide5.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2.xml"/><Relationship Id="rId1" Type="http://schemas.openxmlformats.org/officeDocument/2006/relationships/slideLayout" Target="../slideLayouts/slideLayout29.xml"/><Relationship Id="rId6" Type="http://schemas.openxmlformats.org/officeDocument/2006/relationships/image" Target="../media/image23.png"/><Relationship Id="rId5" Type="http://schemas.openxmlformats.org/officeDocument/2006/relationships/image" Target="../media/image22.png"/><Relationship Id="rId4" Type="http://schemas.openxmlformats.org/officeDocument/2006/relationships/image" Target="../media/image21.png"/></Relationships>
</file>

<file path=ppt/slides/_rels/slide50.xml.rels><?xml version="1.0" encoding="UTF-8" standalone="yes"?>
<Relationships xmlns="http://schemas.openxmlformats.org/package/2006/relationships"><Relationship Id="rId2" Type="http://schemas.openxmlformats.org/officeDocument/2006/relationships/notesSlide" Target="../notesSlides/notesSlide37.xml"/><Relationship Id="rId1" Type="http://schemas.openxmlformats.org/officeDocument/2006/relationships/slideLayout" Target="../slideLayouts/slideLayout9.xml"/></Relationships>
</file>

<file path=ppt/slides/_rels/slide51.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image" Target="../media/image58.svg"/><Relationship Id="rId5" Type="http://schemas.openxmlformats.org/officeDocument/2006/relationships/image" Target="../media/image57.png"/><Relationship Id="rId4" Type="http://schemas.openxmlformats.org/officeDocument/2006/relationships/notesSlide" Target="../notesSlides/notesSlide38.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9.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9.xml"/></Relationships>
</file>

<file path=ppt/slides/_rels/slide8.xml.rels><?xml version="1.0" encoding="UTF-8" standalone="yes"?>
<Relationships xmlns="http://schemas.openxmlformats.org/package/2006/relationships"><Relationship Id="rId8" Type="http://schemas.openxmlformats.org/officeDocument/2006/relationships/image" Target="../media/image29.png"/><Relationship Id="rId13" Type="http://schemas.openxmlformats.org/officeDocument/2006/relationships/image" Target="../media/image34.svg"/><Relationship Id="rId18" Type="http://schemas.openxmlformats.org/officeDocument/2006/relationships/image" Target="../media/image39.png"/><Relationship Id="rId3" Type="http://schemas.openxmlformats.org/officeDocument/2006/relationships/image" Target="../media/image24.png"/><Relationship Id="rId21" Type="http://schemas.openxmlformats.org/officeDocument/2006/relationships/image" Target="../media/image42.svg"/><Relationship Id="rId7" Type="http://schemas.openxmlformats.org/officeDocument/2006/relationships/image" Target="../media/image28.svg"/><Relationship Id="rId12" Type="http://schemas.openxmlformats.org/officeDocument/2006/relationships/image" Target="../media/image33.png"/><Relationship Id="rId17" Type="http://schemas.openxmlformats.org/officeDocument/2006/relationships/image" Target="../media/image38.svg"/><Relationship Id="rId2" Type="http://schemas.openxmlformats.org/officeDocument/2006/relationships/notesSlide" Target="../notesSlides/notesSlide4.xml"/><Relationship Id="rId16" Type="http://schemas.openxmlformats.org/officeDocument/2006/relationships/image" Target="../media/image37.png"/><Relationship Id="rId20" Type="http://schemas.openxmlformats.org/officeDocument/2006/relationships/image" Target="../media/image41.png"/><Relationship Id="rId1" Type="http://schemas.openxmlformats.org/officeDocument/2006/relationships/slideLayout" Target="../slideLayouts/slideLayout9.xml"/><Relationship Id="rId6" Type="http://schemas.openxmlformats.org/officeDocument/2006/relationships/image" Target="../media/image27.png"/><Relationship Id="rId11" Type="http://schemas.openxmlformats.org/officeDocument/2006/relationships/image" Target="../media/image32.svg"/><Relationship Id="rId5" Type="http://schemas.openxmlformats.org/officeDocument/2006/relationships/image" Target="../media/image26.svg"/><Relationship Id="rId15" Type="http://schemas.openxmlformats.org/officeDocument/2006/relationships/image" Target="../media/image36.svg"/><Relationship Id="rId10" Type="http://schemas.openxmlformats.org/officeDocument/2006/relationships/image" Target="../media/image31.png"/><Relationship Id="rId19" Type="http://schemas.openxmlformats.org/officeDocument/2006/relationships/image" Target="../media/image40.svg"/><Relationship Id="rId4" Type="http://schemas.openxmlformats.org/officeDocument/2006/relationships/image" Target="../media/image25.png"/><Relationship Id="rId9" Type="http://schemas.openxmlformats.org/officeDocument/2006/relationships/image" Target="../media/image30.svg"/><Relationship Id="rId14" Type="http://schemas.openxmlformats.org/officeDocument/2006/relationships/image" Target="../media/image35.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19AF20-1870-5823-C65F-7E038E2DD012}"/>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8B75F48-B2FB-168D-D0F8-56D51106C2B6}"/>
              </a:ext>
            </a:extLst>
          </p:cNvPr>
          <p:cNvSpPr>
            <a:spLocks noGrp="1"/>
          </p:cNvSpPr>
          <p:nvPr>
            <p:ph type="title" idx="4294967295"/>
          </p:nvPr>
        </p:nvSpPr>
        <p:spPr>
          <a:xfrm>
            <a:off x="547688" y="696913"/>
            <a:ext cx="5329237" cy="2660650"/>
          </a:xfrm>
          <a:prstGeom prst="rect">
            <a:avLst/>
          </a:prstGeom>
          <a:noFill/>
          <a:ln>
            <a:noFill/>
            <a:prstDash/>
          </a:ln>
          <a:effectLst/>
        </p:spPr>
        <p:txBody>
          <a:bodyPr rot="0" spcFirstLastPara="0" vertOverflow="overflow" horzOverflow="overflow" vert="horz" wrap="square" lIns="0" tIns="0" rIns="0" bIns="0" numCol="1" spcCol="0" rtlCol="0" fromWordArt="0" anchor="b" anchorCtr="0" forceAA="0" compatLnSpc="1">
            <a:prstTxWarp prst="textNoShape">
              <a:avLst/>
            </a:prstTxWarp>
            <a:noAutofit/>
          </a:bodyPr>
          <a:lstStyle/>
          <a:p>
            <a:pPr marL="0" marR="0" lvl="0" indent="0" algn="l" defTabSz="1039307" rtl="0" eaLnBrk="1" fontAlgn="auto" latinLnBrk="0" hangingPunct="1">
              <a:lnSpc>
                <a:spcPct val="100000"/>
              </a:lnSpc>
              <a:spcBef>
                <a:spcPct val="0"/>
              </a:spcBef>
              <a:spcAft>
                <a:spcPts val="0"/>
              </a:spcAft>
              <a:buClrTx/>
              <a:buSzTx/>
              <a:buFont typeface="Arial" panose="020B0604020202020204" pitchFamily="34" charset="0"/>
              <a:buNone/>
              <a:tabLst>
                <a:tab pos="0" algn="l"/>
                <a:tab pos="2874963" algn="l"/>
              </a:tabLst>
              <a:defRPr/>
            </a:pPr>
            <a:r>
              <a:rPr kumimoji="0" lang="da-DK" sz="4400" b="0" i="0" u="none" strike="noStrike" kern="1200" cap="none" spc="0" normalizeH="0" baseline="0" noProof="0" dirty="0">
                <a:ln>
                  <a:noFill/>
                </a:ln>
                <a:solidFill>
                  <a:schemeClr val="accent1"/>
                </a:solidFill>
                <a:effectLst/>
                <a:uLnTx/>
                <a:uFillTx/>
                <a:latin typeface="+mj-lt"/>
                <a:ea typeface="+mj-ea"/>
                <a:cs typeface="+mj-cs"/>
              </a:rPr>
              <a:t>Digital suverænitet i den offentlige sektor </a:t>
            </a:r>
          </a:p>
        </p:txBody>
      </p:sp>
      <p:sp>
        <p:nvSpPr>
          <p:cNvPr id="4" name="Text Placeholder 3">
            <a:extLst>
              <a:ext uri="{FF2B5EF4-FFF2-40B4-BE49-F238E27FC236}">
                <a16:creationId xmlns:a16="http://schemas.microsoft.com/office/drawing/2014/main" id="{662DFD54-E323-615C-FCAF-4714FEC6FBB1}"/>
              </a:ext>
            </a:extLst>
          </p:cNvPr>
          <p:cNvSpPr>
            <a:spLocks noGrp="1"/>
          </p:cNvSpPr>
          <p:nvPr>
            <p:ph type="body" sz="quarter" idx="20"/>
          </p:nvPr>
        </p:nvSpPr>
        <p:spPr/>
        <p:txBody>
          <a:bodyPr vert="horz" lIns="0" tIns="0" rIns="0" bIns="0" rtlCol="0" anchor="t">
            <a:noAutofit/>
          </a:bodyPr>
          <a:lstStyle/>
          <a:p>
            <a:r>
              <a:rPr lang="da-DK" sz="1800" noProof="0" dirty="0"/>
              <a:t>Sammenfattende analyse af erfaringer og indsigter fra ind- og udland</a:t>
            </a:r>
          </a:p>
          <a:p>
            <a:r>
              <a:rPr lang="da-DK" sz="1400" noProof="0" dirty="0"/>
              <a:t>Januar 2026</a:t>
            </a:r>
          </a:p>
          <a:p>
            <a:endParaRPr lang="da-DK" noProof="0" dirty="0"/>
          </a:p>
        </p:txBody>
      </p:sp>
      <p:pic>
        <p:nvPicPr>
          <p:cNvPr id="18" name="Picture Placeholder 7">
            <a:extLst>
              <a:ext uri="{FF2B5EF4-FFF2-40B4-BE49-F238E27FC236}">
                <a16:creationId xmlns:a16="http://schemas.microsoft.com/office/drawing/2014/main" id="{D3EED02B-94D1-D293-11F2-2673F0B7EB44}"/>
              </a:ext>
              <a:ext uri="{C183D7F6-B498-43B3-948B-1728B52AA6E4}">
                <adec:decorative xmlns:adec="http://schemas.microsoft.com/office/drawing/2017/decorative" val="1"/>
              </a:ext>
            </a:extLst>
          </p:cNvPr>
          <p:cNvPicPr>
            <a:picLocks noGrp="1" noChangeAspect="1"/>
          </p:cNvPicPr>
          <p:nvPr>
            <p:ph type="pic" sz="quarter" idx="22"/>
            <p:custDataLst>
              <p:tags r:id="rId3"/>
            </p:custDataLst>
          </p:nvPr>
        </p:nvPicPr>
        <p:blipFill>
          <a:blip r:embed="rId7" cstate="print">
            <a:extLst>
              <a:ext uri="{28A0092B-C50C-407E-A947-70E740481C1C}">
                <a14:useLocalDpi xmlns:a14="http://schemas.microsoft.com/office/drawing/2010/main" val="0"/>
              </a:ext>
            </a:extLst>
          </a:blip>
          <a:srcRect l="16622" r="16622"/>
          <a:stretch/>
        </p:blipFill>
        <p:spPr>
          <a:xfrm>
            <a:off x="6169025" y="2566988"/>
            <a:ext cx="3600452" cy="3600441"/>
          </a:xfrm>
        </p:spPr>
      </p:pic>
      <p:pic>
        <p:nvPicPr>
          <p:cNvPr id="7" name="Picture Placeholder 5">
            <a:extLst>
              <a:ext uri="{FF2B5EF4-FFF2-40B4-BE49-F238E27FC236}">
                <a16:creationId xmlns:a16="http://schemas.microsoft.com/office/drawing/2014/main" id="{7AB60346-3657-CE23-0A55-6BBB0C08FA82}"/>
              </a:ext>
              <a:ext uri="{C183D7F6-B498-43B3-948B-1728B52AA6E4}">
                <adec:decorative xmlns:adec="http://schemas.microsoft.com/office/drawing/2017/decorative" val="1"/>
              </a:ext>
            </a:extLst>
          </p:cNvPr>
          <p:cNvPicPr>
            <a:picLocks noGrp="1" noChangeAspect="1"/>
          </p:cNvPicPr>
          <p:nvPr>
            <p:ph type="pic" sz="quarter" idx="23"/>
            <p:custDataLst>
              <p:tags r:id="rId4"/>
            </p:custDataLst>
          </p:nvPr>
        </p:nvPicPr>
        <p:blipFill>
          <a:blip r:embed="rId8" cstate="print">
            <a:extLst>
              <a:ext uri="{28A0092B-C50C-407E-A947-70E740481C1C}">
                <a14:useLocalDpi xmlns:a14="http://schemas.microsoft.com/office/drawing/2010/main" val="0"/>
              </a:ext>
            </a:extLst>
          </a:blip>
          <a:srcRect t="13074" b="13074"/>
          <a:stretch/>
        </p:blipFill>
        <p:spPr>
          <a:xfrm>
            <a:off x="9913938" y="2566988"/>
            <a:ext cx="1728788" cy="1720162"/>
          </a:xfrm>
        </p:spPr>
      </p:pic>
      <p:pic>
        <p:nvPicPr>
          <p:cNvPr id="14" name="Picture Placeholder 6">
            <a:extLst>
              <a:ext uri="{FF2B5EF4-FFF2-40B4-BE49-F238E27FC236}">
                <a16:creationId xmlns:a16="http://schemas.microsoft.com/office/drawing/2014/main" id="{1370F170-8E42-17FF-13DC-765169343850}"/>
              </a:ext>
              <a:ext uri="{C183D7F6-B498-43B3-948B-1728B52AA6E4}">
                <adec:decorative xmlns:adec="http://schemas.microsoft.com/office/drawing/2017/decorative" val="1"/>
              </a:ext>
            </a:extLst>
          </p:cNvPr>
          <p:cNvPicPr>
            <a:picLocks noGrp="1" noChangeAspect="1"/>
          </p:cNvPicPr>
          <p:nvPr>
            <p:ph type="pic" sz="quarter" idx="21"/>
            <p:custDataLst>
              <p:tags r:id="rId5"/>
            </p:custDataLst>
          </p:nvPr>
        </p:nvPicPr>
        <p:blipFill>
          <a:blip r:embed="rId9" cstate="print">
            <a:extLst>
              <a:ext uri="{28A0092B-C50C-407E-A947-70E740481C1C}">
                <a14:useLocalDpi xmlns:a14="http://schemas.microsoft.com/office/drawing/2010/main" val="0"/>
              </a:ext>
            </a:extLst>
          </a:blip>
          <a:srcRect l="16600" r="16600"/>
          <a:stretch/>
        </p:blipFill>
        <p:spPr>
          <a:xfrm>
            <a:off x="6170613" y="695325"/>
            <a:ext cx="1728788" cy="1727464"/>
          </a:xfrm>
        </p:spPr>
      </p:pic>
    </p:spTree>
    <p:custDataLst>
      <p:custData r:id="rId1"/>
      <p:custData r:id="rId2"/>
    </p:custDataLst>
    <p:extLst>
      <p:ext uri="{BB962C8B-B14F-4D97-AF65-F5344CB8AC3E}">
        <p14:creationId xmlns:p14="http://schemas.microsoft.com/office/powerpoint/2010/main" val="4092013808"/>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DCAEA7-3FDD-35FA-182A-84E5D3DC1439}"/>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DBB822B8-0D31-48CF-A640-6A2F43BA1B55}"/>
              </a:ext>
            </a:extLst>
          </p:cNvPr>
          <p:cNvSpPr>
            <a:spLocks noGrp="1"/>
          </p:cNvSpPr>
          <p:nvPr>
            <p:ph type="body" sz="quarter" idx="23"/>
          </p:nvPr>
        </p:nvSpPr>
        <p:spPr/>
        <p:txBody>
          <a:bodyPr/>
          <a:lstStyle/>
          <a:p>
            <a:r>
              <a:rPr lang="da-DK" noProof="0" dirty="0">
                <a:solidFill>
                  <a:schemeClr val="accent2"/>
                </a:solidFill>
              </a:rPr>
              <a:t>02</a:t>
            </a:r>
          </a:p>
        </p:txBody>
      </p:sp>
      <p:sp>
        <p:nvSpPr>
          <p:cNvPr id="4" name="Text Placeholder 3">
            <a:extLst>
              <a:ext uri="{FF2B5EF4-FFF2-40B4-BE49-F238E27FC236}">
                <a16:creationId xmlns:a16="http://schemas.microsoft.com/office/drawing/2014/main" id="{196C90C8-644B-1C4B-3355-58CDD6831CF7}"/>
              </a:ext>
            </a:extLst>
          </p:cNvPr>
          <p:cNvSpPr>
            <a:spLocks noGrp="1"/>
          </p:cNvSpPr>
          <p:nvPr>
            <p:ph type="title" idx="4294967295"/>
          </p:nvPr>
        </p:nvSpPr>
        <p:spPr>
          <a:xfrm>
            <a:off x="558800" y="3646488"/>
            <a:ext cx="3487738" cy="2057400"/>
          </a:xfrm>
          <a:prstGeom prst="rect">
            <a:avLst/>
          </a:prstGeom>
          <a:noFill/>
          <a:ln>
            <a:noFill/>
            <a:prstDash/>
          </a:ln>
          <a:effectLst/>
        </p:spPr>
        <p:txBody>
          <a:bodyPr rot="0" spcFirstLastPara="0" vertOverflow="overflow" horzOverflow="overflow" vert="horz" wrap="square" lIns="0" tIns="144000" rIns="144000" bIns="144000" numCol="1" spcCol="0" rtlCol="0" fromWordArt="0" anchor="t" anchorCtr="0" forceAA="0" compatLnSpc="1">
            <a:prstTxWarp prst="textNoShape">
              <a:avLst/>
            </a:prstTxWarp>
            <a:noAutofit/>
          </a:body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da-DK" sz="2800" b="0" i="0" u="none" strike="noStrike" kern="1200" cap="none" spc="0" normalizeH="0" baseline="0" noProof="0" dirty="0">
                <a:ln>
                  <a:noFill/>
                </a:ln>
                <a:solidFill>
                  <a:schemeClr val="accent1"/>
                </a:solidFill>
                <a:effectLst/>
                <a:uLnTx/>
                <a:uFillTx/>
                <a:latin typeface="+mn-lt"/>
                <a:ea typeface="+mn-ea"/>
                <a:cs typeface="+mn-cs"/>
              </a:rPr>
              <a:t>Udfordringsbillede</a:t>
            </a:r>
          </a:p>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da-DK" sz="1400" b="0" i="0" u="none" strike="noStrike" kern="1200" cap="none" spc="0" normalizeH="0" baseline="0" noProof="0" dirty="0">
                <a:ln>
                  <a:noFill/>
                </a:ln>
                <a:solidFill>
                  <a:schemeClr val="accent1"/>
                </a:solidFill>
                <a:effectLst/>
                <a:uLnTx/>
                <a:uFillTx/>
                <a:latin typeface="+mn-lt"/>
                <a:ea typeface="+mn-ea"/>
                <a:cs typeface="+mn-cs"/>
              </a:rPr>
              <a:t>Dette kapitel beskriver et samlet udfordringsbillede, </a:t>
            </a:r>
            <a:r>
              <a:rPr kumimoji="0" lang="da-DK" sz="1400" b="0" i="0" u="none" strike="noStrike" kern="1200" cap="none" spc="0" normalizeH="0" baseline="0" noProof="0" dirty="0">
                <a:ln>
                  <a:noFill/>
                </a:ln>
                <a:solidFill>
                  <a:schemeClr val="tx1"/>
                </a:solidFill>
                <a:effectLst/>
                <a:uLnTx/>
                <a:uFillTx/>
                <a:latin typeface="+mn-lt"/>
                <a:ea typeface="+mn-ea"/>
                <a:cs typeface="+mn-cs"/>
              </a:rPr>
              <a:t>som driver behovet for en øget grad af digital suverænitet hos danske myndigheder.</a:t>
            </a:r>
            <a:r>
              <a:rPr kumimoji="0" lang="da-DK" sz="1400" b="0" i="0" u="none" strike="noStrike" kern="1200" cap="none" spc="0" normalizeH="0" baseline="0" noProof="0" dirty="0">
                <a:ln>
                  <a:noFill/>
                </a:ln>
                <a:solidFill>
                  <a:schemeClr val="accent1"/>
                </a:solidFill>
                <a:effectLst/>
                <a:uLnTx/>
                <a:uFillTx/>
                <a:latin typeface="+mn-lt"/>
                <a:ea typeface="+mn-ea"/>
                <a:cs typeface="+mn-cs"/>
              </a:rPr>
              <a:t> </a:t>
            </a:r>
          </a:p>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da-DK" sz="1400" b="0" i="0" u="none" strike="noStrike" kern="1200" cap="none" spc="0" normalizeH="0" baseline="0" noProof="0" dirty="0">
                <a:ln>
                  <a:noFill/>
                </a:ln>
                <a:solidFill>
                  <a:schemeClr val="accent1"/>
                </a:solidFill>
                <a:effectLst/>
                <a:uLnTx/>
                <a:uFillTx/>
                <a:latin typeface="+mn-lt"/>
                <a:ea typeface="+mn-ea"/>
                <a:cs typeface="+mn-cs"/>
              </a:rPr>
              <a:t> </a:t>
            </a:r>
          </a:p>
        </p:txBody>
      </p:sp>
      <p:sp>
        <p:nvSpPr>
          <p:cNvPr id="6" name="Diagonal Stripe 5">
            <a:extLst>
              <a:ext uri="{FF2B5EF4-FFF2-40B4-BE49-F238E27FC236}">
                <a16:creationId xmlns:a16="http://schemas.microsoft.com/office/drawing/2014/main" id="{9C734526-D3F8-6308-FFF0-B344E187B8C5}"/>
              </a:ext>
              <a:ext uri="{C183D7F6-B498-43B3-948B-1728B52AA6E4}">
                <adec:decorative xmlns:adec="http://schemas.microsoft.com/office/drawing/2017/decorative" val="1"/>
              </a:ext>
            </a:extLst>
          </p:cNvPr>
          <p:cNvSpPr/>
          <p:nvPr/>
        </p:nvSpPr>
        <p:spPr>
          <a:xfrm flipH="1">
            <a:off x="9735754" y="0"/>
            <a:ext cx="2459421" cy="1240221"/>
          </a:xfrm>
          <a:prstGeom prst="diagStripe">
            <a:avLst>
              <a:gd name="adj" fmla="val 55085"/>
            </a:avLst>
          </a:prstGeom>
          <a:solidFill>
            <a:srgbClr val="FFE18E"/>
          </a:solidFill>
          <a:ln>
            <a:solidFill>
              <a:srgbClr val="FFC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200" b="1" noProof="0">
                <a:solidFill>
                  <a:schemeClr val="tx1"/>
                </a:solidFill>
              </a:rPr>
              <a:t>UDKAST</a:t>
            </a:r>
          </a:p>
        </p:txBody>
      </p:sp>
      <p:pic>
        <p:nvPicPr>
          <p:cNvPr id="15" name="Picture Placeholder 14">
            <a:extLst>
              <a:ext uri="{FF2B5EF4-FFF2-40B4-BE49-F238E27FC236}">
                <a16:creationId xmlns:a16="http://schemas.microsoft.com/office/drawing/2014/main" id="{A0F67DB2-D7B6-FE68-0B4E-3224D689170F}"/>
              </a:ext>
              <a:ext uri="{C183D7F6-B498-43B3-948B-1728B52AA6E4}">
                <adec:decorative xmlns:adec="http://schemas.microsoft.com/office/drawing/2017/decorative" val="1"/>
              </a:ext>
            </a:extLst>
          </p:cNvPr>
          <p:cNvPicPr>
            <a:picLocks noGrp="1" noChangeAspect="1"/>
          </p:cNvPicPr>
          <p:nvPr>
            <p:ph type="pic" sz="quarter" idx="24"/>
          </p:nvPr>
        </p:nvPicPr>
        <p:blipFill>
          <a:blip r:embed="rId2">
            <a:extLst>
              <a:ext uri="{28A0092B-C50C-407E-A947-70E740481C1C}">
                <a14:useLocalDpi xmlns:a14="http://schemas.microsoft.com/office/drawing/2010/main" val="0"/>
              </a:ext>
            </a:extLst>
          </a:blip>
          <a:srcRect l="11575" r="11575"/>
          <a:stretch>
            <a:fillRect/>
          </a:stretch>
        </p:blipFill>
        <p:spPr/>
      </p:pic>
    </p:spTree>
    <p:extLst>
      <p:ext uri="{BB962C8B-B14F-4D97-AF65-F5344CB8AC3E}">
        <p14:creationId xmlns:p14="http://schemas.microsoft.com/office/powerpoint/2010/main" val="3326234393"/>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F18CCD4-C482-7FC1-77C0-5021BEBBEAA2}"/>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7CEAFFA3-B482-4BAB-D52F-301F03367FB4}"/>
              </a:ext>
            </a:extLst>
          </p:cNvPr>
          <p:cNvSpPr>
            <a:spLocks noGrp="1"/>
          </p:cNvSpPr>
          <p:nvPr>
            <p:ph type="title"/>
          </p:nvPr>
        </p:nvSpPr>
        <p:spPr/>
        <p:txBody>
          <a:bodyPr/>
          <a:lstStyle/>
          <a:p>
            <a:r>
              <a:rPr lang="da-DK" sz="2200" noProof="0" dirty="0"/>
              <a:t>Introduktion til kapitel om udfordringsbillede</a:t>
            </a:r>
          </a:p>
        </p:txBody>
      </p:sp>
      <p:sp>
        <p:nvSpPr>
          <p:cNvPr id="51" name="TextBox 50">
            <a:extLst>
              <a:ext uri="{FF2B5EF4-FFF2-40B4-BE49-F238E27FC236}">
                <a16:creationId xmlns:a16="http://schemas.microsoft.com/office/drawing/2014/main" id="{0B98FDA1-4D85-7908-A359-084007D3A1A3}"/>
              </a:ext>
            </a:extLst>
          </p:cNvPr>
          <p:cNvSpPr txBox="1"/>
          <p:nvPr/>
        </p:nvSpPr>
        <p:spPr>
          <a:xfrm>
            <a:off x="554354" y="1547581"/>
            <a:ext cx="11118721" cy="646331"/>
          </a:xfrm>
          <a:prstGeom prst="rect">
            <a:avLst/>
          </a:prstGeom>
          <a:noFill/>
        </p:spPr>
        <p:txBody>
          <a:bodyPr wrap="square" lIns="0" rIns="0">
            <a:spAutoFit/>
          </a:bodyPr>
          <a:lstStyle/>
          <a:p>
            <a:r>
              <a:rPr lang="da-DK" sz="1200" b="1" noProof="0" dirty="0">
                <a:solidFill>
                  <a:schemeClr val="accent3"/>
                </a:solidFill>
              </a:rPr>
              <a:t>I dette kapitel præsenteres fire kerneudfordringer, som driver behovet for en øget grad af digital suverænitet hos danske myndigheder. Først præsenteres de fire udfordringer i en samlet oversigt, hvorefter udfordringerne bliver uddybet enkeltvis. Opstillingen er udtryk for </a:t>
            </a:r>
            <a:r>
              <a:rPr lang="da-DK" sz="1200" b="1" noProof="0" dirty="0" err="1">
                <a:solidFill>
                  <a:schemeClr val="accent3"/>
                </a:solidFill>
              </a:rPr>
              <a:t>PA’s</a:t>
            </a:r>
            <a:r>
              <a:rPr lang="da-DK" sz="1200" b="1" noProof="0" dirty="0">
                <a:solidFill>
                  <a:schemeClr val="accent3"/>
                </a:solidFill>
              </a:rPr>
              <a:t> faglige vurdering og baseret på gennemført </a:t>
            </a:r>
            <a:r>
              <a:rPr lang="da-DK" sz="1200" b="1" noProof="0" dirty="0" err="1">
                <a:solidFill>
                  <a:schemeClr val="accent3"/>
                </a:solidFill>
              </a:rPr>
              <a:t>desk</a:t>
            </a:r>
            <a:r>
              <a:rPr lang="da-DK" sz="1200" b="1" noProof="0" dirty="0">
                <a:solidFill>
                  <a:schemeClr val="accent3"/>
                </a:solidFill>
              </a:rPr>
              <a:t> research som led i analysearbejdet samt validering via interviews med </a:t>
            </a:r>
            <a:r>
              <a:rPr lang="da-DK" sz="1200" b="1" noProof="0" dirty="0" err="1">
                <a:solidFill>
                  <a:schemeClr val="accent3"/>
                </a:solidFill>
              </a:rPr>
              <a:t>videnspersoner</a:t>
            </a:r>
            <a:r>
              <a:rPr lang="da-DK" sz="1200" b="1" noProof="0" dirty="0">
                <a:solidFill>
                  <a:schemeClr val="accent3"/>
                </a:solidFill>
              </a:rPr>
              <a:t>. </a:t>
            </a:r>
          </a:p>
        </p:txBody>
      </p:sp>
      <p:sp>
        <p:nvSpPr>
          <p:cNvPr id="7" name="Round Same-side Corner of Rectangle 6">
            <a:extLst>
              <a:ext uri="{FF2B5EF4-FFF2-40B4-BE49-F238E27FC236}">
                <a16:creationId xmlns:a16="http://schemas.microsoft.com/office/drawing/2014/main" id="{468CFDCD-16A2-1D4B-C96C-0554B4C9615D}"/>
              </a:ext>
            </a:extLst>
          </p:cNvPr>
          <p:cNvSpPr/>
          <p:nvPr/>
        </p:nvSpPr>
        <p:spPr>
          <a:xfrm>
            <a:off x="552449" y="2251597"/>
            <a:ext cx="5304653" cy="422005"/>
          </a:xfrm>
          <a:prstGeom prst="round2Same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solidFill>
                  <a:schemeClr val="bg1"/>
                </a:solidFill>
              </a:rPr>
              <a:t>Datagrundlag og forudsætninger</a:t>
            </a:r>
          </a:p>
        </p:txBody>
      </p:sp>
      <p:sp>
        <p:nvSpPr>
          <p:cNvPr id="8" name="Rectangle 7">
            <a:extLst>
              <a:ext uri="{FF2B5EF4-FFF2-40B4-BE49-F238E27FC236}">
                <a16:creationId xmlns:a16="http://schemas.microsoft.com/office/drawing/2014/main" id="{8CBCE4F8-5CD4-B4F1-5503-89181C68CF1F}"/>
              </a:ext>
            </a:extLst>
          </p:cNvPr>
          <p:cNvSpPr/>
          <p:nvPr/>
        </p:nvSpPr>
        <p:spPr>
          <a:xfrm>
            <a:off x="552449" y="2673601"/>
            <a:ext cx="5304653" cy="32425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108000" rIns="91440" bIns="45720" rtlCol="0" anchor="t"/>
          <a:lstStyle/>
          <a:p>
            <a:pPr marL="171450" indent="-171450">
              <a:buFont typeface="Arial" panose="020B0604020202020204" pitchFamily="34" charset="0"/>
              <a:buChar char="•"/>
            </a:pPr>
            <a:r>
              <a:rPr lang="da-DK" sz="1100" noProof="0" dirty="0">
                <a:solidFill>
                  <a:schemeClr val="tx1"/>
                </a:solidFill>
              </a:rPr>
              <a:t>Udfordringsbilledet er baseret på </a:t>
            </a:r>
            <a:r>
              <a:rPr lang="da-DK" sz="1100" noProof="0" dirty="0" err="1">
                <a:solidFill>
                  <a:schemeClr val="tx1"/>
                </a:solidFill>
              </a:rPr>
              <a:t>desk</a:t>
            </a:r>
            <a:r>
              <a:rPr lang="da-DK" sz="1100" noProof="0" dirty="0">
                <a:solidFill>
                  <a:schemeClr val="tx1"/>
                </a:solidFill>
              </a:rPr>
              <a:t> research af en lang række skriftlige datakilder og er blevet drøftet og valideret gennem +30 interviews med forskellige </a:t>
            </a:r>
            <a:r>
              <a:rPr lang="da-DK" sz="1100" noProof="0" dirty="0" err="1">
                <a:solidFill>
                  <a:schemeClr val="tx1"/>
                </a:solidFill>
              </a:rPr>
              <a:t>videnspersoner</a:t>
            </a:r>
            <a:r>
              <a:rPr lang="da-DK" sz="1100" noProof="0" dirty="0">
                <a:solidFill>
                  <a:schemeClr val="tx1"/>
                </a:solidFill>
              </a:rPr>
              <a:t> og organisationer i Danmark og i udlandet. </a:t>
            </a:r>
            <a:r>
              <a:rPr lang="da-DK" sz="1100" noProof="0" dirty="0" err="1">
                <a:solidFill>
                  <a:schemeClr val="tx1"/>
                </a:solidFill>
              </a:rPr>
              <a:t>Videnspersoner</a:t>
            </a:r>
            <a:r>
              <a:rPr lang="da-DK" sz="1100" noProof="0" dirty="0">
                <a:solidFill>
                  <a:schemeClr val="tx1"/>
                </a:solidFill>
              </a:rPr>
              <a:t> omfatter ledere og specialister fra offentlige myndigheder, interesseorganisationer, industri, tænketanke og forskning. </a:t>
            </a:r>
          </a:p>
          <a:p>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Se bilagsmateriale for en oversigt over skriftligt kildemateriale og interviewpersoner, som har været involveret i analysen.</a:t>
            </a: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Udfordringsbilledet udtrykker </a:t>
            </a:r>
            <a:r>
              <a:rPr lang="da-DK" sz="1100" noProof="0" dirty="0" err="1">
                <a:solidFill>
                  <a:schemeClr val="tx1"/>
                </a:solidFill>
              </a:rPr>
              <a:t>PA’s</a:t>
            </a:r>
            <a:r>
              <a:rPr lang="da-DK" sz="1100" noProof="0" dirty="0">
                <a:solidFill>
                  <a:schemeClr val="tx1"/>
                </a:solidFill>
              </a:rPr>
              <a:t> samlede vurdering af de vigtigste udfordringer set i kontekst af den danske offentlige sektor og den anvendte definition af digital suverænitet*. </a:t>
            </a: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endParaRPr lang="da-DK" sz="1100" noProof="0" dirty="0">
              <a:solidFill>
                <a:schemeClr val="tx1"/>
              </a:solidFill>
            </a:endParaRPr>
          </a:p>
        </p:txBody>
      </p:sp>
      <p:sp>
        <p:nvSpPr>
          <p:cNvPr id="10" name="Round Same-side Corner of Rectangle 9">
            <a:extLst>
              <a:ext uri="{FF2B5EF4-FFF2-40B4-BE49-F238E27FC236}">
                <a16:creationId xmlns:a16="http://schemas.microsoft.com/office/drawing/2014/main" id="{F4A004B5-26B0-F0C3-0180-9114D9D36CB5}"/>
              </a:ext>
            </a:extLst>
          </p:cNvPr>
          <p:cNvSpPr/>
          <p:nvPr/>
        </p:nvSpPr>
        <p:spPr>
          <a:xfrm>
            <a:off x="6372482" y="2251597"/>
            <a:ext cx="5304653" cy="422005"/>
          </a:xfrm>
          <a:prstGeom prst="round2Same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solidFill>
                  <a:schemeClr val="bg1"/>
                </a:solidFill>
              </a:rPr>
              <a:t>Tilgang til opstilling af udfordringsbillede</a:t>
            </a:r>
          </a:p>
        </p:txBody>
      </p:sp>
      <p:sp>
        <p:nvSpPr>
          <p:cNvPr id="11" name="Rectangle 10">
            <a:extLst>
              <a:ext uri="{FF2B5EF4-FFF2-40B4-BE49-F238E27FC236}">
                <a16:creationId xmlns:a16="http://schemas.microsoft.com/office/drawing/2014/main" id="{9AE60FA6-98B2-939D-EDFB-57FF5248BB0B}"/>
              </a:ext>
            </a:extLst>
          </p:cNvPr>
          <p:cNvSpPr/>
          <p:nvPr/>
        </p:nvSpPr>
        <p:spPr>
          <a:xfrm>
            <a:off x="6372482" y="2673601"/>
            <a:ext cx="5304653" cy="32425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108000" rIns="91440" bIns="45720" rtlCol="0" anchor="t"/>
          <a:lstStyle/>
          <a:p>
            <a:pPr marL="171450" indent="-171450">
              <a:buFont typeface="Arial" panose="020B0604020202020204" pitchFamily="34" charset="0"/>
              <a:buChar char="•"/>
            </a:pPr>
            <a:r>
              <a:rPr lang="da-DK" sz="1100" noProof="0" dirty="0">
                <a:solidFill>
                  <a:schemeClr val="tx1"/>
                </a:solidFill>
              </a:rPr>
              <a:t>På den følgende side præsenteres de fire </a:t>
            </a:r>
            <a:r>
              <a:rPr lang="da-DK" sz="1100" noProof="0" dirty="0" err="1">
                <a:solidFill>
                  <a:schemeClr val="tx1"/>
                </a:solidFill>
              </a:rPr>
              <a:t>hovedudfodringer</a:t>
            </a:r>
            <a:r>
              <a:rPr lang="da-DK" sz="1100" noProof="0" dirty="0">
                <a:solidFill>
                  <a:schemeClr val="tx1"/>
                </a:solidFill>
              </a:rPr>
              <a:t> i en samlet oversigt. </a:t>
            </a: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Herefter udbydes hver hovedudfordring på en side med fokus på:</a:t>
            </a:r>
          </a:p>
          <a:p>
            <a:pPr marL="358775" lvl="1" indent="-180975">
              <a:buClr>
                <a:srgbClr val="EE2F66"/>
              </a:buClr>
              <a:buFont typeface="Arial" panose="020B0604020202020204" pitchFamily="34" charset="0"/>
              <a:buChar char="•"/>
            </a:pPr>
            <a:r>
              <a:rPr lang="da-DK" sz="1100" noProof="0" dirty="0">
                <a:solidFill>
                  <a:schemeClr val="tx1"/>
                </a:solidFill>
              </a:rPr>
              <a:t>En kort beskrivelse af den faktiske situation</a:t>
            </a:r>
          </a:p>
          <a:p>
            <a:pPr marL="358775" lvl="1" indent="-180975">
              <a:buClr>
                <a:srgbClr val="EE2F66"/>
              </a:buClr>
              <a:buFont typeface="Arial" panose="020B0604020202020204" pitchFamily="34" charset="0"/>
              <a:buChar char="•"/>
            </a:pPr>
            <a:r>
              <a:rPr lang="da-DK" sz="1100" noProof="0" dirty="0">
                <a:solidFill>
                  <a:schemeClr val="tx1"/>
                </a:solidFill>
                <a:cs typeface="Arial" panose="020B0604020202020204"/>
              </a:rPr>
              <a:t>En opsummering af de vigtigste problemer</a:t>
            </a:r>
          </a:p>
          <a:p>
            <a:pPr marL="358775" lvl="1" indent="-180975">
              <a:buClr>
                <a:srgbClr val="EE2F66"/>
              </a:buClr>
              <a:buFont typeface="Arial" panose="020B0604020202020204" pitchFamily="34" charset="0"/>
              <a:buChar char="•"/>
            </a:pPr>
            <a:r>
              <a:rPr lang="da-DK" sz="1100" noProof="0" dirty="0">
                <a:solidFill>
                  <a:schemeClr val="tx1"/>
                </a:solidFill>
                <a:cs typeface="Arial" panose="020B0604020202020204"/>
              </a:rPr>
              <a:t>En kort beskrivelse af de vigtigste strukturelle barrierer, som er med til at forklare de forhold, der gør det vanskeligt at håndtere udfordringen</a:t>
            </a:r>
          </a:p>
          <a:p>
            <a:pPr marL="177800" lvl="1">
              <a:buClr>
                <a:srgbClr val="EE2F66"/>
              </a:buClr>
            </a:pPr>
            <a:endParaRPr lang="da-DK" sz="1100" noProof="0" dirty="0">
              <a:solidFill>
                <a:schemeClr val="tx1"/>
              </a:solidFill>
              <a:highlight>
                <a:srgbClr val="FFFF00"/>
              </a:highlight>
            </a:endParaRPr>
          </a:p>
          <a:p>
            <a:pPr marL="171450" indent="-171450" fontAlgn="base">
              <a:spcBef>
                <a:spcPct val="0"/>
              </a:spcBef>
              <a:spcAft>
                <a:spcPct val="0"/>
              </a:spcAft>
              <a:buFont typeface="Arial" panose="020B0604020202020204" pitchFamily="34" charset="0"/>
              <a:buChar char="•"/>
            </a:pPr>
            <a:r>
              <a:rPr lang="da-DK" sz="1100" noProof="0" dirty="0">
                <a:solidFill>
                  <a:schemeClr val="tx1"/>
                </a:solidFill>
              </a:rPr>
              <a:t>Kapitlet afrundes med en oversigt med eksempler på, hvordan kerneudfordringerne kommer til udtryk på forskellige måder i de forskellige lag i teknologistakken. Der gives også eksempler på afhængigheder mellem de forskellige teknologilag for at vise, at det kan være svært at afgrænse udfordringer til et bestemt sted i stakken.</a:t>
            </a:r>
          </a:p>
          <a:p>
            <a:pPr marL="171450" indent="-171450" fontAlgn="base">
              <a:spcBef>
                <a:spcPct val="0"/>
              </a:spcBef>
              <a:spcAft>
                <a:spcPct val="0"/>
              </a:spcAft>
              <a:buFont typeface="Arial" panose="020B0604020202020204" pitchFamily="34" charset="0"/>
              <a:buChar char="•"/>
            </a:pPr>
            <a:endParaRPr lang="da-DK" sz="1100" noProof="0" dirty="0">
              <a:solidFill>
                <a:schemeClr val="tx1"/>
              </a:solidFill>
              <a:highlight>
                <a:srgbClr val="FFFF00"/>
              </a:highlight>
              <a:cs typeface="Arial"/>
            </a:endParaRPr>
          </a:p>
          <a:p>
            <a:pPr marL="171450" indent="-171450" fontAlgn="base">
              <a:spcBef>
                <a:spcPct val="0"/>
              </a:spcBef>
              <a:spcAft>
                <a:spcPct val="0"/>
              </a:spcAft>
              <a:buFont typeface="Arial" panose="020B0604020202020204" pitchFamily="34" charset="0"/>
              <a:buChar char="•"/>
            </a:pPr>
            <a:endParaRPr lang="da-DK" sz="1100" noProof="0" dirty="0">
              <a:solidFill>
                <a:schemeClr val="tx1"/>
              </a:solidFill>
              <a:highlight>
                <a:srgbClr val="FFFF00"/>
              </a:highlight>
              <a:cs typeface="Arial"/>
            </a:endParaRPr>
          </a:p>
          <a:p>
            <a:pPr fontAlgn="base">
              <a:spcBef>
                <a:spcPct val="0"/>
              </a:spcBef>
              <a:spcAft>
                <a:spcPct val="0"/>
              </a:spcAft>
            </a:pPr>
            <a:endParaRPr lang="da-DK" sz="1100" noProof="0" dirty="0">
              <a:solidFill>
                <a:schemeClr val="tx1"/>
              </a:solidFill>
              <a:highlight>
                <a:srgbClr val="FFFF00"/>
              </a:highlight>
              <a:cs typeface="Arial"/>
            </a:endParaRPr>
          </a:p>
        </p:txBody>
      </p:sp>
      <p:sp>
        <p:nvSpPr>
          <p:cNvPr id="12" name="Free-form: Shape 1">
            <a:extLst>
              <a:ext uri="{FF2B5EF4-FFF2-40B4-BE49-F238E27FC236}">
                <a16:creationId xmlns:a16="http://schemas.microsoft.com/office/drawing/2014/main" id="{9484FEC9-34CD-6464-EF84-6E12BDBA08AE}"/>
              </a:ext>
              <a:ext uri="{C183D7F6-B498-43B3-948B-1728B52AA6E4}">
                <adec:decorative xmlns:adec="http://schemas.microsoft.com/office/drawing/2017/decorative" val="1"/>
              </a:ext>
            </a:extLst>
          </p:cNvPr>
          <p:cNvSpPr>
            <a:spLocks noChangeAspect="1"/>
          </p:cNvSpPr>
          <p:nvPr/>
        </p:nvSpPr>
        <p:spPr>
          <a:xfrm>
            <a:off x="5990552" y="3872089"/>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EE2F66"/>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sp>
        <p:nvSpPr>
          <p:cNvPr id="13" name="Rectangle 12">
            <a:extLst>
              <a:ext uri="{FF2B5EF4-FFF2-40B4-BE49-F238E27FC236}">
                <a16:creationId xmlns:a16="http://schemas.microsoft.com/office/drawing/2014/main" id="{DDA152A7-A640-C031-571D-939C8148FA46}"/>
              </a:ext>
            </a:extLst>
          </p:cNvPr>
          <p:cNvSpPr/>
          <p:nvPr/>
        </p:nvSpPr>
        <p:spPr>
          <a:xfrm>
            <a:off x="552449" y="6286939"/>
            <a:ext cx="11120626" cy="8405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da-DK" sz="700" i="1" noProof="0" dirty="0">
                <a:solidFill>
                  <a:schemeClr val="tx1"/>
                </a:solidFill>
              </a:rPr>
              <a:t>*På tværs af den danske offentlige sektor oplever man i stigende grad udfordringer med den voksende afhængighed af digitale tjenester fra få, meget store udenlandske virksomheder og deres indflydelse på den digitale infrastruktur. De fællesoffentlige parter vil derfor analysere udvalgte myndigheders teknologivalg, fremme overblik over alternative udbydere og tjenester samt skabe øget markedspluralitet og konkurrence, der kan reducere leverandørafhængighed, økonomiske sårbarheder og støtte myndighedernes suverænitet over egne løsninger og data. Samtidig skal pilotforsøg i den offentlige sektor supplere arbejdet og bidrage med praktisk erfaringsopsamling på området med henblik på opfølgende aktiviteter (Digitaliseringsstrategien 2022-2025 (udarbejdet af Digitaliseringsstyrelsen, KL og Danske Regioner).</a:t>
            </a:r>
          </a:p>
          <a:p>
            <a:endParaRPr lang="da-DK" sz="700" i="1" noProof="0" dirty="0">
              <a:solidFill>
                <a:schemeClr val="tx1"/>
              </a:solidFill>
              <a:highlight>
                <a:srgbClr val="FFFF00"/>
              </a:highlight>
            </a:endParaRPr>
          </a:p>
        </p:txBody>
      </p:sp>
    </p:spTree>
    <p:extLst>
      <p:ext uri="{BB962C8B-B14F-4D97-AF65-F5344CB8AC3E}">
        <p14:creationId xmlns:p14="http://schemas.microsoft.com/office/powerpoint/2010/main" val="3213698071"/>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CD255D-AED7-5BDC-764C-88D58D6D7FF3}"/>
            </a:ext>
          </a:extLst>
        </p:cNvPr>
        <p:cNvGrpSpPr/>
        <p:nvPr/>
      </p:nvGrpSpPr>
      <p:grpSpPr>
        <a:xfrm>
          <a:off x="0" y="0"/>
          <a:ext cx="0" cy="0"/>
          <a:chOff x="0" y="0"/>
          <a:chExt cx="0" cy="0"/>
        </a:xfrm>
      </p:grpSpPr>
      <p:sp>
        <p:nvSpPr>
          <p:cNvPr id="11" name="Rektangel: afrundede hjørner 10">
            <a:extLst>
              <a:ext uri="{FF2B5EF4-FFF2-40B4-BE49-F238E27FC236}">
                <a16:creationId xmlns:a16="http://schemas.microsoft.com/office/drawing/2014/main" id="{24D00253-FCC0-DE3E-5387-F795235ED9D6}"/>
              </a:ext>
              <a:ext uri="{C183D7F6-B498-43B3-948B-1728B52AA6E4}">
                <adec:decorative xmlns:adec="http://schemas.microsoft.com/office/drawing/2017/decorative" val="1"/>
              </a:ext>
            </a:extLst>
          </p:cNvPr>
          <p:cNvSpPr>
            <a:spLocks/>
          </p:cNvSpPr>
          <p:nvPr/>
        </p:nvSpPr>
        <p:spPr>
          <a:xfrm>
            <a:off x="552452" y="2389157"/>
            <a:ext cx="2426846" cy="3957668"/>
          </a:xfrm>
          <a:prstGeom prst="roundRect">
            <a:avLst>
              <a:gd name="adj" fmla="val 5714"/>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0" name="Rektangel: afrundede hjørner 39">
            <a:extLst>
              <a:ext uri="{FF2B5EF4-FFF2-40B4-BE49-F238E27FC236}">
                <a16:creationId xmlns:a16="http://schemas.microsoft.com/office/drawing/2014/main" id="{9579B79B-1E4A-75CB-C041-B8667A2D0D2B}"/>
              </a:ext>
              <a:ext uri="{C183D7F6-B498-43B3-948B-1728B52AA6E4}">
                <adec:decorative xmlns:adec="http://schemas.microsoft.com/office/drawing/2017/decorative" val="1"/>
              </a:ext>
            </a:extLst>
          </p:cNvPr>
          <p:cNvSpPr>
            <a:spLocks/>
          </p:cNvSpPr>
          <p:nvPr/>
        </p:nvSpPr>
        <p:spPr>
          <a:xfrm>
            <a:off x="8700377" y="2389157"/>
            <a:ext cx="2426846" cy="3957668"/>
          </a:xfrm>
          <a:prstGeom prst="roundRect">
            <a:avLst>
              <a:gd name="adj" fmla="val 5714"/>
            </a:avLst>
          </a:prstGeom>
          <a:solidFill>
            <a:schemeClr val="tx2">
              <a:lumMod val="90000"/>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6" name="Rektangel: afrundede hjørner 5">
            <a:extLst>
              <a:ext uri="{FF2B5EF4-FFF2-40B4-BE49-F238E27FC236}">
                <a16:creationId xmlns:a16="http://schemas.microsoft.com/office/drawing/2014/main" id="{B8E7A911-D12B-A656-BA72-B2CCDD1E1E24}"/>
              </a:ext>
              <a:ext uri="{C183D7F6-B498-43B3-948B-1728B52AA6E4}">
                <adec:decorative xmlns:adec="http://schemas.microsoft.com/office/drawing/2017/decorative" val="1"/>
              </a:ext>
            </a:extLst>
          </p:cNvPr>
          <p:cNvSpPr>
            <a:spLocks/>
          </p:cNvSpPr>
          <p:nvPr/>
        </p:nvSpPr>
        <p:spPr>
          <a:xfrm>
            <a:off x="3268427" y="2389157"/>
            <a:ext cx="2426846" cy="3957668"/>
          </a:xfrm>
          <a:prstGeom prst="roundRect">
            <a:avLst>
              <a:gd name="adj" fmla="val 5714"/>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 name="Titel 1">
            <a:extLst>
              <a:ext uri="{FF2B5EF4-FFF2-40B4-BE49-F238E27FC236}">
                <a16:creationId xmlns:a16="http://schemas.microsoft.com/office/drawing/2014/main" id="{E4C28B93-97EA-344B-8D77-5C157446EE49}"/>
              </a:ext>
            </a:extLst>
          </p:cNvPr>
          <p:cNvSpPr>
            <a:spLocks noGrp="1"/>
          </p:cNvSpPr>
          <p:nvPr>
            <p:ph type="title"/>
          </p:nvPr>
        </p:nvSpPr>
        <p:spPr/>
        <p:txBody>
          <a:bodyPr/>
          <a:lstStyle/>
          <a:p>
            <a:r>
              <a:rPr lang="da-DK" sz="2200" noProof="0" dirty="0">
                <a:solidFill>
                  <a:schemeClr val="tx1"/>
                </a:solidFill>
              </a:rPr>
              <a:t>Der er en række kerneudfordringer, som driver behovet for en øget grad af digital suverænitet hos danske myndigheder</a:t>
            </a:r>
          </a:p>
        </p:txBody>
      </p:sp>
      <p:sp>
        <p:nvSpPr>
          <p:cNvPr id="16" name="TextBox 15">
            <a:extLst>
              <a:ext uri="{FF2B5EF4-FFF2-40B4-BE49-F238E27FC236}">
                <a16:creationId xmlns:a16="http://schemas.microsoft.com/office/drawing/2014/main" id="{EB9838F3-07EC-96FF-5270-AEB6C2F9B451}"/>
              </a:ext>
            </a:extLst>
          </p:cNvPr>
          <p:cNvSpPr txBox="1"/>
          <p:nvPr/>
        </p:nvSpPr>
        <p:spPr>
          <a:xfrm>
            <a:off x="480117" y="1527546"/>
            <a:ext cx="11170951" cy="639292"/>
          </a:xfrm>
          <a:prstGeom prst="rect">
            <a:avLst/>
          </a:prstGeom>
          <a:noFill/>
        </p:spPr>
        <p:txBody>
          <a:bodyPr wrap="square" rtlCol="0">
            <a:noAutofit/>
          </a:bodyPr>
          <a:lstStyle/>
          <a:p>
            <a:r>
              <a:rPr lang="da-DK" sz="1200" b="1" noProof="0" dirty="0">
                <a:solidFill>
                  <a:schemeClr val="accent3"/>
                </a:solidFill>
              </a:rPr>
              <a:t>Det samlede problemfelt er komplekst og mangefacetteret – og det kan anskues forskelligt fra land til land. I en dansk kontekst med fokus på den offentlige sektor er der særligt fire hovedudfordringer, som er vigtige at forstå og belyse for bedst muligt at kunne skabe relevante handlemuligheder. De fire hovedudfordringer hænger tæt sammen og er delvist overlappende. </a:t>
            </a:r>
          </a:p>
        </p:txBody>
      </p:sp>
      <p:sp>
        <p:nvSpPr>
          <p:cNvPr id="14" name="TextBox 4">
            <a:extLst>
              <a:ext uri="{FF2B5EF4-FFF2-40B4-BE49-F238E27FC236}">
                <a16:creationId xmlns:a16="http://schemas.microsoft.com/office/drawing/2014/main" id="{03C6C821-C3F0-2D3D-267C-7884A2964163}"/>
              </a:ext>
            </a:extLst>
          </p:cNvPr>
          <p:cNvSpPr txBox="1">
            <a:spLocks/>
          </p:cNvSpPr>
          <p:nvPr/>
        </p:nvSpPr>
        <p:spPr>
          <a:xfrm>
            <a:off x="636177" y="2968437"/>
            <a:ext cx="2343121" cy="827727"/>
          </a:xfrm>
          <a:prstGeom prst="rect">
            <a:avLst/>
          </a:prstGeom>
          <a:noFill/>
        </p:spPr>
        <p:txBody>
          <a:bodyPr wrap="square" rtlCol="0">
            <a:noAutofit/>
          </a:bodyPr>
          <a:lstStyle/>
          <a:p>
            <a:r>
              <a:rPr lang="da-DK" sz="1200" b="1" noProof="0" dirty="0">
                <a:solidFill>
                  <a:srgbClr val="024D78"/>
                </a:solidFill>
              </a:rPr>
              <a:t>01 | Høj afhængighed af større leverandører og manglende konkurrence</a:t>
            </a:r>
          </a:p>
        </p:txBody>
      </p:sp>
      <p:sp>
        <p:nvSpPr>
          <p:cNvPr id="23" name="TextBox 4">
            <a:extLst>
              <a:ext uri="{FF2B5EF4-FFF2-40B4-BE49-F238E27FC236}">
                <a16:creationId xmlns:a16="http://schemas.microsoft.com/office/drawing/2014/main" id="{4B31F33A-E8AD-B2B6-CDBC-E4DD98129F62}"/>
              </a:ext>
            </a:extLst>
          </p:cNvPr>
          <p:cNvSpPr txBox="1">
            <a:spLocks/>
          </p:cNvSpPr>
          <p:nvPr/>
        </p:nvSpPr>
        <p:spPr>
          <a:xfrm>
            <a:off x="571167" y="3630500"/>
            <a:ext cx="2408131" cy="1997115"/>
          </a:xfrm>
          <a:prstGeom prst="rect">
            <a:avLst/>
          </a:prstGeom>
          <a:noFill/>
        </p:spPr>
        <p:txBody>
          <a:bodyPr wrap="square" rtlCol="0">
            <a:noAutofit/>
          </a:bodyPr>
          <a:lstStyle/>
          <a:p>
            <a:pPr marL="171450" indent="-171450">
              <a:buFont typeface="Arial" panose="020B0604020202020204" pitchFamily="34" charset="0"/>
              <a:buChar char="•"/>
            </a:pPr>
            <a:r>
              <a:rPr lang="da-DK" sz="1100" noProof="0" dirty="0">
                <a:solidFill>
                  <a:srgbClr val="024D78"/>
                </a:solidFill>
              </a:rPr>
              <a:t>Markedet for digitale løsninger og it-infrastruktur er i betydelig grad domineret af få aktører (primært amerikanske).</a:t>
            </a:r>
          </a:p>
          <a:p>
            <a:pPr marL="171450" indent="-171450">
              <a:buFont typeface="Arial" panose="020B0604020202020204" pitchFamily="34" charset="0"/>
              <a:buChar char="•"/>
            </a:pPr>
            <a:endParaRPr lang="da-DK" sz="1100" noProof="0" dirty="0">
              <a:solidFill>
                <a:srgbClr val="024D78"/>
              </a:solidFill>
            </a:endParaRPr>
          </a:p>
          <a:p>
            <a:pPr marL="171450" indent="-171450">
              <a:buFont typeface="Arial" panose="020B0604020202020204" pitchFamily="34" charset="0"/>
              <a:buChar char="•"/>
            </a:pPr>
            <a:r>
              <a:rPr lang="da-DK" sz="1100" noProof="0" dirty="0">
                <a:solidFill>
                  <a:srgbClr val="024D78"/>
                </a:solidFill>
              </a:rPr>
              <a:t>Der ses også eksempler på høj afhængighed til øvrige danske og europæiske enkeltleverandører. </a:t>
            </a:r>
          </a:p>
          <a:p>
            <a:pPr marL="171450" indent="-171450">
              <a:buFont typeface="Arial" panose="020B0604020202020204" pitchFamily="34" charset="0"/>
              <a:buChar char="•"/>
            </a:pPr>
            <a:endParaRPr lang="da-DK" sz="1100" noProof="0" dirty="0">
              <a:solidFill>
                <a:srgbClr val="024D78"/>
              </a:solidFill>
            </a:endParaRPr>
          </a:p>
          <a:p>
            <a:pPr marL="171450" indent="-171450">
              <a:buFont typeface="Arial" panose="020B0604020202020204" pitchFamily="34" charset="0"/>
              <a:buChar char="•"/>
            </a:pPr>
            <a:r>
              <a:rPr lang="da-DK" sz="1100" noProof="0" dirty="0">
                <a:solidFill>
                  <a:srgbClr val="024D78"/>
                </a:solidFill>
              </a:rPr>
              <a:t>Høj afhængighed og mangel på konkurrence skaber teknologiske bindinger, høje priser, risiko for </a:t>
            </a:r>
            <a:r>
              <a:rPr lang="da-DK" sz="1100" noProof="0" dirty="0" err="1">
                <a:solidFill>
                  <a:srgbClr val="024D78"/>
                </a:solidFill>
              </a:rPr>
              <a:t>vendor</a:t>
            </a:r>
            <a:r>
              <a:rPr lang="da-DK" sz="1100" noProof="0" dirty="0">
                <a:solidFill>
                  <a:srgbClr val="024D78"/>
                </a:solidFill>
              </a:rPr>
              <a:t> </a:t>
            </a:r>
            <a:r>
              <a:rPr lang="da-DK" sz="1100" noProof="0" dirty="0" err="1">
                <a:solidFill>
                  <a:srgbClr val="024D78"/>
                </a:solidFill>
              </a:rPr>
              <a:t>lock</a:t>
            </a:r>
            <a:r>
              <a:rPr lang="da-DK" sz="1100" noProof="0" dirty="0">
                <a:solidFill>
                  <a:srgbClr val="024D78"/>
                </a:solidFill>
              </a:rPr>
              <a:t>-in og begrænset valgfrihed.</a:t>
            </a:r>
          </a:p>
        </p:txBody>
      </p:sp>
      <p:sp>
        <p:nvSpPr>
          <p:cNvPr id="10" name="Rektangel: afrundede hjørner 9">
            <a:extLst>
              <a:ext uri="{FF2B5EF4-FFF2-40B4-BE49-F238E27FC236}">
                <a16:creationId xmlns:a16="http://schemas.microsoft.com/office/drawing/2014/main" id="{DBF42676-5979-41B3-0EC0-3438BFA6C885}"/>
              </a:ext>
              <a:ext uri="{C183D7F6-B498-43B3-948B-1728B52AA6E4}">
                <adec:decorative xmlns:adec="http://schemas.microsoft.com/office/drawing/2017/decorative" val="1"/>
              </a:ext>
            </a:extLst>
          </p:cNvPr>
          <p:cNvSpPr>
            <a:spLocks/>
          </p:cNvSpPr>
          <p:nvPr/>
        </p:nvSpPr>
        <p:spPr>
          <a:xfrm>
            <a:off x="5984402" y="2389157"/>
            <a:ext cx="2426846" cy="3957668"/>
          </a:xfrm>
          <a:prstGeom prst="roundRect">
            <a:avLst>
              <a:gd name="adj" fmla="val 5714"/>
            </a:avLst>
          </a:prstGeom>
          <a:solidFill>
            <a:schemeClr val="tx2">
              <a:lumMod val="25000"/>
              <a:alpha val="1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1" name="TextBox 11">
            <a:extLst>
              <a:ext uri="{FF2B5EF4-FFF2-40B4-BE49-F238E27FC236}">
                <a16:creationId xmlns:a16="http://schemas.microsoft.com/office/drawing/2014/main" id="{EBF964D8-FC05-D0F7-2B7E-4C0150AA2A6E}"/>
              </a:ext>
            </a:extLst>
          </p:cNvPr>
          <p:cNvSpPr txBox="1">
            <a:spLocks/>
          </p:cNvSpPr>
          <p:nvPr/>
        </p:nvSpPr>
        <p:spPr>
          <a:xfrm>
            <a:off x="3273056" y="2968437"/>
            <a:ext cx="2432647" cy="827727"/>
          </a:xfrm>
          <a:prstGeom prst="rect">
            <a:avLst/>
          </a:prstGeom>
          <a:noFill/>
        </p:spPr>
        <p:txBody>
          <a:bodyPr wrap="square" rtlCol="0">
            <a:noAutofit/>
          </a:bodyPr>
          <a:lstStyle/>
          <a:p>
            <a:r>
              <a:rPr lang="da-DK" sz="1200" b="1" noProof="0" dirty="0">
                <a:solidFill>
                  <a:srgbClr val="024D78"/>
                </a:solidFill>
              </a:rPr>
              <a:t>02 | Manglende kontrol og transparens over egne data</a:t>
            </a:r>
          </a:p>
        </p:txBody>
      </p:sp>
      <p:sp>
        <p:nvSpPr>
          <p:cNvPr id="22" name="TextBox 11">
            <a:extLst>
              <a:ext uri="{FF2B5EF4-FFF2-40B4-BE49-F238E27FC236}">
                <a16:creationId xmlns:a16="http://schemas.microsoft.com/office/drawing/2014/main" id="{E97093BB-94B9-D68D-1A1A-82B323076B5C}"/>
              </a:ext>
            </a:extLst>
          </p:cNvPr>
          <p:cNvSpPr txBox="1">
            <a:spLocks/>
          </p:cNvSpPr>
          <p:nvPr/>
        </p:nvSpPr>
        <p:spPr>
          <a:xfrm>
            <a:off x="3273056" y="3630500"/>
            <a:ext cx="2432647" cy="1997115"/>
          </a:xfrm>
          <a:prstGeom prst="rect">
            <a:avLst/>
          </a:prstGeom>
          <a:noFill/>
        </p:spPr>
        <p:txBody>
          <a:bodyPr wrap="square" rtlCol="0">
            <a:noAutofit/>
          </a:bodyPr>
          <a:lstStyle/>
          <a:p>
            <a:pPr marL="171450" indent="-171450">
              <a:buFont typeface="Arial" panose="020B0604020202020204" pitchFamily="34" charset="0"/>
              <a:buChar char="•"/>
            </a:pPr>
            <a:r>
              <a:rPr lang="da-DK" sz="1100" noProof="0" dirty="0">
                <a:solidFill>
                  <a:srgbClr val="024D78"/>
                </a:solidFill>
              </a:rPr>
              <a:t>Dele af myndighedernes data lagres og behandles i udenlandske cloud-miljøer under fremmede jurisdiktioner. </a:t>
            </a:r>
          </a:p>
          <a:p>
            <a:pPr marL="171450" indent="-171450">
              <a:buFont typeface="Arial" panose="020B0604020202020204" pitchFamily="34" charset="0"/>
              <a:buChar char="•"/>
            </a:pPr>
            <a:endParaRPr lang="da-DK" sz="1100" noProof="0" dirty="0">
              <a:solidFill>
                <a:srgbClr val="024D78"/>
              </a:solidFill>
            </a:endParaRPr>
          </a:p>
          <a:p>
            <a:pPr marL="171450" indent="-171450">
              <a:buFont typeface="Arial" panose="020B0604020202020204" pitchFamily="34" charset="0"/>
              <a:buChar char="•"/>
            </a:pPr>
            <a:r>
              <a:rPr lang="da-DK" sz="1100" noProof="0" dirty="0">
                <a:solidFill>
                  <a:srgbClr val="024D78"/>
                </a:solidFill>
                <a:latin typeface="Arial" panose="020B0604020202020204" pitchFamily="34" charset="0"/>
              </a:rPr>
              <a:t>Mangel på transparens og kontrol </a:t>
            </a:r>
            <a:r>
              <a:rPr lang="da-DK" sz="1100" noProof="0" dirty="0">
                <a:solidFill>
                  <a:srgbClr val="024D78"/>
                </a:solidFill>
              </a:rPr>
              <a:t>svækker ejerskab og tilliden til beskyttelse af data.</a:t>
            </a:r>
          </a:p>
          <a:p>
            <a:pPr marL="171450" indent="-171450">
              <a:buFont typeface="Arial" panose="020B0604020202020204" pitchFamily="34" charset="0"/>
              <a:buChar char="•"/>
            </a:pPr>
            <a:endParaRPr lang="da-DK" sz="1100" noProof="0" dirty="0">
              <a:solidFill>
                <a:srgbClr val="024D78"/>
              </a:solidFill>
            </a:endParaRPr>
          </a:p>
          <a:p>
            <a:pPr marL="171450" indent="-171450">
              <a:buFont typeface="Arial" panose="020B0604020202020204" pitchFamily="34" charset="0"/>
              <a:buChar char="•"/>
            </a:pPr>
            <a:r>
              <a:rPr lang="da-DK" sz="1100" noProof="0" dirty="0">
                <a:solidFill>
                  <a:srgbClr val="024D78"/>
                </a:solidFill>
              </a:rPr>
              <a:t>Det er forbundet med en stor administrativ byrde at skabe et fuldstændigt overblik over de samlede </a:t>
            </a:r>
            <a:r>
              <a:rPr lang="da-DK" sz="1100" noProof="0" dirty="0" err="1">
                <a:solidFill>
                  <a:srgbClr val="024D78"/>
                </a:solidFill>
                <a:latin typeface="Arial" panose="020B0604020202020204" pitchFamily="34" charset="0"/>
              </a:rPr>
              <a:t>dataflows</a:t>
            </a:r>
            <a:r>
              <a:rPr lang="da-DK" sz="1100" noProof="0" dirty="0">
                <a:solidFill>
                  <a:srgbClr val="024D78"/>
                </a:solidFill>
                <a:latin typeface="Arial" panose="020B0604020202020204" pitchFamily="34" charset="0"/>
              </a:rPr>
              <a:t> og lagringslokationer. </a:t>
            </a:r>
          </a:p>
          <a:p>
            <a:pPr marL="171450" indent="-171450">
              <a:buFont typeface="Arial" panose="020B0604020202020204" pitchFamily="34" charset="0"/>
              <a:buChar char="•"/>
            </a:pPr>
            <a:endParaRPr lang="da-DK" sz="1100" noProof="0" dirty="0">
              <a:solidFill>
                <a:srgbClr val="024D78"/>
              </a:solidFill>
              <a:latin typeface="Arial" panose="020B0604020202020204" pitchFamily="34" charset="0"/>
            </a:endParaRPr>
          </a:p>
          <a:p>
            <a:endParaRPr lang="da-DK" sz="1100" noProof="0" dirty="0">
              <a:solidFill>
                <a:srgbClr val="024D78"/>
              </a:solidFill>
            </a:endParaRPr>
          </a:p>
          <a:p>
            <a:endParaRPr lang="da-DK" sz="1100" noProof="0" dirty="0">
              <a:solidFill>
                <a:srgbClr val="024D78"/>
              </a:solidFill>
            </a:endParaRPr>
          </a:p>
        </p:txBody>
      </p:sp>
      <p:sp>
        <p:nvSpPr>
          <p:cNvPr id="17" name="TextBox 23">
            <a:extLst>
              <a:ext uri="{FF2B5EF4-FFF2-40B4-BE49-F238E27FC236}">
                <a16:creationId xmlns:a16="http://schemas.microsoft.com/office/drawing/2014/main" id="{039A4F11-7DF4-1FC2-CB70-418CCA67A10F}"/>
              </a:ext>
            </a:extLst>
          </p:cNvPr>
          <p:cNvSpPr txBox="1">
            <a:spLocks/>
          </p:cNvSpPr>
          <p:nvPr/>
        </p:nvSpPr>
        <p:spPr>
          <a:xfrm>
            <a:off x="6064106" y="2968437"/>
            <a:ext cx="2392339" cy="827727"/>
          </a:xfrm>
          <a:prstGeom prst="rect">
            <a:avLst/>
          </a:prstGeom>
          <a:noFill/>
        </p:spPr>
        <p:txBody>
          <a:bodyPr wrap="square" rtlCol="0">
            <a:noAutofit/>
          </a:bodyPr>
          <a:lstStyle/>
          <a:p>
            <a:r>
              <a:rPr lang="da-DK" sz="1200" b="1" noProof="0" dirty="0">
                <a:solidFill>
                  <a:srgbClr val="024D78"/>
                </a:solidFill>
              </a:rPr>
              <a:t>03 | Begrænset kontrol og styring af digitale løsninger</a:t>
            </a:r>
          </a:p>
        </p:txBody>
      </p:sp>
      <p:sp>
        <p:nvSpPr>
          <p:cNvPr id="18" name="TextBox 23">
            <a:extLst>
              <a:ext uri="{FF2B5EF4-FFF2-40B4-BE49-F238E27FC236}">
                <a16:creationId xmlns:a16="http://schemas.microsoft.com/office/drawing/2014/main" id="{AD11BAD9-65DB-4068-2E91-5EC1F16337F4}"/>
              </a:ext>
            </a:extLst>
          </p:cNvPr>
          <p:cNvSpPr txBox="1">
            <a:spLocks/>
          </p:cNvSpPr>
          <p:nvPr/>
        </p:nvSpPr>
        <p:spPr>
          <a:xfrm>
            <a:off x="6003433" y="3630500"/>
            <a:ext cx="2392339" cy="1997115"/>
          </a:xfrm>
          <a:prstGeom prst="rect">
            <a:avLst/>
          </a:prstGeom>
          <a:noFill/>
        </p:spPr>
        <p:txBody>
          <a:bodyPr wrap="square" rtlCol="0">
            <a:noAutofit/>
          </a:bodyPr>
          <a:lstStyle/>
          <a:p>
            <a:pPr marL="171450" indent="-171450">
              <a:buFont typeface="Arial" panose="020B0604020202020204" pitchFamily="34" charset="0"/>
              <a:buChar char="•"/>
            </a:pPr>
            <a:r>
              <a:rPr lang="da-DK" sz="1100" noProof="0" dirty="0">
                <a:solidFill>
                  <a:srgbClr val="024D78"/>
                </a:solidFill>
              </a:rPr>
              <a:t>Myndighedernes teknologivalg indebærer i betydelig grad afhængighed af specifikke it-leverandører og </a:t>
            </a:r>
            <a:r>
              <a:rPr lang="da-DK" sz="1100" noProof="0" dirty="0" err="1">
                <a:solidFill>
                  <a:srgbClr val="024D78"/>
                </a:solidFill>
              </a:rPr>
              <a:t>proprietære</a:t>
            </a:r>
            <a:r>
              <a:rPr lang="da-DK" sz="1100" noProof="0" dirty="0">
                <a:solidFill>
                  <a:srgbClr val="024D78"/>
                </a:solidFill>
              </a:rPr>
              <a:t> teknologier. </a:t>
            </a:r>
          </a:p>
          <a:p>
            <a:pPr marL="171450" indent="-171450">
              <a:buFont typeface="Arial" panose="020B0604020202020204" pitchFamily="34" charset="0"/>
              <a:buChar char="•"/>
            </a:pPr>
            <a:endParaRPr lang="da-DK" sz="1100" noProof="0" dirty="0">
              <a:solidFill>
                <a:srgbClr val="024D78"/>
              </a:solidFill>
            </a:endParaRPr>
          </a:p>
          <a:p>
            <a:pPr marL="171450" indent="-171450">
              <a:buFont typeface="Arial" panose="020B0604020202020204" pitchFamily="34" charset="0"/>
              <a:buChar char="•"/>
            </a:pPr>
            <a:r>
              <a:rPr lang="da-DK" sz="1100" noProof="0" dirty="0">
                <a:solidFill>
                  <a:srgbClr val="024D78"/>
                </a:solidFill>
              </a:rPr>
              <a:t>Lukkede systemer gør det svært at videreudvikle på disse løsninger til egne behov.</a:t>
            </a:r>
          </a:p>
          <a:p>
            <a:pPr marL="171450" indent="-171450">
              <a:buFont typeface="Arial" panose="020B0604020202020204" pitchFamily="34" charset="0"/>
              <a:buChar char="•"/>
            </a:pPr>
            <a:endParaRPr lang="da-DK" sz="1100" noProof="0" dirty="0">
              <a:solidFill>
                <a:srgbClr val="024D78"/>
              </a:solidFill>
            </a:endParaRPr>
          </a:p>
          <a:p>
            <a:pPr marL="171450" indent="-171450">
              <a:buFont typeface="Arial" panose="020B0604020202020204" pitchFamily="34" charset="0"/>
              <a:buChar char="•"/>
            </a:pPr>
            <a:r>
              <a:rPr lang="da-DK" sz="1100" noProof="0" dirty="0">
                <a:solidFill>
                  <a:srgbClr val="024D78"/>
                </a:solidFill>
              </a:rPr>
              <a:t>Det kan være vanskeligt at få tilstrækkelig indsigt i nogle indkøbte it-systemer til at udøve effektiv kontrol over disse.</a:t>
            </a:r>
          </a:p>
          <a:p>
            <a:pPr marL="171450" indent="-171450">
              <a:buFont typeface="Arial" panose="020B0604020202020204" pitchFamily="34" charset="0"/>
              <a:buChar char="•"/>
            </a:pPr>
            <a:endParaRPr lang="da-DK" sz="1100" noProof="0" dirty="0">
              <a:solidFill>
                <a:srgbClr val="024D78"/>
              </a:solidFill>
            </a:endParaRPr>
          </a:p>
          <a:p>
            <a:endParaRPr lang="da-DK" sz="1100" noProof="0" dirty="0">
              <a:solidFill>
                <a:srgbClr val="024D78"/>
              </a:solidFill>
            </a:endParaRPr>
          </a:p>
        </p:txBody>
      </p:sp>
      <p:sp>
        <p:nvSpPr>
          <p:cNvPr id="19" name="TextBox 27">
            <a:extLst>
              <a:ext uri="{FF2B5EF4-FFF2-40B4-BE49-F238E27FC236}">
                <a16:creationId xmlns:a16="http://schemas.microsoft.com/office/drawing/2014/main" id="{3D83931F-1AC0-E39B-5E21-6E04B2B4060F}"/>
              </a:ext>
            </a:extLst>
          </p:cNvPr>
          <p:cNvSpPr txBox="1">
            <a:spLocks/>
          </p:cNvSpPr>
          <p:nvPr/>
        </p:nvSpPr>
        <p:spPr>
          <a:xfrm>
            <a:off x="8791351" y="2968437"/>
            <a:ext cx="2259865" cy="827727"/>
          </a:xfrm>
          <a:prstGeom prst="rect">
            <a:avLst/>
          </a:prstGeom>
          <a:noFill/>
        </p:spPr>
        <p:txBody>
          <a:bodyPr wrap="square" rtlCol="0">
            <a:noAutofit/>
          </a:bodyPr>
          <a:lstStyle/>
          <a:p>
            <a:r>
              <a:rPr lang="da-DK" sz="1200" b="1" noProof="0" dirty="0">
                <a:solidFill>
                  <a:srgbClr val="024D78"/>
                </a:solidFill>
              </a:rPr>
              <a:t>04 | Sårbarheder i den digitale forsyningssikkerhed</a:t>
            </a:r>
          </a:p>
        </p:txBody>
      </p:sp>
      <p:sp>
        <p:nvSpPr>
          <p:cNvPr id="20" name="TextBox 27">
            <a:extLst>
              <a:ext uri="{FF2B5EF4-FFF2-40B4-BE49-F238E27FC236}">
                <a16:creationId xmlns:a16="http://schemas.microsoft.com/office/drawing/2014/main" id="{57CA67D3-B957-03E3-C26C-E1FAC8CF5551}"/>
              </a:ext>
            </a:extLst>
          </p:cNvPr>
          <p:cNvSpPr txBox="1">
            <a:spLocks/>
          </p:cNvSpPr>
          <p:nvPr/>
        </p:nvSpPr>
        <p:spPr>
          <a:xfrm>
            <a:off x="8739344" y="3630500"/>
            <a:ext cx="2354797" cy="1997115"/>
          </a:xfrm>
          <a:prstGeom prst="rect">
            <a:avLst/>
          </a:prstGeom>
          <a:noFill/>
        </p:spPr>
        <p:txBody>
          <a:bodyPr wrap="square" rtlCol="0">
            <a:noAutofit/>
          </a:bodyPr>
          <a:lstStyle/>
          <a:p>
            <a:pPr marL="171450" indent="-171450">
              <a:buFont typeface="Arial" panose="020B0604020202020204" pitchFamily="34" charset="0"/>
              <a:buChar char="•"/>
            </a:pPr>
            <a:r>
              <a:rPr lang="da-DK" sz="1100" noProof="0" dirty="0">
                <a:solidFill>
                  <a:srgbClr val="024D78"/>
                </a:solidFill>
                <a:latin typeface="Arial" panose="020B0604020202020204" pitchFamily="34" charset="0"/>
              </a:rPr>
              <a:t>Myndighederne er afhængige af leverandører og underliggende leverandørkæder for software, hardware og services uden for EU. </a:t>
            </a:r>
          </a:p>
          <a:p>
            <a:pPr marL="171450" indent="-171450">
              <a:buFont typeface="Arial" panose="020B0604020202020204" pitchFamily="34" charset="0"/>
              <a:buChar char="•"/>
            </a:pPr>
            <a:endParaRPr lang="da-DK" sz="1100" noProof="0" dirty="0">
              <a:solidFill>
                <a:srgbClr val="024D78"/>
              </a:solidFill>
              <a:latin typeface="Arial" panose="020B0604020202020204" pitchFamily="34" charset="0"/>
            </a:endParaRPr>
          </a:p>
          <a:p>
            <a:pPr marL="171450" indent="-171450">
              <a:buFont typeface="Arial" panose="020B0604020202020204" pitchFamily="34" charset="0"/>
              <a:buChar char="•"/>
            </a:pPr>
            <a:r>
              <a:rPr lang="da-DK" sz="1100" noProof="0" dirty="0">
                <a:solidFill>
                  <a:srgbClr val="024D78"/>
                </a:solidFill>
                <a:latin typeface="Arial" panose="020B0604020202020204" pitchFamily="34" charset="0"/>
              </a:rPr>
              <a:t>Afhængigheder gør myndighederne sårbare over for mulige geopolitiske konflikter, handelsrestriktioner eller lignende. </a:t>
            </a:r>
          </a:p>
          <a:p>
            <a:pPr marL="171450" indent="-171450">
              <a:buFont typeface="Arial" panose="020B0604020202020204" pitchFamily="34" charset="0"/>
              <a:buChar char="•"/>
            </a:pPr>
            <a:endParaRPr lang="da-DK" sz="1100" noProof="0" dirty="0">
              <a:solidFill>
                <a:srgbClr val="024D78"/>
              </a:solidFill>
              <a:latin typeface="Arial" panose="020B0604020202020204" pitchFamily="34" charset="0"/>
            </a:endParaRPr>
          </a:p>
          <a:p>
            <a:pPr marL="171450" indent="-171450">
              <a:buFont typeface="Arial" panose="020B0604020202020204" pitchFamily="34" charset="0"/>
              <a:buChar char="•"/>
            </a:pPr>
            <a:r>
              <a:rPr lang="da-DK" sz="1100" noProof="0" dirty="0">
                <a:solidFill>
                  <a:srgbClr val="024D78"/>
                </a:solidFill>
                <a:latin typeface="Arial" panose="020B0604020202020204" pitchFamily="34" charset="0"/>
              </a:rPr>
              <a:t>Der er en reel risiko for forsyningsstop og sabotage.</a:t>
            </a:r>
          </a:p>
        </p:txBody>
      </p:sp>
      <p:sp>
        <p:nvSpPr>
          <p:cNvPr id="42" name="Freeform 18">
            <a:extLst>
              <a:ext uri="{FF2B5EF4-FFF2-40B4-BE49-F238E27FC236}">
                <a16:creationId xmlns:a16="http://schemas.microsoft.com/office/drawing/2014/main" id="{A2DC468D-3BA9-FE82-BE1C-CD283D144A89}"/>
              </a:ext>
              <a:ext uri="{C183D7F6-B498-43B3-948B-1728B52AA6E4}">
                <adec:decorative xmlns:adec="http://schemas.microsoft.com/office/drawing/2017/decorative" val="1"/>
              </a:ext>
            </a:extLst>
          </p:cNvPr>
          <p:cNvSpPr>
            <a:spLocks noEditPoints="1"/>
          </p:cNvSpPr>
          <p:nvPr/>
        </p:nvSpPr>
        <p:spPr bwMode="auto">
          <a:xfrm>
            <a:off x="1497501" y="2478970"/>
            <a:ext cx="463724" cy="401575"/>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grpSp>
        <p:nvGrpSpPr>
          <p:cNvPr id="15" name="Group 45">
            <a:extLst>
              <a:ext uri="{FF2B5EF4-FFF2-40B4-BE49-F238E27FC236}">
                <a16:creationId xmlns:a16="http://schemas.microsoft.com/office/drawing/2014/main" id="{F80D1557-7D9A-621B-FDB8-11BA893E46C6}"/>
              </a:ext>
              <a:ext uri="{C183D7F6-B498-43B3-948B-1728B52AA6E4}">
                <adec:decorative xmlns:adec="http://schemas.microsoft.com/office/drawing/2017/decorative" val="1"/>
              </a:ext>
            </a:extLst>
          </p:cNvPr>
          <p:cNvGrpSpPr>
            <a:grpSpLocks/>
          </p:cNvGrpSpPr>
          <p:nvPr/>
        </p:nvGrpSpPr>
        <p:grpSpPr>
          <a:xfrm>
            <a:off x="4296449" y="2478970"/>
            <a:ext cx="319238" cy="377694"/>
            <a:chOff x="4436824" y="4606930"/>
            <a:chExt cx="450850" cy="533401"/>
          </a:xfrm>
          <a:solidFill>
            <a:srgbClr val="024D78"/>
          </a:solidFill>
        </p:grpSpPr>
        <p:sp>
          <p:nvSpPr>
            <p:cNvPr id="59" name="Freeform 208">
              <a:extLst>
                <a:ext uri="{FF2B5EF4-FFF2-40B4-BE49-F238E27FC236}">
                  <a16:creationId xmlns:a16="http://schemas.microsoft.com/office/drawing/2014/main" id="{3888C618-4B0F-6072-3298-E33C5E5C39BA}"/>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09">
              <a:extLst>
                <a:ext uri="{FF2B5EF4-FFF2-40B4-BE49-F238E27FC236}">
                  <a16:creationId xmlns:a16="http://schemas.microsoft.com/office/drawing/2014/main" id="{1901B699-6E0E-4BCB-DF54-14214E9B9387}"/>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1" name="Freeform 210">
              <a:extLst>
                <a:ext uri="{FF2B5EF4-FFF2-40B4-BE49-F238E27FC236}">
                  <a16:creationId xmlns:a16="http://schemas.microsoft.com/office/drawing/2014/main" id="{978A4101-4C47-B2CD-BF30-316B99A76277}"/>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2" name="Freeform 211">
              <a:extLst>
                <a:ext uri="{FF2B5EF4-FFF2-40B4-BE49-F238E27FC236}">
                  <a16:creationId xmlns:a16="http://schemas.microsoft.com/office/drawing/2014/main" id="{7960BBD9-DA74-499A-DDD6-2DB55906D5B3}"/>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66" name="Freeform 6">
            <a:extLst>
              <a:ext uri="{FF2B5EF4-FFF2-40B4-BE49-F238E27FC236}">
                <a16:creationId xmlns:a16="http://schemas.microsoft.com/office/drawing/2014/main" id="{AE99957E-7C88-8F9E-7B82-6228A0D0FF4D}"/>
              </a:ext>
              <a:ext uri="{C183D7F6-B498-43B3-948B-1728B52AA6E4}">
                <adec:decorative xmlns:adec="http://schemas.microsoft.com/office/drawing/2017/decorative" val="1"/>
              </a:ext>
            </a:extLst>
          </p:cNvPr>
          <p:cNvSpPr>
            <a:spLocks noChangeAspect="1" noEditPoints="1"/>
          </p:cNvSpPr>
          <p:nvPr/>
        </p:nvSpPr>
        <p:spPr bwMode="auto">
          <a:xfrm>
            <a:off x="6972183" y="2478970"/>
            <a:ext cx="387646" cy="388800"/>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2" name="Freeform 8">
            <a:extLst>
              <a:ext uri="{FF2B5EF4-FFF2-40B4-BE49-F238E27FC236}">
                <a16:creationId xmlns:a16="http://schemas.microsoft.com/office/drawing/2014/main" id="{0B30B901-39E0-A7FC-E709-8160693A9B7E}"/>
              </a:ext>
              <a:ext uri="{C183D7F6-B498-43B3-948B-1728B52AA6E4}">
                <adec:decorative xmlns:adec="http://schemas.microsoft.com/office/drawing/2017/decorative" val="1"/>
              </a:ext>
            </a:extLst>
          </p:cNvPr>
          <p:cNvSpPr>
            <a:spLocks noChangeAspect="1" noEditPoints="1"/>
          </p:cNvSpPr>
          <p:nvPr/>
        </p:nvSpPr>
        <p:spPr bwMode="auto">
          <a:xfrm>
            <a:off x="9719172" y="2478970"/>
            <a:ext cx="356191" cy="388800"/>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Tree>
    <p:extLst>
      <p:ext uri="{BB962C8B-B14F-4D97-AF65-F5344CB8AC3E}">
        <p14:creationId xmlns:p14="http://schemas.microsoft.com/office/powerpoint/2010/main" val="1100478042"/>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F7EC867-0AE0-8453-81EB-1AB92C0A8BBF}"/>
              </a:ext>
            </a:extLst>
          </p:cNvPr>
          <p:cNvSpPr>
            <a:spLocks noGrp="1"/>
          </p:cNvSpPr>
          <p:nvPr>
            <p:ph type="title"/>
          </p:nvPr>
        </p:nvSpPr>
        <p:spPr>
          <a:xfrm>
            <a:off x="1507880" y="637161"/>
            <a:ext cx="10134474" cy="792465"/>
          </a:xfrm>
        </p:spPr>
        <p:txBody>
          <a:bodyPr anchor="ctr"/>
          <a:lstStyle/>
          <a:p>
            <a:r>
              <a:rPr lang="da-DK" sz="2200" noProof="0" dirty="0">
                <a:solidFill>
                  <a:schemeClr val="tx1"/>
                </a:solidFill>
              </a:rPr>
              <a:t>Udfordring 01 | Høj afhængighed af større leverandører og manglende konkurrence</a:t>
            </a:r>
          </a:p>
        </p:txBody>
      </p:sp>
      <p:sp>
        <p:nvSpPr>
          <p:cNvPr id="6" name="Rektangel 8">
            <a:extLst>
              <a:ext uri="{FF2B5EF4-FFF2-40B4-BE49-F238E27FC236}">
                <a16:creationId xmlns:a16="http://schemas.microsoft.com/office/drawing/2014/main" id="{39105563-57C4-EF81-B405-0A216CE153C4}"/>
              </a:ext>
            </a:extLst>
          </p:cNvPr>
          <p:cNvSpPr/>
          <p:nvPr/>
        </p:nvSpPr>
        <p:spPr>
          <a:xfrm>
            <a:off x="552450" y="1647264"/>
            <a:ext cx="3508745" cy="4594650"/>
          </a:xfrm>
          <a:prstGeom prst="roundRect">
            <a:avLst>
              <a:gd name="adj" fmla="val 2683"/>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indent="-171450">
              <a:spcAft>
                <a:spcPts val="600"/>
              </a:spcAft>
              <a:buFont typeface="Arial" panose="020B0604020202020204" pitchFamily="34" charset="0"/>
              <a:buChar char="•"/>
            </a:pPr>
            <a:r>
              <a:rPr lang="da-DK" sz="1100" noProof="0">
                <a:solidFill>
                  <a:schemeClr val="accent3"/>
                </a:solidFill>
                <a:latin typeface="Arial" panose="020B0604020202020204" pitchFamily="34" charset="0"/>
              </a:rPr>
              <a:t>Den offentlige sektor er på tværs af teknologistakken afhængig af digitale løsninger og services fra få store leverandører. Der anvendes Chromebooks i skolerne, Dell </a:t>
            </a:r>
            <a:r>
              <a:rPr lang="da-DK" sz="1100" noProof="0" dirty="0" err="1">
                <a:solidFill>
                  <a:schemeClr val="accent3"/>
                </a:solidFill>
                <a:latin typeface="Arial" panose="020B0604020202020204" pitchFamily="34" charset="0"/>
              </a:rPr>
              <a:t>PC’er</a:t>
            </a:r>
            <a:r>
              <a:rPr lang="da-DK" sz="1100" noProof="0">
                <a:solidFill>
                  <a:schemeClr val="accent3"/>
                </a:solidFill>
                <a:latin typeface="Arial" panose="020B0604020202020204" pitchFamily="34" charset="0"/>
              </a:rPr>
              <a:t> og iPhones i ministerier og styrelser, Microsoft-kontorpakker til tekstbehandling og e-mail Google som søgemaskine og databaser fra Oracle og Microsoft. </a:t>
            </a:r>
          </a:p>
          <a:p>
            <a:pPr marL="171450" indent="-171450">
              <a:spcAft>
                <a:spcPts val="600"/>
              </a:spcAft>
              <a:buFont typeface="Arial" panose="020B0604020202020204" pitchFamily="34" charset="0"/>
              <a:buChar char="•"/>
            </a:pPr>
            <a:r>
              <a:rPr lang="da-DK" sz="1100" noProof="0">
                <a:solidFill>
                  <a:schemeClr val="accent3"/>
                </a:solidFill>
                <a:latin typeface="Arial" panose="020B0604020202020204" pitchFamily="34" charset="0"/>
              </a:rPr>
              <a:t>Der ses generelt en begrænset konkurrence på netværksinfrastruktur, cloud, </a:t>
            </a:r>
            <a:r>
              <a:rPr lang="da-DK" sz="1100" noProof="0" dirty="0" err="1">
                <a:solidFill>
                  <a:schemeClr val="accent3"/>
                </a:solidFill>
                <a:latin typeface="Arial" panose="020B0604020202020204" pitchFamily="34" charset="0"/>
              </a:rPr>
              <a:t>devices</a:t>
            </a:r>
            <a:r>
              <a:rPr lang="da-DK" sz="1100" noProof="0">
                <a:solidFill>
                  <a:schemeClr val="accent3"/>
                </a:solidFill>
                <a:latin typeface="Arial" panose="020B0604020202020204" pitchFamily="34" charset="0"/>
              </a:rPr>
              <a:t> og slutbrugerudstyr samt kontorpakker, imens der ses en større konkurrence på forretningssystemer og datacenterservices med både danske og europæiske leverandører.</a:t>
            </a:r>
          </a:p>
          <a:p>
            <a:pPr marL="171450" indent="-171450">
              <a:spcAft>
                <a:spcPts val="600"/>
              </a:spcAft>
              <a:buFont typeface="Arial" panose="020B0604020202020204" pitchFamily="34" charset="0"/>
              <a:buChar char="•"/>
            </a:pPr>
            <a:r>
              <a:rPr lang="da-DK" sz="1100" noProof="0">
                <a:solidFill>
                  <a:schemeClr val="accent3"/>
                </a:solidFill>
                <a:latin typeface="Arial" panose="020B0604020202020204" pitchFamily="34" charset="0"/>
              </a:rPr>
              <a:t>Afhængigheder forstærkes ved, at teknologier ofte er ”</a:t>
            </a:r>
            <a:r>
              <a:rPr lang="da-DK" sz="1100" noProof="0" dirty="0" err="1">
                <a:solidFill>
                  <a:schemeClr val="accent3"/>
                </a:solidFill>
                <a:latin typeface="Arial" panose="020B0604020202020204" pitchFamily="34" charset="0"/>
              </a:rPr>
              <a:t>bundlet</a:t>
            </a:r>
            <a:r>
              <a:rPr lang="da-DK" sz="1100" noProof="0">
                <a:solidFill>
                  <a:schemeClr val="accent3"/>
                </a:solidFill>
                <a:latin typeface="Arial" panose="020B0604020202020204" pitchFamily="34" charset="0"/>
              </a:rPr>
              <a:t>” og hænger sammen, fx ved at software, infrastrukturkomponenter og services (fx </a:t>
            </a:r>
            <a:r>
              <a:rPr lang="da-DK" sz="1100" noProof="0" dirty="0" err="1">
                <a:solidFill>
                  <a:schemeClr val="accent3"/>
                </a:solidFill>
                <a:latin typeface="Arial" panose="020B0604020202020204" pitchFamily="34" charset="0"/>
              </a:rPr>
              <a:t>hosting</a:t>
            </a:r>
            <a:r>
              <a:rPr lang="da-DK" sz="1100" noProof="0">
                <a:solidFill>
                  <a:schemeClr val="accent3"/>
                </a:solidFill>
                <a:latin typeface="Arial" panose="020B0604020202020204" pitchFamily="34" charset="0"/>
              </a:rPr>
              <a:t>) købes som en ”samlet pakke”. Eller ved at teknologierne hænger sammen på tværs af </a:t>
            </a:r>
            <a:r>
              <a:rPr lang="da-DK" sz="1100" noProof="0" dirty="0">
                <a:solidFill>
                  <a:schemeClr val="accent3"/>
                </a:solidFill>
                <a:latin typeface="Arial" panose="020B0604020202020204" pitchFamily="34" charset="0"/>
              </a:rPr>
              <a:t>produktkategorier og med integrationer til øvrige løsninger*. Standarder, fx til integration mellem komponenter, er i nogle tilfælde under kommerciel kontrol.</a:t>
            </a:r>
          </a:p>
          <a:p>
            <a:pPr>
              <a:spcAft>
                <a:spcPts val="600"/>
              </a:spcAft>
            </a:pPr>
            <a:endParaRPr lang="da-DK" sz="1100" noProof="0">
              <a:solidFill>
                <a:schemeClr val="accent3"/>
              </a:solidFill>
              <a:latin typeface="Arial" panose="020B0604020202020204" pitchFamily="34" charset="0"/>
            </a:endParaRPr>
          </a:p>
        </p:txBody>
      </p:sp>
      <p:sp>
        <p:nvSpPr>
          <p:cNvPr id="7" name="Rektangel 9">
            <a:extLst>
              <a:ext uri="{FF2B5EF4-FFF2-40B4-BE49-F238E27FC236}">
                <a16:creationId xmlns:a16="http://schemas.microsoft.com/office/drawing/2014/main" id="{75EA384C-5450-2E2D-7063-AA56EBA0D867}"/>
              </a:ext>
              <a:ext uri="{C183D7F6-B498-43B3-948B-1728B52AA6E4}">
                <adec:decorative xmlns:adec="http://schemas.microsoft.com/office/drawing/2017/decorative" val="1"/>
              </a:ext>
            </a:extLst>
          </p:cNvPr>
          <p:cNvSpPr/>
          <p:nvPr/>
        </p:nvSpPr>
        <p:spPr>
          <a:xfrm>
            <a:off x="554355"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dirty="0">
                <a:solidFill>
                  <a:schemeClr val="bg1"/>
                </a:solidFill>
              </a:rPr>
              <a:t>Situation</a:t>
            </a:r>
          </a:p>
        </p:txBody>
      </p:sp>
      <p:sp>
        <p:nvSpPr>
          <p:cNvPr id="9" name="Rektangel 8">
            <a:extLst>
              <a:ext uri="{FF2B5EF4-FFF2-40B4-BE49-F238E27FC236}">
                <a16:creationId xmlns:a16="http://schemas.microsoft.com/office/drawing/2014/main" id="{BD1C120B-8C14-7E05-C1E9-25D639AB9448}"/>
              </a:ext>
            </a:extLst>
          </p:cNvPr>
          <p:cNvSpPr/>
          <p:nvPr/>
        </p:nvSpPr>
        <p:spPr>
          <a:xfrm>
            <a:off x="4340972" y="1647264"/>
            <a:ext cx="3508745" cy="4594650"/>
          </a:xfrm>
          <a:prstGeom prst="roundRect">
            <a:avLst>
              <a:gd name="adj" fmla="val 2683"/>
            </a:avLst>
          </a:prstGeom>
          <a:solidFill>
            <a:srgbClr val="E8ECF2"/>
          </a:solidFill>
          <a:ln w="28575">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indent="-171450">
              <a:spcAft>
                <a:spcPts val="600"/>
              </a:spcAft>
              <a:buFont typeface="Arial" panose="020B0604020202020204" pitchFamily="34" charset="0"/>
              <a:buChar char="•"/>
            </a:pPr>
            <a:r>
              <a:rPr lang="da-DK" sz="1100" b="1" noProof="0">
                <a:solidFill>
                  <a:schemeClr val="accent3"/>
                </a:solidFill>
                <a:latin typeface="Arial" panose="020B0604020202020204" pitchFamily="34" charset="0"/>
              </a:rPr>
              <a:t>Økonomiske sårbarheder. </a:t>
            </a:r>
            <a:r>
              <a:rPr lang="da-DK" sz="1100" noProof="0">
                <a:solidFill>
                  <a:schemeClr val="accent3"/>
                </a:solidFill>
                <a:latin typeface="Arial" panose="020B0604020202020204" pitchFamily="34" charset="0"/>
              </a:rPr>
              <a:t>Når store </a:t>
            </a:r>
            <a:r>
              <a:rPr lang="da-DK" sz="1100" noProof="0" dirty="0" err="1">
                <a:solidFill>
                  <a:schemeClr val="accent3"/>
                </a:solidFill>
                <a:latin typeface="Arial" panose="020B0604020202020204" pitchFamily="34" charset="0"/>
              </a:rPr>
              <a:t>tech</a:t>
            </a:r>
            <a:r>
              <a:rPr lang="da-DK" sz="1100" noProof="0">
                <a:solidFill>
                  <a:schemeClr val="accent3"/>
                </a:solidFill>
                <a:latin typeface="Arial" panose="020B0604020202020204" pitchFamily="34" charset="0"/>
              </a:rPr>
              <a:t>-leverandører på flere områder har opnået markedsmagt kan det udfordre forhandlinger om priser og kan medføre, at der betales for meget, eller at der accepteres ugunstige vilkår. Som eksempel er udgifterne til Microsoft-licenser steget markant i både stat og kommuner**.</a:t>
            </a:r>
          </a:p>
          <a:p>
            <a:pPr marL="171450" indent="-171450">
              <a:spcAft>
                <a:spcPts val="600"/>
              </a:spcAft>
              <a:buFont typeface="Arial" panose="020B0604020202020204" pitchFamily="34" charset="0"/>
              <a:buChar char="•"/>
            </a:pPr>
            <a:r>
              <a:rPr lang="da-DK" sz="1100" b="1" noProof="0">
                <a:solidFill>
                  <a:schemeClr val="accent3"/>
                </a:solidFill>
                <a:latin typeface="Arial" panose="020B0604020202020204" pitchFamily="34" charset="0"/>
              </a:rPr>
              <a:t>Reduktion af handlefrihed. </a:t>
            </a:r>
            <a:r>
              <a:rPr lang="da-DK" sz="1100" noProof="0">
                <a:solidFill>
                  <a:schemeClr val="accent3"/>
                </a:solidFill>
                <a:latin typeface="Arial" panose="020B0604020202020204" pitchFamily="34" charset="0"/>
              </a:rPr>
              <a:t>Når meget teknologi er koncentreret om få større leverandører, øger det risikoen for </a:t>
            </a:r>
            <a:r>
              <a:rPr lang="da-DK" sz="1100" noProof="0" dirty="0" err="1">
                <a:solidFill>
                  <a:schemeClr val="accent3"/>
                </a:solidFill>
                <a:latin typeface="Arial" panose="020B0604020202020204" pitchFamily="34" charset="0"/>
              </a:rPr>
              <a:t>vendor</a:t>
            </a:r>
            <a:r>
              <a:rPr lang="da-DK" sz="1100" noProof="0">
                <a:solidFill>
                  <a:schemeClr val="accent3"/>
                </a:solidFill>
                <a:latin typeface="Arial" panose="020B0604020202020204" pitchFamily="34" charset="0"/>
              </a:rPr>
              <a:t> </a:t>
            </a:r>
            <a:r>
              <a:rPr lang="da-DK" sz="1100" noProof="0" dirty="0" err="1">
                <a:solidFill>
                  <a:schemeClr val="accent3"/>
                </a:solidFill>
                <a:latin typeface="Arial" panose="020B0604020202020204" pitchFamily="34" charset="0"/>
              </a:rPr>
              <a:t>lock</a:t>
            </a:r>
            <a:r>
              <a:rPr lang="da-DK" sz="1100" noProof="0">
                <a:solidFill>
                  <a:schemeClr val="accent3"/>
                </a:solidFill>
                <a:latin typeface="Arial" panose="020B0604020202020204" pitchFamily="34" charset="0"/>
              </a:rPr>
              <a:t>-in, som begrænser handlefriheden for de offentlige myndigheder. Det er forbundet med betydelige omkostninger og risici at bryde et </a:t>
            </a:r>
            <a:r>
              <a:rPr lang="da-DK" sz="1100" noProof="0" dirty="0" err="1">
                <a:solidFill>
                  <a:schemeClr val="accent3"/>
                </a:solidFill>
                <a:latin typeface="Arial" panose="020B0604020202020204" pitchFamily="34" charset="0"/>
              </a:rPr>
              <a:t>vendor</a:t>
            </a:r>
            <a:r>
              <a:rPr lang="da-DK" sz="1100" noProof="0">
                <a:solidFill>
                  <a:schemeClr val="accent3"/>
                </a:solidFill>
                <a:latin typeface="Arial" panose="020B0604020202020204" pitchFamily="34" charset="0"/>
              </a:rPr>
              <a:t> </a:t>
            </a:r>
            <a:r>
              <a:rPr lang="da-DK" sz="1100" noProof="0" dirty="0" err="1">
                <a:solidFill>
                  <a:schemeClr val="accent3"/>
                </a:solidFill>
                <a:latin typeface="Arial" panose="020B0604020202020204" pitchFamily="34" charset="0"/>
              </a:rPr>
              <a:t>lock</a:t>
            </a:r>
            <a:r>
              <a:rPr lang="da-DK" sz="1100" noProof="0">
                <a:solidFill>
                  <a:schemeClr val="accent3"/>
                </a:solidFill>
                <a:latin typeface="Arial" panose="020B0604020202020204" pitchFamily="34" charset="0"/>
              </a:rPr>
              <a:t>-in</a:t>
            </a:r>
            <a:r>
              <a:rPr lang="da-DK" sz="1100" noProof="0" dirty="0">
                <a:solidFill>
                  <a:schemeClr val="accent3"/>
                </a:solidFill>
                <a:latin typeface="Arial" panose="020B0604020202020204" pitchFamily="34" charset="0"/>
              </a:rPr>
              <a:t>. Det kan desuden </a:t>
            </a:r>
            <a:r>
              <a:rPr lang="da-DK" sz="1100" noProof="0">
                <a:solidFill>
                  <a:schemeClr val="accent3"/>
                </a:solidFill>
                <a:latin typeface="Arial" panose="020B0604020202020204" pitchFamily="34" charset="0"/>
              </a:rPr>
              <a:t>være svært at påvirke udviklingen af løsninger.</a:t>
            </a:r>
          </a:p>
          <a:p>
            <a:pPr marL="171450" indent="-171450">
              <a:spcAft>
                <a:spcPts val="600"/>
              </a:spcAft>
              <a:buFont typeface="Arial" panose="020B0604020202020204" pitchFamily="34" charset="0"/>
              <a:buChar char="•"/>
            </a:pPr>
            <a:r>
              <a:rPr lang="da-DK" sz="1100" b="1" noProof="0">
                <a:solidFill>
                  <a:schemeClr val="accent3"/>
                </a:solidFill>
                <a:latin typeface="Arial" panose="020B0604020202020204" pitchFamily="34" charset="0"/>
              </a:rPr>
              <a:t>Øget usikkerhed</a:t>
            </a:r>
            <a:r>
              <a:rPr lang="da-DK" sz="1100" noProof="0">
                <a:solidFill>
                  <a:schemeClr val="accent3"/>
                </a:solidFill>
                <a:latin typeface="Arial" panose="020B0604020202020204" pitchFamily="34" charset="0"/>
              </a:rPr>
              <a:t>. Problemet omkring afhængighed og </a:t>
            </a:r>
            <a:r>
              <a:rPr lang="da-DK" sz="1100" noProof="0" dirty="0" err="1">
                <a:solidFill>
                  <a:schemeClr val="accent3"/>
                </a:solidFill>
                <a:latin typeface="Arial" panose="020B0604020202020204" pitchFamily="34" charset="0"/>
              </a:rPr>
              <a:t>vendor</a:t>
            </a:r>
            <a:r>
              <a:rPr lang="da-DK" sz="1100" noProof="0">
                <a:solidFill>
                  <a:schemeClr val="accent3"/>
                </a:solidFill>
                <a:latin typeface="Arial" panose="020B0604020202020204" pitchFamily="34" charset="0"/>
              </a:rPr>
              <a:t> </a:t>
            </a:r>
            <a:r>
              <a:rPr lang="da-DK" sz="1100" noProof="0" dirty="0" err="1">
                <a:solidFill>
                  <a:schemeClr val="accent3"/>
                </a:solidFill>
                <a:latin typeface="Arial" panose="020B0604020202020204" pitchFamily="34" charset="0"/>
              </a:rPr>
              <a:t>lock</a:t>
            </a:r>
            <a:r>
              <a:rPr lang="da-DK" sz="1100" noProof="0">
                <a:solidFill>
                  <a:schemeClr val="accent3"/>
                </a:solidFill>
                <a:latin typeface="Arial" panose="020B0604020202020204" pitchFamily="34" charset="0"/>
              </a:rPr>
              <a:t>-in gælder både danske, europæiske og ikke-europæiske leverandører. Der vil dog knytte sig en række geopolitiske risici til leverandører uden for EU, ligesom leverandører uden for EU ikke udelukkende er underlagt europæisk regulering. Det giver sammenlagt en større usikkerhed.  </a:t>
            </a:r>
            <a:endParaRPr lang="da-DK" sz="1100" noProof="0">
              <a:solidFill>
                <a:schemeClr val="accent3"/>
              </a:solidFill>
            </a:endParaRPr>
          </a:p>
        </p:txBody>
      </p:sp>
      <p:sp>
        <p:nvSpPr>
          <p:cNvPr id="17" name="Rektangel 8">
            <a:extLst>
              <a:ext uri="{FF2B5EF4-FFF2-40B4-BE49-F238E27FC236}">
                <a16:creationId xmlns:a16="http://schemas.microsoft.com/office/drawing/2014/main" id="{58C6302A-83A6-1D46-FD89-31692D5CAB93}"/>
              </a:ext>
            </a:extLst>
          </p:cNvPr>
          <p:cNvSpPr/>
          <p:nvPr/>
        </p:nvSpPr>
        <p:spPr>
          <a:xfrm>
            <a:off x="8132075" y="1647264"/>
            <a:ext cx="3508745" cy="4566535"/>
          </a:xfrm>
          <a:prstGeom prst="roundRect">
            <a:avLst>
              <a:gd name="adj" fmla="val 2683"/>
            </a:avLst>
          </a:prstGeom>
          <a:solidFill>
            <a:srgbClr val="E8ECF2"/>
          </a:solidFill>
          <a:ln w="28575">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lvl="0" indent="-171450" fontAlgn="base">
              <a:spcBef>
                <a:spcPct val="0"/>
              </a:spcBef>
              <a:spcAft>
                <a:spcPts val="600"/>
              </a:spcAft>
              <a:buFont typeface="Arial" panose="020B0604020202020204" pitchFamily="34" charset="0"/>
              <a:buChar char="•"/>
            </a:pPr>
            <a:r>
              <a:rPr lang="da-DK" sz="1100" b="1" noProof="0" dirty="0">
                <a:solidFill>
                  <a:schemeClr val="accent3"/>
                </a:solidFill>
                <a:latin typeface="Arial" panose="020B0604020202020204" pitchFamily="34" charset="0"/>
              </a:rPr>
              <a:t>Markedskoncentration. </a:t>
            </a:r>
            <a:r>
              <a:rPr lang="da-DK" sz="1100" noProof="0" dirty="0">
                <a:solidFill>
                  <a:schemeClr val="accent3"/>
                </a:solidFill>
                <a:latin typeface="Arial" panose="020B0604020202020204" pitchFamily="34" charset="0"/>
              </a:rPr>
              <a:t>En stor del af vores samlede teknologi- og datalandskab er globalt domineret af store amerikanske </a:t>
            </a:r>
            <a:r>
              <a:rPr lang="da-DK" sz="1100" noProof="0" dirty="0" err="1">
                <a:solidFill>
                  <a:schemeClr val="accent3"/>
                </a:solidFill>
                <a:latin typeface="Arial" panose="020B0604020202020204" pitchFamily="34" charset="0"/>
              </a:rPr>
              <a:t>tech</a:t>
            </a:r>
            <a:r>
              <a:rPr lang="da-DK" sz="1100" noProof="0" dirty="0">
                <a:solidFill>
                  <a:schemeClr val="accent3"/>
                </a:solidFill>
                <a:latin typeface="Arial" panose="020B0604020202020204" pitchFamily="34" charset="0"/>
              </a:rPr>
              <a:t>-leverandører og </a:t>
            </a:r>
            <a:r>
              <a:rPr lang="da-DK" sz="1100" noProof="0" dirty="0" err="1">
                <a:solidFill>
                  <a:schemeClr val="accent3"/>
                </a:solidFill>
                <a:latin typeface="Arial" panose="020B0604020202020204" pitchFamily="34" charset="0"/>
              </a:rPr>
              <a:t>hyperscalers</a:t>
            </a:r>
            <a:r>
              <a:rPr lang="da-DK" sz="1100" noProof="0" dirty="0">
                <a:solidFill>
                  <a:schemeClr val="accent3"/>
                </a:solidFill>
                <a:latin typeface="Arial" panose="020B0604020202020204" pitchFamily="34" charset="0"/>
              </a:rPr>
              <a:t>. Det kan gøre det svært for danske og europæiske aktører at konkurrere. </a:t>
            </a:r>
          </a:p>
          <a:p>
            <a:pPr marL="171450" lvl="0" indent="-171450" fontAlgn="base">
              <a:spcBef>
                <a:spcPct val="0"/>
              </a:spcBef>
              <a:spcAft>
                <a:spcPts val="600"/>
              </a:spcAft>
              <a:buFont typeface="Arial" panose="020B0604020202020204" pitchFamily="34" charset="0"/>
              <a:buChar char="•"/>
            </a:pPr>
            <a:r>
              <a:rPr lang="da-DK" sz="1100" b="1" noProof="0" dirty="0">
                <a:solidFill>
                  <a:schemeClr val="accent3"/>
                </a:solidFill>
                <a:latin typeface="Arial" panose="020B0604020202020204" pitchFamily="34" charset="0"/>
              </a:rPr>
              <a:t>Mangel på alternativer og innovationskapacitet i Danmark og EU. </a:t>
            </a:r>
            <a:r>
              <a:rPr lang="da-DK" sz="1100" noProof="0" dirty="0">
                <a:solidFill>
                  <a:schemeClr val="accent3"/>
                </a:solidFill>
                <a:latin typeface="Arial" panose="020B0604020202020204" pitchFamily="34" charset="0"/>
              </a:rPr>
              <a:t>På flere områder i teknologistakken er der få eller ingen reelle alternativer til ikke-europæiske løsninger med hardware som eksempel. På andre områder er der ved at blive opbygget kapacitet, fx inden for cloud og AI. Mere generelt er der ikke den samme adgang til talent og risikovillig kapital i EU som i lande som USA og Kina.  </a:t>
            </a:r>
          </a:p>
          <a:p>
            <a:pPr marL="171450" lvl="0" indent="-171450" fontAlgn="base">
              <a:spcBef>
                <a:spcPct val="0"/>
              </a:spcBef>
              <a:spcAft>
                <a:spcPts val="600"/>
              </a:spcAft>
              <a:buFont typeface="Arial" panose="020B0604020202020204" pitchFamily="34" charset="0"/>
              <a:buChar char="•"/>
            </a:pPr>
            <a:r>
              <a:rPr lang="da-DK" sz="1100" b="1" noProof="0" dirty="0">
                <a:solidFill>
                  <a:schemeClr val="accent3"/>
                </a:solidFill>
                <a:latin typeface="Arial" panose="020B0604020202020204" pitchFamily="34" charset="0"/>
              </a:rPr>
              <a:t>Få målrettede investeringer i alternativer.</a:t>
            </a:r>
            <a:r>
              <a:rPr lang="da-DK" sz="1100" noProof="0" dirty="0">
                <a:solidFill>
                  <a:schemeClr val="accent3"/>
                </a:solidFill>
                <a:latin typeface="Arial" panose="020B0604020202020204" pitchFamily="34" charset="0"/>
              </a:rPr>
              <a:t> I en dansk kontekst ses en række eksempler på mindre investeringer i at sikre alternative løsninger, imens der aktuelt ses flere markante og målrettede investeringer i digital suverænitet, bl.a. i lande som Frankrig, Holland og Tyskland.</a:t>
            </a:r>
          </a:p>
        </p:txBody>
      </p:sp>
      <p:sp>
        <p:nvSpPr>
          <p:cNvPr id="2" name="Rektangel: afrundede hjørner 1">
            <a:extLst>
              <a:ext uri="{FF2B5EF4-FFF2-40B4-BE49-F238E27FC236}">
                <a16:creationId xmlns:a16="http://schemas.microsoft.com/office/drawing/2014/main" id="{84D32AAD-EC8A-54F0-5E69-78DEF39D3B69}"/>
              </a:ext>
              <a:ext uri="{C183D7F6-B498-43B3-948B-1728B52AA6E4}">
                <adec:decorative xmlns:adec="http://schemas.microsoft.com/office/drawing/2017/decorative" val="1"/>
              </a:ext>
            </a:extLst>
          </p:cNvPr>
          <p:cNvSpPr>
            <a:spLocks/>
          </p:cNvSpPr>
          <p:nvPr/>
        </p:nvSpPr>
        <p:spPr>
          <a:xfrm>
            <a:off x="554355" y="761558"/>
            <a:ext cx="790258" cy="543670"/>
          </a:xfrm>
          <a:prstGeom prst="roundRect">
            <a:avLst>
              <a:gd name="adj" fmla="val 13163"/>
            </a:avLst>
          </a:prstGeom>
          <a:solidFill>
            <a:srgbClr val="E8ECF2"/>
          </a:solidFill>
          <a:ln w="19050">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0" name="Freeform 18">
            <a:extLst>
              <a:ext uri="{FF2B5EF4-FFF2-40B4-BE49-F238E27FC236}">
                <a16:creationId xmlns:a16="http://schemas.microsoft.com/office/drawing/2014/main" id="{D8DDAD1E-465C-7B3C-225C-E7E33BAF40AD}"/>
              </a:ext>
              <a:ext uri="{C183D7F6-B498-43B3-948B-1728B52AA6E4}">
                <adec:decorative xmlns:adec="http://schemas.microsoft.com/office/drawing/2017/decorative" val="1"/>
              </a:ext>
            </a:extLst>
          </p:cNvPr>
          <p:cNvSpPr>
            <a:spLocks noEditPoints="1"/>
          </p:cNvSpPr>
          <p:nvPr/>
        </p:nvSpPr>
        <p:spPr bwMode="auto">
          <a:xfrm>
            <a:off x="717622" y="832606"/>
            <a:ext cx="463724" cy="401575"/>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grpSp>
        <p:nvGrpSpPr>
          <p:cNvPr id="21" name="Group 1">
            <a:extLst>
              <a:ext uri="{FF2B5EF4-FFF2-40B4-BE49-F238E27FC236}">
                <a16:creationId xmlns:a16="http://schemas.microsoft.com/office/drawing/2014/main" id="{D6BAB892-E26A-2DAA-6916-F1295BF880FB}"/>
              </a:ext>
              <a:ext uri="{C183D7F6-B498-43B3-948B-1728B52AA6E4}">
                <adec:decorative xmlns:adec="http://schemas.microsoft.com/office/drawing/2017/decorative" val="1"/>
              </a:ext>
            </a:extLst>
          </p:cNvPr>
          <p:cNvGrpSpPr>
            <a:grpSpLocks noChangeAspect="1"/>
          </p:cNvGrpSpPr>
          <p:nvPr/>
        </p:nvGrpSpPr>
        <p:grpSpPr>
          <a:xfrm>
            <a:off x="639485" y="1686479"/>
            <a:ext cx="274068" cy="246061"/>
            <a:chOff x="-4005223" y="8579"/>
            <a:chExt cx="1125879" cy="1010826"/>
          </a:xfrm>
          <a:solidFill>
            <a:schemeClr val="bg1"/>
          </a:solidFill>
        </p:grpSpPr>
        <p:sp>
          <p:nvSpPr>
            <p:cNvPr id="23" name="Freeform: Shape 2">
              <a:extLst>
                <a:ext uri="{FF2B5EF4-FFF2-40B4-BE49-F238E27FC236}">
                  <a16:creationId xmlns:a16="http://schemas.microsoft.com/office/drawing/2014/main" id="{E5D374AF-183F-E2D0-632B-FFC7FD9AE650}"/>
                </a:ext>
              </a:extLst>
            </p:cNvPr>
            <p:cNvSpPr/>
            <p:nvPr/>
          </p:nvSpPr>
          <p:spPr>
            <a:xfrm>
              <a:off x="-4005223" y="8579"/>
              <a:ext cx="1125879" cy="1010826"/>
            </a:xfrm>
            <a:custGeom>
              <a:avLst/>
              <a:gdLst>
                <a:gd name="connsiteX0" fmla="*/ 1097897 w 1125878"/>
                <a:gd name="connsiteY0" fmla="*/ 805990 h 1010825"/>
                <a:gd name="connsiteX1" fmla="*/ 681651 w 1125878"/>
                <a:gd name="connsiteY1" fmla="*/ 85263 h 1010825"/>
                <a:gd name="connsiteX2" fmla="*/ 563721 w 1125878"/>
                <a:gd name="connsiteY2" fmla="*/ 3082 h 1010825"/>
                <a:gd name="connsiteX3" fmla="*/ 445380 w 1125878"/>
                <a:gd name="connsiteY3" fmla="*/ 85263 h 1010825"/>
                <a:gd name="connsiteX4" fmla="*/ 29545 w 1125878"/>
                <a:gd name="connsiteY4" fmla="*/ 805990 h 1010825"/>
                <a:gd name="connsiteX5" fmla="*/ 17629 w 1125878"/>
                <a:gd name="connsiteY5" fmla="*/ 949395 h 1010825"/>
                <a:gd name="connsiteX6" fmla="*/ 147885 w 1125878"/>
                <a:gd name="connsiteY6" fmla="*/ 1010620 h 1010825"/>
                <a:gd name="connsiteX7" fmla="*/ 979967 w 1125878"/>
                <a:gd name="connsiteY7" fmla="*/ 1010620 h 1010825"/>
                <a:gd name="connsiteX8" fmla="*/ 1110225 w 1125878"/>
                <a:gd name="connsiteY8" fmla="*/ 949395 h 1010825"/>
                <a:gd name="connsiteX9" fmla="*/ 1097897 w 1125878"/>
                <a:gd name="connsiteY9" fmla="*/ 805990 h 1010825"/>
                <a:gd name="connsiteX10" fmla="*/ 1076119 w 1125878"/>
                <a:gd name="connsiteY10" fmla="*/ 929672 h 1010825"/>
                <a:gd name="connsiteX11" fmla="*/ 979967 w 1125878"/>
                <a:gd name="connsiteY11" fmla="*/ 971584 h 1010825"/>
                <a:gd name="connsiteX12" fmla="*/ 147475 w 1125878"/>
                <a:gd name="connsiteY12" fmla="*/ 971584 h 1010825"/>
                <a:gd name="connsiteX13" fmla="*/ 51323 w 1125878"/>
                <a:gd name="connsiteY13" fmla="*/ 929672 h 1010825"/>
                <a:gd name="connsiteX14" fmla="*/ 63239 w 1125878"/>
                <a:gd name="connsiteY14" fmla="*/ 825302 h 1010825"/>
                <a:gd name="connsiteX15" fmla="*/ 479074 w 1125878"/>
                <a:gd name="connsiteY15" fmla="*/ 104575 h 1010825"/>
                <a:gd name="connsiteX16" fmla="*/ 563310 w 1125878"/>
                <a:gd name="connsiteY16" fmla="*/ 42118 h 1010825"/>
                <a:gd name="connsiteX17" fmla="*/ 647545 w 1125878"/>
                <a:gd name="connsiteY17" fmla="*/ 104575 h 1010825"/>
                <a:gd name="connsiteX18" fmla="*/ 1063792 w 1125878"/>
                <a:gd name="connsiteY18" fmla="*/ 825302 h 1010825"/>
                <a:gd name="connsiteX19" fmla="*/ 1076119 w 1125878"/>
                <a:gd name="connsiteY19" fmla="*/ 929672 h 10108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125878" h="1010825">
                  <a:moveTo>
                    <a:pt x="1097897" y="805990"/>
                  </a:moveTo>
                  <a:lnTo>
                    <a:pt x="681651" y="85263"/>
                  </a:lnTo>
                  <a:cubicBezTo>
                    <a:pt x="651244" y="32256"/>
                    <a:pt x="609332" y="3082"/>
                    <a:pt x="563721" y="3082"/>
                  </a:cubicBezTo>
                  <a:cubicBezTo>
                    <a:pt x="518110" y="3082"/>
                    <a:pt x="476198" y="32256"/>
                    <a:pt x="445380" y="85263"/>
                  </a:cubicBezTo>
                  <a:lnTo>
                    <a:pt x="29545" y="805990"/>
                  </a:lnTo>
                  <a:cubicBezTo>
                    <a:pt x="-862" y="858996"/>
                    <a:pt x="-5382" y="909949"/>
                    <a:pt x="17629" y="949395"/>
                  </a:cubicBezTo>
                  <a:cubicBezTo>
                    <a:pt x="40228" y="988842"/>
                    <a:pt x="86661" y="1010620"/>
                    <a:pt x="147885" y="1010620"/>
                  </a:cubicBezTo>
                  <a:lnTo>
                    <a:pt x="979967" y="1010620"/>
                  </a:lnTo>
                  <a:cubicBezTo>
                    <a:pt x="1041192" y="1010620"/>
                    <a:pt x="1087214" y="988842"/>
                    <a:pt x="1110225" y="949395"/>
                  </a:cubicBezTo>
                  <a:cubicBezTo>
                    <a:pt x="1132413" y="909538"/>
                    <a:pt x="1128304" y="858585"/>
                    <a:pt x="1097897" y="805990"/>
                  </a:cubicBezTo>
                  <a:close/>
                  <a:moveTo>
                    <a:pt x="1076119" y="929672"/>
                  </a:moveTo>
                  <a:cubicBezTo>
                    <a:pt x="1060916" y="956381"/>
                    <a:pt x="1025578" y="971584"/>
                    <a:pt x="979967" y="971584"/>
                  </a:cubicBezTo>
                  <a:lnTo>
                    <a:pt x="147475" y="971584"/>
                  </a:lnTo>
                  <a:cubicBezTo>
                    <a:pt x="101453" y="971584"/>
                    <a:pt x="66526" y="956381"/>
                    <a:pt x="51323" y="929672"/>
                  </a:cubicBezTo>
                  <a:cubicBezTo>
                    <a:pt x="36119" y="902963"/>
                    <a:pt x="40228" y="865160"/>
                    <a:pt x="63239" y="825302"/>
                  </a:cubicBezTo>
                  <a:lnTo>
                    <a:pt x="479074" y="104575"/>
                  </a:lnTo>
                  <a:cubicBezTo>
                    <a:pt x="502086" y="64718"/>
                    <a:pt x="532903" y="42118"/>
                    <a:pt x="563310" y="42118"/>
                  </a:cubicBezTo>
                  <a:cubicBezTo>
                    <a:pt x="594128" y="42118"/>
                    <a:pt x="624535" y="64718"/>
                    <a:pt x="647545" y="104575"/>
                  </a:cubicBezTo>
                  <a:lnTo>
                    <a:pt x="1063792" y="825302"/>
                  </a:lnTo>
                  <a:cubicBezTo>
                    <a:pt x="1086803" y="865160"/>
                    <a:pt x="1091323" y="902963"/>
                    <a:pt x="1076119" y="929672"/>
                  </a:cubicBezTo>
                  <a:close/>
                </a:path>
              </a:pathLst>
            </a:custGeom>
            <a:grpFill/>
            <a:ln w="9525" cap="flat">
              <a:noFill/>
              <a:prstDash val="solid"/>
              <a:miter/>
            </a:ln>
          </p:spPr>
          <p:txBody>
            <a:bodyPr rtlCol="0" anchor="ctr"/>
            <a:lstStyle/>
            <a:p>
              <a:endParaRPr lang="da-DK" noProof="0"/>
            </a:p>
          </p:txBody>
        </p:sp>
        <p:sp>
          <p:nvSpPr>
            <p:cNvPr id="24" name="Freeform: Shape 3">
              <a:extLst>
                <a:ext uri="{FF2B5EF4-FFF2-40B4-BE49-F238E27FC236}">
                  <a16:creationId xmlns:a16="http://schemas.microsoft.com/office/drawing/2014/main" id="{620525FD-B872-3475-7F37-191C525E971F}"/>
                </a:ext>
              </a:extLst>
            </p:cNvPr>
            <p:cNvSpPr/>
            <p:nvPr/>
          </p:nvSpPr>
          <p:spPr>
            <a:xfrm>
              <a:off x="-3519369" y="738757"/>
              <a:ext cx="152035" cy="152035"/>
            </a:xfrm>
            <a:custGeom>
              <a:avLst/>
              <a:gdLst>
                <a:gd name="connsiteX0" fmla="*/ 130462 w 152034"/>
                <a:gd name="connsiteY0" fmla="*/ 24449 h 152034"/>
                <a:gd name="connsiteX1" fmla="*/ 78278 w 152034"/>
                <a:gd name="connsiteY1" fmla="*/ 3082 h 152034"/>
                <a:gd name="connsiteX2" fmla="*/ 25271 w 152034"/>
                <a:gd name="connsiteY2" fmla="*/ 24860 h 152034"/>
                <a:gd name="connsiteX3" fmla="*/ 3082 w 152034"/>
                <a:gd name="connsiteY3" fmla="*/ 77867 h 152034"/>
                <a:gd name="connsiteX4" fmla="*/ 25271 w 152034"/>
                <a:gd name="connsiteY4" fmla="*/ 130462 h 152034"/>
                <a:gd name="connsiteX5" fmla="*/ 78278 w 152034"/>
                <a:gd name="connsiteY5" fmla="*/ 152651 h 152034"/>
                <a:gd name="connsiteX6" fmla="*/ 130051 w 152034"/>
                <a:gd name="connsiteY6" fmla="*/ 130873 h 152034"/>
                <a:gd name="connsiteX7" fmla="*/ 152240 w 152034"/>
                <a:gd name="connsiteY7" fmla="*/ 77867 h 152034"/>
                <a:gd name="connsiteX8" fmla="*/ 130462 w 152034"/>
                <a:gd name="connsiteY8" fmla="*/ 24449 h 152034"/>
                <a:gd name="connsiteX9" fmla="*/ 108685 w 152034"/>
                <a:gd name="connsiteY9" fmla="*/ 108684 h 152034"/>
                <a:gd name="connsiteX10" fmla="*/ 78278 w 152034"/>
                <a:gd name="connsiteY10" fmla="*/ 121833 h 152034"/>
                <a:gd name="connsiteX11" fmla="*/ 47049 w 152034"/>
                <a:gd name="connsiteY11" fmla="*/ 108684 h 152034"/>
                <a:gd name="connsiteX12" fmla="*/ 33900 w 152034"/>
                <a:gd name="connsiteY12" fmla="*/ 77867 h 152034"/>
                <a:gd name="connsiteX13" fmla="*/ 47049 w 152034"/>
                <a:gd name="connsiteY13" fmla="*/ 47049 h 152034"/>
                <a:gd name="connsiteX14" fmla="*/ 78278 w 152034"/>
                <a:gd name="connsiteY14" fmla="*/ 34311 h 152034"/>
                <a:gd name="connsiteX15" fmla="*/ 108685 w 152034"/>
                <a:gd name="connsiteY15" fmla="*/ 47049 h 152034"/>
                <a:gd name="connsiteX16" fmla="*/ 121833 w 152034"/>
                <a:gd name="connsiteY16" fmla="*/ 78277 h 152034"/>
                <a:gd name="connsiteX17" fmla="*/ 108685 w 152034"/>
                <a:gd name="connsiteY17" fmla="*/ 108684 h 1520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52034" h="152034">
                  <a:moveTo>
                    <a:pt x="130462" y="24449"/>
                  </a:moveTo>
                  <a:cubicBezTo>
                    <a:pt x="116081" y="10478"/>
                    <a:pt x="98001" y="3082"/>
                    <a:pt x="78278" y="3082"/>
                  </a:cubicBezTo>
                  <a:cubicBezTo>
                    <a:pt x="58143" y="3082"/>
                    <a:pt x="39652" y="10478"/>
                    <a:pt x="25271" y="24860"/>
                  </a:cubicBezTo>
                  <a:cubicBezTo>
                    <a:pt x="10889" y="39241"/>
                    <a:pt x="3082" y="57321"/>
                    <a:pt x="3082" y="77867"/>
                  </a:cubicBezTo>
                  <a:cubicBezTo>
                    <a:pt x="3082" y="98001"/>
                    <a:pt x="10889" y="116081"/>
                    <a:pt x="25271" y="130462"/>
                  </a:cubicBezTo>
                  <a:cubicBezTo>
                    <a:pt x="39652" y="144844"/>
                    <a:pt x="58143" y="152651"/>
                    <a:pt x="78278" y="152651"/>
                  </a:cubicBezTo>
                  <a:cubicBezTo>
                    <a:pt x="97590" y="152651"/>
                    <a:pt x="115670" y="145255"/>
                    <a:pt x="130051" y="130873"/>
                  </a:cubicBezTo>
                  <a:cubicBezTo>
                    <a:pt x="144844" y="116492"/>
                    <a:pt x="152240" y="98412"/>
                    <a:pt x="152240" y="77867"/>
                  </a:cubicBezTo>
                  <a:cubicBezTo>
                    <a:pt x="152651" y="57321"/>
                    <a:pt x="144844" y="38831"/>
                    <a:pt x="130462" y="24449"/>
                  </a:cubicBezTo>
                  <a:close/>
                  <a:moveTo>
                    <a:pt x="108685" y="108684"/>
                  </a:moveTo>
                  <a:cubicBezTo>
                    <a:pt x="99644" y="117724"/>
                    <a:pt x="89783" y="121833"/>
                    <a:pt x="78278" y="121833"/>
                  </a:cubicBezTo>
                  <a:cubicBezTo>
                    <a:pt x="65950" y="121833"/>
                    <a:pt x="56089" y="117724"/>
                    <a:pt x="47049" y="108684"/>
                  </a:cubicBezTo>
                  <a:cubicBezTo>
                    <a:pt x="38009" y="99644"/>
                    <a:pt x="33900" y="90194"/>
                    <a:pt x="33900" y="77867"/>
                  </a:cubicBezTo>
                  <a:cubicBezTo>
                    <a:pt x="33900" y="65539"/>
                    <a:pt x="38009" y="55678"/>
                    <a:pt x="47049" y="47049"/>
                  </a:cubicBezTo>
                  <a:cubicBezTo>
                    <a:pt x="56089" y="38420"/>
                    <a:pt x="65950" y="34311"/>
                    <a:pt x="78278" y="34311"/>
                  </a:cubicBezTo>
                  <a:cubicBezTo>
                    <a:pt x="90194" y="34311"/>
                    <a:pt x="100055" y="38420"/>
                    <a:pt x="108685" y="47049"/>
                  </a:cubicBezTo>
                  <a:cubicBezTo>
                    <a:pt x="117724" y="55678"/>
                    <a:pt x="121833" y="65539"/>
                    <a:pt x="121833" y="78277"/>
                  </a:cubicBezTo>
                  <a:cubicBezTo>
                    <a:pt x="121833" y="90194"/>
                    <a:pt x="117724" y="100055"/>
                    <a:pt x="108685" y="108684"/>
                  </a:cubicBezTo>
                  <a:close/>
                </a:path>
              </a:pathLst>
            </a:custGeom>
            <a:grpFill/>
            <a:ln w="9525" cap="flat">
              <a:noFill/>
              <a:prstDash val="solid"/>
              <a:miter/>
            </a:ln>
          </p:spPr>
          <p:txBody>
            <a:bodyPr rtlCol="0" anchor="ctr"/>
            <a:lstStyle/>
            <a:p>
              <a:endParaRPr lang="da-DK" noProof="0"/>
            </a:p>
          </p:txBody>
        </p:sp>
        <p:sp>
          <p:nvSpPr>
            <p:cNvPr id="26" name="Freeform: Shape 4">
              <a:extLst>
                <a:ext uri="{FF2B5EF4-FFF2-40B4-BE49-F238E27FC236}">
                  <a16:creationId xmlns:a16="http://schemas.microsoft.com/office/drawing/2014/main" id="{A2A8BD0F-BC84-F785-8EC9-350FF4650523}"/>
                </a:ext>
              </a:extLst>
            </p:cNvPr>
            <p:cNvSpPr/>
            <p:nvPr/>
          </p:nvSpPr>
          <p:spPr>
            <a:xfrm>
              <a:off x="-3536163" y="230057"/>
              <a:ext cx="180798" cy="460213"/>
            </a:xfrm>
            <a:custGeom>
              <a:avLst/>
              <a:gdLst>
                <a:gd name="connsiteX0" fmla="*/ 179308 w 180798"/>
                <a:gd name="connsiteY0" fmla="*/ 105808 h 460213"/>
                <a:gd name="connsiteX1" fmla="*/ 155064 w 180798"/>
                <a:gd name="connsiteY1" fmla="*/ 28969 h 460213"/>
                <a:gd name="connsiteX2" fmla="*/ 89730 w 180798"/>
                <a:gd name="connsiteY2" fmla="*/ 3082 h 460213"/>
                <a:gd name="connsiteX3" fmla="*/ 25218 w 180798"/>
                <a:gd name="connsiteY3" fmla="*/ 28969 h 460213"/>
                <a:gd name="connsiteX4" fmla="*/ 3440 w 180798"/>
                <a:gd name="connsiteY4" fmla="*/ 105397 h 460213"/>
                <a:gd name="connsiteX5" fmla="*/ 33026 w 180798"/>
                <a:gd name="connsiteY5" fmla="*/ 446037 h 460213"/>
                <a:gd name="connsiteX6" fmla="*/ 48229 w 180798"/>
                <a:gd name="connsiteY6" fmla="*/ 460008 h 460213"/>
                <a:gd name="connsiteX7" fmla="*/ 135341 w 180798"/>
                <a:gd name="connsiteY7" fmla="*/ 460008 h 460213"/>
                <a:gd name="connsiteX8" fmla="*/ 150544 w 180798"/>
                <a:gd name="connsiteY8" fmla="*/ 446037 h 460213"/>
                <a:gd name="connsiteX9" fmla="*/ 179308 w 180798"/>
                <a:gd name="connsiteY9" fmla="*/ 105808 h 460213"/>
                <a:gd name="connsiteX10" fmla="*/ 148490 w 180798"/>
                <a:gd name="connsiteY10" fmla="*/ 102932 h 460213"/>
                <a:gd name="connsiteX11" fmla="*/ 121781 w 180798"/>
                <a:gd name="connsiteY11" fmla="*/ 426725 h 460213"/>
                <a:gd name="connsiteX12" fmla="*/ 121781 w 180798"/>
                <a:gd name="connsiteY12" fmla="*/ 428779 h 460213"/>
                <a:gd name="connsiteX13" fmla="*/ 119727 w 180798"/>
                <a:gd name="connsiteY13" fmla="*/ 428779 h 460213"/>
                <a:gd name="connsiteX14" fmla="*/ 64665 w 180798"/>
                <a:gd name="connsiteY14" fmla="*/ 428779 h 460213"/>
                <a:gd name="connsiteX15" fmla="*/ 62611 w 180798"/>
                <a:gd name="connsiteY15" fmla="*/ 428779 h 460213"/>
                <a:gd name="connsiteX16" fmla="*/ 62611 w 180798"/>
                <a:gd name="connsiteY16" fmla="*/ 426725 h 460213"/>
                <a:gd name="connsiteX17" fmla="*/ 34258 w 180798"/>
                <a:gd name="connsiteY17" fmla="*/ 101699 h 460213"/>
                <a:gd name="connsiteX18" fmla="*/ 48229 w 180798"/>
                <a:gd name="connsiteY18" fmla="*/ 49103 h 460213"/>
                <a:gd name="connsiteX19" fmla="*/ 89730 w 180798"/>
                <a:gd name="connsiteY19" fmla="*/ 33489 h 460213"/>
                <a:gd name="connsiteX20" fmla="*/ 132054 w 180798"/>
                <a:gd name="connsiteY20" fmla="*/ 49103 h 460213"/>
                <a:gd name="connsiteX21" fmla="*/ 148490 w 180798"/>
                <a:gd name="connsiteY21" fmla="*/ 102932 h 4602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80798" h="460213">
                  <a:moveTo>
                    <a:pt x="179308" y="105808"/>
                  </a:moveTo>
                  <a:cubicBezTo>
                    <a:pt x="179719" y="100877"/>
                    <a:pt x="182184" y="58554"/>
                    <a:pt x="155064" y="28969"/>
                  </a:cubicBezTo>
                  <a:cubicBezTo>
                    <a:pt x="144381" y="17053"/>
                    <a:pt x="124246" y="3082"/>
                    <a:pt x="89730" y="3082"/>
                  </a:cubicBezTo>
                  <a:cubicBezTo>
                    <a:pt x="55214" y="3082"/>
                    <a:pt x="35491" y="17053"/>
                    <a:pt x="25218" y="28969"/>
                  </a:cubicBezTo>
                  <a:cubicBezTo>
                    <a:pt x="-1490" y="58965"/>
                    <a:pt x="3440" y="103343"/>
                    <a:pt x="3440" y="105397"/>
                  </a:cubicBezTo>
                  <a:lnTo>
                    <a:pt x="33026" y="446037"/>
                  </a:lnTo>
                  <a:cubicBezTo>
                    <a:pt x="33847" y="454255"/>
                    <a:pt x="40422" y="460008"/>
                    <a:pt x="48229" y="460008"/>
                  </a:cubicBezTo>
                  <a:lnTo>
                    <a:pt x="135341" y="460008"/>
                  </a:lnTo>
                  <a:cubicBezTo>
                    <a:pt x="143148" y="460008"/>
                    <a:pt x="150134" y="453844"/>
                    <a:pt x="150544" y="446037"/>
                  </a:cubicBezTo>
                  <a:lnTo>
                    <a:pt x="179308" y="105808"/>
                  </a:lnTo>
                  <a:close/>
                  <a:moveTo>
                    <a:pt x="148490" y="102932"/>
                  </a:moveTo>
                  <a:lnTo>
                    <a:pt x="121781" y="426725"/>
                  </a:lnTo>
                  <a:lnTo>
                    <a:pt x="121781" y="428779"/>
                  </a:lnTo>
                  <a:lnTo>
                    <a:pt x="119727" y="428779"/>
                  </a:lnTo>
                  <a:lnTo>
                    <a:pt x="64665" y="428779"/>
                  </a:lnTo>
                  <a:lnTo>
                    <a:pt x="62611" y="428779"/>
                  </a:lnTo>
                  <a:lnTo>
                    <a:pt x="62611" y="426725"/>
                  </a:lnTo>
                  <a:lnTo>
                    <a:pt x="34258" y="101699"/>
                  </a:lnTo>
                  <a:cubicBezTo>
                    <a:pt x="33437" y="93481"/>
                    <a:pt x="33847" y="65539"/>
                    <a:pt x="48229" y="49103"/>
                  </a:cubicBezTo>
                  <a:cubicBezTo>
                    <a:pt x="51516" y="45405"/>
                    <a:pt x="62200" y="33489"/>
                    <a:pt x="89730" y="33489"/>
                  </a:cubicBezTo>
                  <a:cubicBezTo>
                    <a:pt x="108632" y="33489"/>
                    <a:pt x="122192" y="38420"/>
                    <a:pt x="132054" y="49103"/>
                  </a:cubicBezTo>
                  <a:cubicBezTo>
                    <a:pt x="147668" y="65950"/>
                    <a:pt x="149312" y="93892"/>
                    <a:pt x="148490" y="102932"/>
                  </a:cubicBezTo>
                  <a:close/>
                </a:path>
              </a:pathLst>
            </a:custGeom>
            <a:grpFill/>
            <a:ln w="9525" cap="flat">
              <a:noFill/>
              <a:prstDash val="solid"/>
              <a:miter/>
            </a:ln>
          </p:spPr>
          <p:txBody>
            <a:bodyPr rtlCol="0" anchor="ctr"/>
            <a:lstStyle/>
            <a:p>
              <a:endParaRPr lang="da-DK" noProof="0"/>
            </a:p>
          </p:txBody>
        </p:sp>
      </p:grpSp>
      <p:sp>
        <p:nvSpPr>
          <p:cNvPr id="36" name="Rektangel 9">
            <a:extLst>
              <a:ext uri="{FF2B5EF4-FFF2-40B4-BE49-F238E27FC236}">
                <a16:creationId xmlns:a16="http://schemas.microsoft.com/office/drawing/2014/main" id="{2C54158E-8042-B78E-1615-95BF0F94A2AC}"/>
              </a:ext>
              <a:ext uri="{C183D7F6-B498-43B3-948B-1728B52AA6E4}">
                <adec:decorative xmlns:adec="http://schemas.microsoft.com/office/drawing/2017/decorative" val="1"/>
              </a:ext>
            </a:extLst>
          </p:cNvPr>
          <p:cNvSpPr>
            <a:spLocks/>
          </p:cNvSpPr>
          <p:nvPr/>
        </p:nvSpPr>
        <p:spPr>
          <a:xfrm>
            <a:off x="4343103"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dirty="0">
                <a:solidFill>
                  <a:schemeClr val="bg1"/>
                </a:solidFill>
              </a:rPr>
              <a:t> Problemer</a:t>
            </a:r>
          </a:p>
        </p:txBody>
      </p:sp>
      <p:sp>
        <p:nvSpPr>
          <p:cNvPr id="37" name="Rektangel 9">
            <a:extLst>
              <a:ext uri="{FF2B5EF4-FFF2-40B4-BE49-F238E27FC236}">
                <a16:creationId xmlns:a16="http://schemas.microsoft.com/office/drawing/2014/main" id="{967CD215-EFEC-ADB6-4CDD-881AB905D7D1}"/>
              </a:ext>
              <a:ext uri="{C183D7F6-B498-43B3-948B-1728B52AA6E4}">
                <adec:decorative xmlns:adec="http://schemas.microsoft.com/office/drawing/2017/decorative" val="1"/>
              </a:ext>
            </a:extLst>
          </p:cNvPr>
          <p:cNvSpPr>
            <a:spLocks/>
          </p:cNvSpPr>
          <p:nvPr/>
        </p:nvSpPr>
        <p:spPr>
          <a:xfrm>
            <a:off x="8133980"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a:solidFill>
                  <a:schemeClr val="bg1"/>
                </a:solidFill>
              </a:rPr>
              <a:t>Strukturelle barrierer</a:t>
            </a:r>
          </a:p>
        </p:txBody>
      </p:sp>
      <p:grpSp>
        <p:nvGrpSpPr>
          <p:cNvPr id="27" name="Group 1">
            <a:extLst>
              <a:ext uri="{FF2B5EF4-FFF2-40B4-BE49-F238E27FC236}">
                <a16:creationId xmlns:a16="http://schemas.microsoft.com/office/drawing/2014/main" id="{57320E43-C121-62F5-A83B-CDEE57E34A06}"/>
              </a:ext>
              <a:ext uri="{C183D7F6-B498-43B3-948B-1728B52AA6E4}">
                <adec:decorative xmlns:adec="http://schemas.microsoft.com/office/drawing/2017/decorative" val="1"/>
              </a:ext>
            </a:extLst>
          </p:cNvPr>
          <p:cNvGrpSpPr>
            <a:grpSpLocks noChangeAspect="1"/>
          </p:cNvGrpSpPr>
          <p:nvPr/>
        </p:nvGrpSpPr>
        <p:grpSpPr>
          <a:xfrm>
            <a:off x="8224868" y="1687109"/>
            <a:ext cx="244800" cy="244800"/>
            <a:chOff x="606791" y="2013550"/>
            <a:chExt cx="589924" cy="589924"/>
          </a:xfrm>
          <a:solidFill>
            <a:schemeClr val="bg1"/>
          </a:solidFill>
        </p:grpSpPr>
        <p:sp>
          <p:nvSpPr>
            <p:cNvPr id="28" name="Freeform: Shape 2">
              <a:extLst>
                <a:ext uri="{FF2B5EF4-FFF2-40B4-BE49-F238E27FC236}">
                  <a16:creationId xmlns:a16="http://schemas.microsoft.com/office/drawing/2014/main" id="{CB5B47A0-D3DD-47DD-D6B6-3EAAD9388A2F}"/>
                </a:ext>
              </a:extLst>
            </p:cNvPr>
            <p:cNvSpPr/>
            <p:nvPr/>
          </p:nvSpPr>
          <p:spPr>
            <a:xfrm>
              <a:off x="606791" y="2013550"/>
              <a:ext cx="589924" cy="589924"/>
            </a:xfrm>
            <a:custGeom>
              <a:avLst/>
              <a:gdLst>
                <a:gd name="connsiteX0" fmla="*/ 501054 w 589923"/>
                <a:gd name="connsiteY0" fmla="*/ 258553 h 589923"/>
                <a:gd name="connsiteX1" fmla="*/ 501054 w 589923"/>
                <a:gd name="connsiteY1" fmla="*/ 253841 h 589923"/>
                <a:gd name="connsiteX2" fmla="*/ 505767 w 589923"/>
                <a:gd name="connsiteY2" fmla="*/ 253841 h 589923"/>
                <a:gd name="connsiteX3" fmla="*/ 519366 w 589923"/>
                <a:gd name="connsiteY3" fmla="*/ 253841 h 589923"/>
                <a:gd name="connsiteX4" fmla="*/ 581818 w 589923"/>
                <a:gd name="connsiteY4" fmla="*/ 253841 h 589923"/>
                <a:gd name="connsiteX5" fmla="*/ 590050 w 589923"/>
                <a:gd name="connsiteY5" fmla="*/ 245610 h 589923"/>
                <a:gd name="connsiteX6" fmla="*/ 590050 w 589923"/>
                <a:gd name="connsiteY6" fmla="*/ 126909 h 589923"/>
                <a:gd name="connsiteX7" fmla="*/ 581818 w 589923"/>
                <a:gd name="connsiteY7" fmla="*/ 118678 h 589923"/>
                <a:gd name="connsiteX8" fmla="*/ 574362 w 589923"/>
                <a:gd name="connsiteY8" fmla="*/ 118678 h 589923"/>
                <a:gd name="connsiteX9" fmla="*/ 505737 w 589923"/>
                <a:gd name="connsiteY9" fmla="*/ 118678 h 589923"/>
                <a:gd name="connsiteX10" fmla="*/ 501025 w 589923"/>
                <a:gd name="connsiteY10" fmla="*/ 118678 h 589923"/>
                <a:gd name="connsiteX11" fmla="*/ 501025 w 589923"/>
                <a:gd name="connsiteY11" fmla="*/ 113965 h 589923"/>
                <a:gd name="connsiteX12" fmla="*/ 501025 w 589923"/>
                <a:gd name="connsiteY12" fmla="*/ 88824 h 589923"/>
                <a:gd name="connsiteX13" fmla="*/ 501025 w 589923"/>
                <a:gd name="connsiteY13" fmla="*/ 86557 h 589923"/>
                <a:gd name="connsiteX14" fmla="*/ 502814 w 589923"/>
                <a:gd name="connsiteY14" fmla="*/ 85125 h 589923"/>
                <a:gd name="connsiteX15" fmla="*/ 520828 w 589923"/>
                <a:gd name="connsiteY15" fmla="*/ 47785 h 589923"/>
                <a:gd name="connsiteX16" fmla="*/ 473019 w 589923"/>
                <a:gd name="connsiteY16" fmla="*/ 7 h 589923"/>
                <a:gd name="connsiteX17" fmla="*/ 425241 w 589923"/>
                <a:gd name="connsiteY17" fmla="*/ 47785 h 589923"/>
                <a:gd name="connsiteX18" fmla="*/ 443255 w 589923"/>
                <a:gd name="connsiteY18" fmla="*/ 85125 h 589923"/>
                <a:gd name="connsiteX19" fmla="*/ 445044 w 589923"/>
                <a:gd name="connsiteY19" fmla="*/ 86557 h 589923"/>
                <a:gd name="connsiteX20" fmla="*/ 445044 w 589923"/>
                <a:gd name="connsiteY20" fmla="*/ 88824 h 589923"/>
                <a:gd name="connsiteX21" fmla="*/ 445044 w 589923"/>
                <a:gd name="connsiteY21" fmla="*/ 113965 h 589923"/>
                <a:gd name="connsiteX22" fmla="*/ 445044 w 589923"/>
                <a:gd name="connsiteY22" fmla="*/ 118678 h 589923"/>
                <a:gd name="connsiteX23" fmla="*/ 440332 w 589923"/>
                <a:gd name="connsiteY23" fmla="*/ 118678 h 589923"/>
                <a:gd name="connsiteX24" fmla="*/ 363058 w 589923"/>
                <a:gd name="connsiteY24" fmla="*/ 118678 h 589923"/>
                <a:gd name="connsiteX25" fmla="*/ 325897 w 589923"/>
                <a:gd name="connsiteY25" fmla="*/ 118678 h 589923"/>
                <a:gd name="connsiteX26" fmla="*/ 321184 w 589923"/>
                <a:gd name="connsiteY26" fmla="*/ 118678 h 589923"/>
                <a:gd name="connsiteX27" fmla="*/ 321184 w 589923"/>
                <a:gd name="connsiteY27" fmla="*/ 113965 h 589923"/>
                <a:gd name="connsiteX28" fmla="*/ 321184 w 589923"/>
                <a:gd name="connsiteY28" fmla="*/ 88824 h 589923"/>
                <a:gd name="connsiteX29" fmla="*/ 321184 w 589923"/>
                <a:gd name="connsiteY29" fmla="*/ 86557 h 589923"/>
                <a:gd name="connsiteX30" fmla="*/ 322944 w 589923"/>
                <a:gd name="connsiteY30" fmla="*/ 85125 h 589923"/>
                <a:gd name="connsiteX31" fmla="*/ 340958 w 589923"/>
                <a:gd name="connsiteY31" fmla="*/ 47785 h 589923"/>
                <a:gd name="connsiteX32" fmla="*/ 293179 w 589923"/>
                <a:gd name="connsiteY32" fmla="*/ 7 h 589923"/>
                <a:gd name="connsiteX33" fmla="*/ 245371 w 589923"/>
                <a:gd name="connsiteY33" fmla="*/ 47785 h 589923"/>
                <a:gd name="connsiteX34" fmla="*/ 263385 w 589923"/>
                <a:gd name="connsiteY34" fmla="*/ 85125 h 589923"/>
                <a:gd name="connsiteX35" fmla="*/ 265174 w 589923"/>
                <a:gd name="connsiteY35" fmla="*/ 86557 h 589923"/>
                <a:gd name="connsiteX36" fmla="*/ 265174 w 589923"/>
                <a:gd name="connsiteY36" fmla="*/ 88824 h 589923"/>
                <a:gd name="connsiteX37" fmla="*/ 265174 w 589923"/>
                <a:gd name="connsiteY37" fmla="*/ 113965 h 589923"/>
                <a:gd name="connsiteX38" fmla="*/ 265174 w 589923"/>
                <a:gd name="connsiteY38" fmla="*/ 118678 h 589923"/>
                <a:gd name="connsiteX39" fmla="*/ 260462 w 589923"/>
                <a:gd name="connsiteY39" fmla="*/ 118678 h 589923"/>
                <a:gd name="connsiteX40" fmla="*/ 227029 w 589923"/>
                <a:gd name="connsiteY40" fmla="*/ 118678 h 589923"/>
                <a:gd name="connsiteX41" fmla="*/ 149755 w 589923"/>
                <a:gd name="connsiteY41" fmla="*/ 118678 h 589923"/>
                <a:gd name="connsiteX42" fmla="*/ 145042 w 589923"/>
                <a:gd name="connsiteY42" fmla="*/ 118678 h 589923"/>
                <a:gd name="connsiteX43" fmla="*/ 145042 w 589923"/>
                <a:gd name="connsiteY43" fmla="*/ 113965 h 589923"/>
                <a:gd name="connsiteX44" fmla="*/ 145042 w 589923"/>
                <a:gd name="connsiteY44" fmla="*/ 88824 h 589923"/>
                <a:gd name="connsiteX45" fmla="*/ 145042 w 589923"/>
                <a:gd name="connsiteY45" fmla="*/ 86557 h 589923"/>
                <a:gd name="connsiteX46" fmla="*/ 146832 w 589923"/>
                <a:gd name="connsiteY46" fmla="*/ 85125 h 589923"/>
                <a:gd name="connsiteX47" fmla="*/ 164846 w 589923"/>
                <a:gd name="connsiteY47" fmla="*/ 47785 h 589923"/>
                <a:gd name="connsiteX48" fmla="*/ 117037 w 589923"/>
                <a:gd name="connsiteY48" fmla="*/ 7 h 589923"/>
                <a:gd name="connsiteX49" fmla="*/ 69229 w 589923"/>
                <a:gd name="connsiteY49" fmla="*/ 47785 h 589923"/>
                <a:gd name="connsiteX50" fmla="*/ 87243 w 589923"/>
                <a:gd name="connsiteY50" fmla="*/ 85125 h 589923"/>
                <a:gd name="connsiteX51" fmla="*/ 89032 w 589923"/>
                <a:gd name="connsiteY51" fmla="*/ 86557 h 589923"/>
                <a:gd name="connsiteX52" fmla="*/ 89032 w 589923"/>
                <a:gd name="connsiteY52" fmla="*/ 88824 h 589923"/>
                <a:gd name="connsiteX53" fmla="*/ 89032 w 589923"/>
                <a:gd name="connsiteY53" fmla="*/ 113965 h 589923"/>
                <a:gd name="connsiteX54" fmla="*/ 89032 w 589923"/>
                <a:gd name="connsiteY54" fmla="*/ 118678 h 589923"/>
                <a:gd name="connsiteX55" fmla="*/ 84320 w 589923"/>
                <a:gd name="connsiteY55" fmla="*/ 118678 h 589923"/>
                <a:gd name="connsiteX56" fmla="*/ 8238 w 589923"/>
                <a:gd name="connsiteY56" fmla="*/ 118678 h 589923"/>
                <a:gd name="connsiteX57" fmla="*/ 7 w 589923"/>
                <a:gd name="connsiteY57" fmla="*/ 126909 h 589923"/>
                <a:gd name="connsiteX58" fmla="*/ 7 w 589923"/>
                <a:gd name="connsiteY58" fmla="*/ 245610 h 589923"/>
                <a:gd name="connsiteX59" fmla="*/ 8238 w 589923"/>
                <a:gd name="connsiteY59" fmla="*/ 253841 h 589923"/>
                <a:gd name="connsiteX60" fmla="*/ 15695 w 589923"/>
                <a:gd name="connsiteY60" fmla="*/ 253841 h 589923"/>
                <a:gd name="connsiteX61" fmla="*/ 84320 w 589923"/>
                <a:gd name="connsiteY61" fmla="*/ 253841 h 589923"/>
                <a:gd name="connsiteX62" fmla="*/ 89032 w 589923"/>
                <a:gd name="connsiteY62" fmla="*/ 253841 h 589923"/>
                <a:gd name="connsiteX63" fmla="*/ 89032 w 589923"/>
                <a:gd name="connsiteY63" fmla="*/ 258553 h 589923"/>
                <a:gd name="connsiteX64" fmla="*/ 89032 w 589923"/>
                <a:gd name="connsiteY64" fmla="*/ 272213 h 589923"/>
                <a:gd name="connsiteX65" fmla="*/ 89032 w 589923"/>
                <a:gd name="connsiteY65" fmla="*/ 276925 h 589923"/>
                <a:gd name="connsiteX66" fmla="*/ 84320 w 589923"/>
                <a:gd name="connsiteY66" fmla="*/ 276925 h 589923"/>
                <a:gd name="connsiteX67" fmla="*/ 8238 w 589923"/>
                <a:gd name="connsiteY67" fmla="*/ 276925 h 589923"/>
                <a:gd name="connsiteX68" fmla="*/ 7 w 589923"/>
                <a:gd name="connsiteY68" fmla="*/ 285157 h 589923"/>
                <a:gd name="connsiteX69" fmla="*/ 7 w 589923"/>
                <a:gd name="connsiteY69" fmla="*/ 403857 h 589923"/>
                <a:gd name="connsiteX70" fmla="*/ 8238 w 589923"/>
                <a:gd name="connsiteY70" fmla="*/ 412089 h 589923"/>
                <a:gd name="connsiteX71" fmla="*/ 14442 w 589923"/>
                <a:gd name="connsiteY71" fmla="*/ 412089 h 589923"/>
                <a:gd name="connsiteX72" fmla="*/ 14681 w 589923"/>
                <a:gd name="connsiteY72" fmla="*/ 412089 h 589923"/>
                <a:gd name="connsiteX73" fmla="*/ 14919 w 589923"/>
                <a:gd name="connsiteY73" fmla="*/ 412118 h 589923"/>
                <a:gd name="connsiteX74" fmla="*/ 15724 w 589923"/>
                <a:gd name="connsiteY74" fmla="*/ 412148 h 589923"/>
                <a:gd name="connsiteX75" fmla="*/ 84350 w 589923"/>
                <a:gd name="connsiteY75" fmla="*/ 412148 h 589923"/>
                <a:gd name="connsiteX76" fmla="*/ 89062 w 589923"/>
                <a:gd name="connsiteY76" fmla="*/ 412148 h 589923"/>
                <a:gd name="connsiteX77" fmla="*/ 89062 w 589923"/>
                <a:gd name="connsiteY77" fmla="*/ 416860 h 589923"/>
                <a:gd name="connsiteX78" fmla="*/ 89062 w 589923"/>
                <a:gd name="connsiteY78" fmla="*/ 581878 h 589923"/>
                <a:gd name="connsiteX79" fmla="*/ 97294 w 589923"/>
                <a:gd name="connsiteY79" fmla="*/ 590110 h 589923"/>
                <a:gd name="connsiteX80" fmla="*/ 136870 w 589923"/>
                <a:gd name="connsiteY80" fmla="*/ 590110 h 589923"/>
                <a:gd name="connsiteX81" fmla="*/ 145102 w 589923"/>
                <a:gd name="connsiteY81" fmla="*/ 581878 h 589923"/>
                <a:gd name="connsiteX82" fmla="*/ 145102 w 589923"/>
                <a:gd name="connsiteY82" fmla="*/ 545373 h 589923"/>
                <a:gd name="connsiteX83" fmla="*/ 145102 w 589923"/>
                <a:gd name="connsiteY83" fmla="*/ 540661 h 589923"/>
                <a:gd name="connsiteX84" fmla="*/ 149814 w 589923"/>
                <a:gd name="connsiteY84" fmla="*/ 540661 h 589923"/>
                <a:gd name="connsiteX85" fmla="*/ 440422 w 589923"/>
                <a:gd name="connsiteY85" fmla="*/ 540661 h 589923"/>
                <a:gd name="connsiteX86" fmla="*/ 445134 w 589923"/>
                <a:gd name="connsiteY86" fmla="*/ 540661 h 589923"/>
                <a:gd name="connsiteX87" fmla="*/ 445134 w 589923"/>
                <a:gd name="connsiteY87" fmla="*/ 545373 h 589923"/>
                <a:gd name="connsiteX88" fmla="*/ 445134 w 589923"/>
                <a:gd name="connsiteY88" fmla="*/ 581878 h 589923"/>
                <a:gd name="connsiteX89" fmla="*/ 453365 w 589923"/>
                <a:gd name="connsiteY89" fmla="*/ 590110 h 589923"/>
                <a:gd name="connsiteX90" fmla="*/ 492942 w 589923"/>
                <a:gd name="connsiteY90" fmla="*/ 590110 h 589923"/>
                <a:gd name="connsiteX91" fmla="*/ 501174 w 589923"/>
                <a:gd name="connsiteY91" fmla="*/ 581878 h 589923"/>
                <a:gd name="connsiteX92" fmla="*/ 501174 w 589923"/>
                <a:gd name="connsiteY92" fmla="*/ 416860 h 589923"/>
                <a:gd name="connsiteX93" fmla="*/ 501174 w 589923"/>
                <a:gd name="connsiteY93" fmla="*/ 412148 h 589923"/>
                <a:gd name="connsiteX94" fmla="*/ 505886 w 589923"/>
                <a:gd name="connsiteY94" fmla="*/ 412148 h 589923"/>
                <a:gd name="connsiteX95" fmla="*/ 581968 w 589923"/>
                <a:gd name="connsiteY95" fmla="*/ 412089 h 589923"/>
                <a:gd name="connsiteX96" fmla="*/ 590199 w 589923"/>
                <a:gd name="connsiteY96" fmla="*/ 403857 h 589923"/>
                <a:gd name="connsiteX97" fmla="*/ 590199 w 589923"/>
                <a:gd name="connsiteY97" fmla="*/ 285157 h 589923"/>
                <a:gd name="connsiteX98" fmla="*/ 581968 w 589923"/>
                <a:gd name="connsiteY98" fmla="*/ 276925 h 589923"/>
                <a:gd name="connsiteX99" fmla="*/ 505886 w 589923"/>
                <a:gd name="connsiteY99" fmla="*/ 276925 h 589923"/>
                <a:gd name="connsiteX100" fmla="*/ 501174 w 589923"/>
                <a:gd name="connsiteY100" fmla="*/ 276925 h 589923"/>
                <a:gd name="connsiteX101" fmla="*/ 501174 w 589923"/>
                <a:gd name="connsiteY101" fmla="*/ 272213 h 589923"/>
                <a:gd name="connsiteX102" fmla="*/ 501174 w 589923"/>
                <a:gd name="connsiteY102" fmla="*/ 258553 h 589923"/>
                <a:gd name="connsiteX103" fmla="*/ 573617 w 589923"/>
                <a:gd name="connsiteY103" fmla="*/ 213429 h 589923"/>
                <a:gd name="connsiteX104" fmla="*/ 573617 w 589923"/>
                <a:gd name="connsiteY104" fmla="*/ 232666 h 589923"/>
                <a:gd name="connsiteX105" fmla="*/ 573617 w 589923"/>
                <a:gd name="connsiteY105" fmla="*/ 237378 h 589923"/>
                <a:gd name="connsiteX106" fmla="*/ 568904 w 589923"/>
                <a:gd name="connsiteY106" fmla="*/ 237378 h 589923"/>
                <a:gd name="connsiteX107" fmla="*/ 550145 w 589923"/>
                <a:gd name="connsiteY107" fmla="*/ 237378 h 589923"/>
                <a:gd name="connsiteX108" fmla="*/ 538931 w 589923"/>
                <a:gd name="connsiteY108" fmla="*/ 237378 h 589923"/>
                <a:gd name="connsiteX109" fmla="*/ 546775 w 589923"/>
                <a:gd name="connsiteY109" fmla="*/ 229355 h 589923"/>
                <a:gd name="connsiteX110" fmla="*/ 565534 w 589923"/>
                <a:gd name="connsiteY110" fmla="*/ 210119 h 589923"/>
                <a:gd name="connsiteX111" fmla="*/ 573647 w 589923"/>
                <a:gd name="connsiteY111" fmla="*/ 201798 h 589923"/>
                <a:gd name="connsiteX112" fmla="*/ 573647 w 589923"/>
                <a:gd name="connsiteY112" fmla="*/ 213429 h 589923"/>
                <a:gd name="connsiteX113" fmla="*/ 441704 w 589923"/>
                <a:gd name="connsiteY113" fmla="*/ 47785 h 589923"/>
                <a:gd name="connsiteX114" fmla="*/ 473049 w 589923"/>
                <a:gd name="connsiteY114" fmla="*/ 16440 h 589923"/>
                <a:gd name="connsiteX115" fmla="*/ 504395 w 589923"/>
                <a:gd name="connsiteY115" fmla="*/ 47785 h 589923"/>
                <a:gd name="connsiteX116" fmla="*/ 473049 w 589923"/>
                <a:gd name="connsiteY116" fmla="*/ 79131 h 589923"/>
                <a:gd name="connsiteX117" fmla="*/ 441704 w 589923"/>
                <a:gd name="connsiteY117" fmla="*/ 47785 h 589923"/>
                <a:gd name="connsiteX118" fmla="*/ 484591 w 589923"/>
                <a:gd name="connsiteY118" fmla="*/ 94460 h 589923"/>
                <a:gd name="connsiteX119" fmla="*/ 484591 w 589923"/>
                <a:gd name="connsiteY119" fmla="*/ 99829 h 589923"/>
                <a:gd name="connsiteX120" fmla="*/ 484591 w 589923"/>
                <a:gd name="connsiteY120" fmla="*/ 113936 h 589923"/>
                <a:gd name="connsiteX121" fmla="*/ 484591 w 589923"/>
                <a:gd name="connsiteY121" fmla="*/ 118648 h 589923"/>
                <a:gd name="connsiteX122" fmla="*/ 479879 w 589923"/>
                <a:gd name="connsiteY122" fmla="*/ 118648 h 589923"/>
                <a:gd name="connsiteX123" fmla="*/ 466220 w 589923"/>
                <a:gd name="connsiteY123" fmla="*/ 118648 h 589923"/>
                <a:gd name="connsiteX124" fmla="*/ 461507 w 589923"/>
                <a:gd name="connsiteY124" fmla="*/ 118648 h 589923"/>
                <a:gd name="connsiteX125" fmla="*/ 461507 w 589923"/>
                <a:gd name="connsiteY125" fmla="*/ 113936 h 589923"/>
                <a:gd name="connsiteX126" fmla="*/ 461507 w 589923"/>
                <a:gd name="connsiteY126" fmla="*/ 99829 h 589923"/>
                <a:gd name="connsiteX127" fmla="*/ 461507 w 589923"/>
                <a:gd name="connsiteY127" fmla="*/ 94460 h 589923"/>
                <a:gd name="connsiteX128" fmla="*/ 466846 w 589923"/>
                <a:gd name="connsiteY128" fmla="*/ 95146 h 589923"/>
                <a:gd name="connsiteX129" fmla="*/ 469769 w 589923"/>
                <a:gd name="connsiteY129" fmla="*/ 95445 h 589923"/>
                <a:gd name="connsiteX130" fmla="*/ 469978 w 589923"/>
                <a:gd name="connsiteY130" fmla="*/ 95474 h 589923"/>
                <a:gd name="connsiteX131" fmla="*/ 470097 w 589923"/>
                <a:gd name="connsiteY131" fmla="*/ 95474 h 589923"/>
                <a:gd name="connsiteX132" fmla="*/ 473079 w 589923"/>
                <a:gd name="connsiteY132" fmla="*/ 95564 h 589923"/>
                <a:gd name="connsiteX133" fmla="*/ 476091 w 589923"/>
                <a:gd name="connsiteY133" fmla="*/ 95445 h 589923"/>
                <a:gd name="connsiteX134" fmla="*/ 476211 w 589923"/>
                <a:gd name="connsiteY134" fmla="*/ 95445 h 589923"/>
                <a:gd name="connsiteX135" fmla="*/ 476390 w 589923"/>
                <a:gd name="connsiteY135" fmla="*/ 95445 h 589923"/>
                <a:gd name="connsiteX136" fmla="*/ 479312 w 589923"/>
                <a:gd name="connsiteY136" fmla="*/ 95146 h 589923"/>
                <a:gd name="connsiteX137" fmla="*/ 484591 w 589923"/>
                <a:gd name="connsiteY137" fmla="*/ 94460 h 589923"/>
                <a:gd name="connsiteX138" fmla="*/ 365115 w 589923"/>
                <a:gd name="connsiteY138" fmla="*/ 136572 h 589923"/>
                <a:gd name="connsiteX139" fmla="*/ 366517 w 589923"/>
                <a:gd name="connsiteY139" fmla="*/ 135141 h 589923"/>
                <a:gd name="connsiteX140" fmla="*/ 368515 w 589923"/>
                <a:gd name="connsiteY140" fmla="*/ 135141 h 589923"/>
                <a:gd name="connsiteX141" fmla="*/ 453276 w 589923"/>
                <a:gd name="connsiteY141" fmla="*/ 135141 h 589923"/>
                <a:gd name="connsiteX142" fmla="*/ 467621 w 589923"/>
                <a:gd name="connsiteY142" fmla="*/ 135141 h 589923"/>
                <a:gd name="connsiteX143" fmla="*/ 478776 w 589923"/>
                <a:gd name="connsiteY143" fmla="*/ 135141 h 589923"/>
                <a:gd name="connsiteX144" fmla="*/ 471021 w 589923"/>
                <a:gd name="connsiteY144" fmla="*/ 143163 h 589923"/>
                <a:gd name="connsiteX145" fmla="*/ 381250 w 589923"/>
                <a:gd name="connsiteY145" fmla="*/ 235947 h 589923"/>
                <a:gd name="connsiteX146" fmla="*/ 379849 w 589923"/>
                <a:gd name="connsiteY146" fmla="*/ 237378 h 589923"/>
                <a:gd name="connsiteX147" fmla="*/ 377850 w 589923"/>
                <a:gd name="connsiteY147" fmla="*/ 237378 h 589923"/>
                <a:gd name="connsiteX148" fmla="*/ 277999 w 589923"/>
                <a:gd name="connsiteY148" fmla="*/ 237378 h 589923"/>
                <a:gd name="connsiteX149" fmla="*/ 266785 w 589923"/>
                <a:gd name="connsiteY149" fmla="*/ 237378 h 589923"/>
                <a:gd name="connsiteX150" fmla="*/ 274629 w 589923"/>
                <a:gd name="connsiteY150" fmla="*/ 229355 h 589923"/>
                <a:gd name="connsiteX151" fmla="*/ 365115 w 589923"/>
                <a:gd name="connsiteY151" fmla="*/ 136572 h 589923"/>
                <a:gd name="connsiteX152" fmla="*/ 467592 w 589923"/>
                <a:gd name="connsiteY152" fmla="*/ 293448 h 589923"/>
                <a:gd name="connsiteX153" fmla="*/ 478746 w 589923"/>
                <a:gd name="connsiteY153" fmla="*/ 293448 h 589923"/>
                <a:gd name="connsiteX154" fmla="*/ 470991 w 589923"/>
                <a:gd name="connsiteY154" fmla="*/ 301470 h 589923"/>
                <a:gd name="connsiteX155" fmla="*/ 381280 w 589923"/>
                <a:gd name="connsiteY155" fmla="*/ 394194 h 589923"/>
                <a:gd name="connsiteX156" fmla="*/ 379878 w 589923"/>
                <a:gd name="connsiteY156" fmla="*/ 395626 h 589923"/>
                <a:gd name="connsiteX157" fmla="*/ 377880 w 589923"/>
                <a:gd name="connsiteY157" fmla="*/ 395626 h 589923"/>
                <a:gd name="connsiteX158" fmla="*/ 278029 w 589923"/>
                <a:gd name="connsiteY158" fmla="*/ 395626 h 589923"/>
                <a:gd name="connsiteX159" fmla="*/ 266815 w 589923"/>
                <a:gd name="connsiteY159" fmla="*/ 395626 h 589923"/>
                <a:gd name="connsiteX160" fmla="*/ 274659 w 589923"/>
                <a:gd name="connsiteY160" fmla="*/ 387603 h 589923"/>
                <a:gd name="connsiteX161" fmla="*/ 365145 w 589923"/>
                <a:gd name="connsiteY161" fmla="*/ 294879 h 589923"/>
                <a:gd name="connsiteX162" fmla="*/ 366547 w 589923"/>
                <a:gd name="connsiteY162" fmla="*/ 293448 h 589923"/>
                <a:gd name="connsiteX163" fmla="*/ 368545 w 589923"/>
                <a:gd name="connsiteY163" fmla="*/ 293448 h 589923"/>
                <a:gd name="connsiteX164" fmla="*/ 467592 w 589923"/>
                <a:gd name="connsiteY164" fmla="*/ 293448 h 589923"/>
                <a:gd name="connsiteX165" fmla="*/ 461478 w 589923"/>
                <a:gd name="connsiteY165" fmla="*/ 276955 h 589923"/>
                <a:gd name="connsiteX166" fmla="*/ 461478 w 589923"/>
                <a:gd name="connsiteY166" fmla="*/ 272243 h 589923"/>
                <a:gd name="connsiteX167" fmla="*/ 461478 w 589923"/>
                <a:gd name="connsiteY167" fmla="*/ 258583 h 589923"/>
                <a:gd name="connsiteX168" fmla="*/ 461478 w 589923"/>
                <a:gd name="connsiteY168" fmla="*/ 253871 h 589923"/>
                <a:gd name="connsiteX169" fmla="*/ 466190 w 589923"/>
                <a:gd name="connsiteY169" fmla="*/ 253871 h 589923"/>
                <a:gd name="connsiteX170" fmla="*/ 479849 w 589923"/>
                <a:gd name="connsiteY170" fmla="*/ 253871 h 589923"/>
                <a:gd name="connsiteX171" fmla="*/ 484562 w 589923"/>
                <a:gd name="connsiteY171" fmla="*/ 253871 h 589923"/>
                <a:gd name="connsiteX172" fmla="*/ 484562 w 589923"/>
                <a:gd name="connsiteY172" fmla="*/ 258583 h 589923"/>
                <a:gd name="connsiteX173" fmla="*/ 484562 w 589923"/>
                <a:gd name="connsiteY173" fmla="*/ 272243 h 589923"/>
                <a:gd name="connsiteX174" fmla="*/ 484562 w 589923"/>
                <a:gd name="connsiteY174" fmla="*/ 276955 h 589923"/>
                <a:gd name="connsiteX175" fmla="*/ 479849 w 589923"/>
                <a:gd name="connsiteY175" fmla="*/ 276955 h 589923"/>
                <a:gd name="connsiteX176" fmla="*/ 466190 w 589923"/>
                <a:gd name="connsiteY176" fmla="*/ 276955 h 589923"/>
                <a:gd name="connsiteX177" fmla="*/ 461478 w 589923"/>
                <a:gd name="connsiteY177" fmla="*/ 276955 h 589923"/>
                <a:gd name="connsiteX178" fmla="*/ 445044 w 589923"/>
                <a:gd name="connsiteY178" fmla="*/ 258553 h 589923"/>
                <a:gd name="connsiteX179" fmla="*/ 445044 w 589923"/>
                <a:gd name="connsiteY179" fmla="*/ 272213 h 589923"/>
                <a:gd name="connsiteX180" fmla="*/ 445044 w 589923"/>
                <a:gd name="connsiteY180" fmla="*/ 276925 h 589923"/>
                <a:gd name="connsiteX181" fmla="*/ 440332 w 589923"/>
                <a:gd name="connsiteY181" fmla="*/ 276925 h 589923"/>
                <a:gd name="connsiteX182" fmla="*/ 149725 w 589923"/>
                <a:gd name="connsiteY182" fmla="*/ 276925 h 589923"/>
                <a:gd name="connsiteX183" fmla="*/ 145012 w 589923"/>
                <a:gd name="connsiteY183" fmla="*/ 276925 h 589923"/>
                <a:gd name="connsiteX184" fmla="*/ 145012 w 589923"/>
                <a:gd name="connsiteY184" fmla="*/ 272213 h 589923"/>
                <a:gd name="connsiteX185" fmla="*/ 145012 w 589923"/>
                <a:gd name="connsiteY185" fmla="*/ 258553 h 589923"/>
                <a:gd name="connsiteX186" fmla="*/ 145012 w 589923"/>
                <a:gd name="connsiteY186" fmla="*/ 253841 h 589923"/>
                <a:gd name="connsiteX187" fmla="*/ 149725 w 589923"/>
                <a:gd name="connsiteY187" fmla="*/ 253841 h 589923"/>
                <a:gd name="connsiteX188" fmla="*/ 247250 w 589923"/>
                <a:gd name="connsiteY188" fmla="*/ 253841 h 589923"/>
                <a:gd name="connsiteX189" fmla="*/ 383338 w 589923"/>
                <a:gd name="connsiteY189" fmla="*/ 253841 h 589923"/>
                <a:gd name="connsiteX190" fmla="*/ 440332 w 589923"/>
                <a:gd name="connsiteY190" fmla="*/ 253841 h 589923"/>
                <a:gd name="connsiteX191" fmla="*/ 445044 w 589923"/>
                <a:gd name="connsiteY191" fmla="*/ 253841 h 589923"/>
                <a:gd name="connsiteX192" fmla="*/ 445044 w 589923"/>
                <a:gd name="connsiteY192" fmla="*/ 258553 h 589923"/>
                <a:gd name="connsiteX193" fmla="*/ 261804 w 589923"/>
                <a:gd name="connsiteY193" fmla="*/ 47785 h 589923"/>
                <a:gd name="connsiteX194" fmla="*/ 273883 w 589923"/>
                <a:gd name="connsiteY194" fmla="*/ 23091 h 589923"/>
                <a:gd name="connsiteX195" fmla="*/ 294313 w 589923"/>
                <a:gd name="connsiteY195" fmla="*/ 15724 h 589923"/>
                <a:gd name="connsiteX196" fmla="*/ 326404 w 589923"/>
                <a:gd name="connsiteY196" fmla="*/ 47815 h 589923"/>
                <a:gd name="connsiteX197" fmla="*/ 294313 w 589923"/>
                <a:gd name="connsiteY197" fmla="*/ 79906 h 589923"/>
                <a:gd name="connsiteX198" fmla="*/ 273316 w 589923"/>
                <a:gd name="connsiteY198" fmla="*/ 72033 h 589923"/>
                <a:gd name="connsiteX199" fmla="*/ 261804 w 589923"/>
                <a:gd name="connsiteY199" fmla="*/ 47785 h 589923"/>
                <a:gd name="connsiteX200" fmla="*/ 304691 w 589923"/>
                <a:gd name="connsiteY200" fmla="*/ 94460 h 589923"/>
                <a:gd name="connsiteX201" fmla="*/ 304691 w 589923"/>
                <a:gd name="connsiteY201" fmla="*/ 99829 h 589923"/>
                <a:gd name="connsiteX202" fmla="*/ 304691 w 589923"/>
                <a:gd name="connsiteY202" fmla="*/ 113936 h 589923"/>
                <a:gd name="connsiteX203" fmla="*/ 304691 w 589923"/>
                <a:gd name="connsiteY203" fmla="*/ 118648 h 589923"/>
                <a:gd name="connsiteX204" fmla="*/ 299949 w 589923"/>
                <a:gd name="connsiteY204" fmla="*/ 118648 h 589923"/>
                <a:gd name="connsiteX205" fmla="*/ 286290 w 589923"/>
                <a:gd name="connsiteY205" fmla="*/ 118648 h 589923"/>
                <a:gd name="connsiteX206" fmla="*/ 281578 w 589923"/>
                <a:gd name="connsiteY206" fmla="*/ 118648 h 589923"/>
                <a:gd name="connsiteX207" fmla="*/ 281578 w 589923"/>
                <a:gd name="connsiteY207" fmla="*/ 113936 h 589923"/>
                <a:gd name="connsiteX208" fmla="*/ 281578 w 589923"/>
                <a:gd name="connsiteY208" fmla="*/ 99829 h 589923"/>
                <a:gd name="connsiteX209" fmla="*/ 281578 w 589923"/>
                <a:gd name="connsiteY209" fmla="*/ 94460 h 589923"/>
                <a:gd name="connsiteX210" fmla="*/ 286916 w 589923"/>
                <a:gd name="connsiteY210" fmla="*/ 95146 h 589923"/>
                <a:gd name="connsiteX211" fmla="*/ 289839 w 589923"/>
                <a:gd name="connsiteY211" fmla="*/ 95445 h 589923"/>
                <a:gd name="connsiteX212" fmla="*/ 290048 w 589923"/>
                <a:gd name="connsiteY212" fmla="*/ 95474 h 589923"/>
                <a:gd name="connsiteX213" fmla="*/ 290137 w 589923"/>
                <a:gd name="connsiteY213" fmla="*/ 95474 h 589923"/>
                <a:gd name="connsiteX214" fmla="*/ 293120 w 589923"/>
                <a:gd name="connsiteY214" fmla="*/ 95564 h 589923"/>
                <a:gd name="connsiteX215" fmla="*/ 296132 w 589923"/>
                <a:gd name="connsiteY215" fmla="*/ 95445 h 589923"/>
                <a:gd name="connsiteX216" fmla="*/ 296221 w 589923"/>
                <a:gd name="connsiteY216" fmla="*/ 95445 h 589923"/>
                <a:gd name="connsiteX217" fmla="*/ 296430 w 589923"/>
                <a:gd name="connsiteY217" fmla="*/ 95415 h 589923"/>
                <a:gd name="connsiteX218" fmla="*/ 299353 w 589923"/>
                <a:gd name="connsiteY218" fmla="*/ 95117 h 589923"/>
                <a:gd name="connsiteX219" fmla="*/ 304691 w 589923"/>
                <a:gd name="connsiteY219" fmla="*/ 94460 h 589923"/>
                <a:gd name="connsiteX220" fmla="*/ 229027 w 589923"/>
                <a:gd name="connsiteY220" fmla="*/ 136572 h 589923"/>
                <a:gd name="connsiteX221" fmla="*/ 230429 w 589923"/>
                <a:gd name="connsiteY221" fmla="*/ 135141 h 589923"/>
                <a:gd name="connsiteX222" fmla="*/ 232427 w 589923"/>
                <a:gd name="connsiteY222" fmla="*/ 135141 h 589923"/>
                <a:gd name="connsiteX223" fmla="*/ 273376 w 589923"/>
                <a:gd name="connsiteY223" fmla="*/ 135141 h 589923"/>
                <a:gd name="connsiteX224" fmla="*/ 312953 w 589923"/>
                <a:gd name="connsiteY224" fmla="*/ 135141 h 589923"/>
                <a:gd name="connsiteX225" fmla="*/ 332339 w 589923"/>
                <a:gd name="connsiteY225" fmla="*/ 135141 h 589923"/>
                <a:gd name="connsiteX226" fmla="*/ 343553 w 589923"/>
                <a:gd name="connsiteY226" fmla="*/ 135141 h 589923"/>
                <a:gd name="connsiteX227" fmla="*/ 335709 w 589923"/>
                <a:gd name="connsiteY227" fmla="*/ 143163 h 589923"/>
                <a:gd name="connsiteX228" fmla="*/ 245162 w 589923"/>
                <a:gd name="connsiteY228" fmla="*/ 235947 h 589923"/>
                <a:gd name="connsiteX229" fmla="*/ 243761 w 589923"/>
                <a:gd name="connsiteY229" fmla="*/ 237378 h 589923"/>
                <a:gd name="connsiteX230" fmla="*/ 241762 w 589923"/>
                <a:gd name="connsiteY230" fmla="*/ 237378 h 589923"/>
                <a:gd name="connsiteX231" fmla="*/ 141881 w 589923"/>
                <a:gd name="connsiteY231" fmla="*/ 237378 h 589923"/>
                <a:gd name="connsiteX232" fmla="*/ 130667 w 589923"/>
                <a:gd name="connsiteY232" fmla="*/ 237378 h 589923"/>
                <a:gd name="connsiteX233" fmla="*/ 138511 w 589923"/>
                <a:gd name="connsiteY233" fmla="*/ 229355 h 589923"/>
                <a:gd name="connsiteX234" fmla="*/ 229027 w 589923"/>
                <a:gd name="connsiteY234" fmla="*/ 136572 h 589923"/>
                <a:gd name="connsiteX235" fmla="*/ 84887 w 589923"/>
                <a:gd name="connsiteY235" fmla="*/ 47785 h 589923"/>
                <a:gd name="connsiteX236" fmla="*/ 116978 w 589923"/>
                <a:gd name="connsiteY236" fmla="*/ 15695 h 589923"/>
                <a:gd name="connsiteX237" fmla="*/ 149039 w 589923"/>
                <a:gd name="connsiteY237" fmla="*/ 47785 h 589923"/>
                <a:gd name="connsiteX238" fmla="*/ 116948 w 589923"/>
                <a:gd name="connsiteY238" fmla="*/ 79876 h 589923"/>
                <a:gd name="connsiteX239" fmla="*/ 84887 w 589923"/>
                <a:gd name="connsiteY239" fmla="*/ 47785 h 589923"/>
                <a:gd name="connsiteX240" fmla="*/ 128490 w 589923"/>
                <a:gd name="connsiteY240" fmla="*/ 94460 h 589923"/>
                <a:gd name="connsiteX241" fmla="*/ 128490 w 589923"/>
                <a:gd name="connsiteY241" fmla="*/ 99829 h 589923"/>
                <a:gd name="connsiteX242" fmla="*/ 128490 w 589923"/>
                <a:gd name="connsiteY242" fmla="*/ 113936 h 589923"/>
                <a:gd name="connsiteX243" fmla="*/ 128490 w 589923"/>
                <a:gd name="connsiteY243" fmla="*/ 118648 h 589923"/>
                <a:gd name="connsiteX244" fmla="*/ 123778 w 589923"/>
                <a:gd name="connsiteY244" fmla="*/ 118648 h 589923"/>
                <a:gd name="connsiteX245" fmla="*/ 110118 w 589923"/>
                <a:gd name="connsiteY245" fmla="*/ 118648 h 589923"/>
                <a:gd name="connsiteX246" fmla="*/ 105406 w 589923"/>
                <a:gd name="connsiteY246" fmla="*/ 118648 h 589923"/>
                <a:gd name="connsiteX247" fmla="*/ 105406 w 589923"/>
                <a:gd name="connsiteY247" fmla="*/ 113936 h 589923"/>
                <a:gd name="connsiteX248" fmla="*/ 105406 w 589923"/>
                <a:gd name="connsiteY248" fmla="*/ 99829 h 589923"/>
                <a:gd name="connsiteX249" fmla="*/ 105406 w 589923"/>
                <a:gd name="connsiteY249" fmla="*/ 94460 h 589923"/>
                <a:gd name="connsiteX250" fmla="*/ 110744 w 589923"/>
                <a:gd name="connsiteY250" fmla="*/ 95146 h 589923"/>
                <a:gd name="connsiteX251" fmla="*/ 113667 w 589923"/>
                <a:gd name="connsiteY251" fmla="*/ 95445 h 589923"/>
                <a:gd name="connsiteX252" fmla="*/ 113846 w 589923"/>
                <a:gd name="connsiteY252" fmla="*/ 95445 h 589923"/>
                <a:gd name="connsiteX253" fmla="*/ 113965 w 589923"/>
                <a:gd name="connsiteY253" fmla="*/ 95445 h 589923"/>
                <a:gd name="connsiteX254" fmla="*/ 116948 w 589923"/>
                <a:gd name="connsiteY254" fmla="*/ 95534 h 589923"/>
                <a:gd name="connsiteX255" fmla="*/ 119960 w 589923"/>
                <a:gd name="connsiteY255" fmla="*/ 95415 h 589923"/>
                <a:gd name="connsiteX256" fmla="*/ 120050 w 589923"/>
                <a:gd name="connsiteY256" fmla="*/ 95415 h 589923"/>
                <a:gd name="connsiteX257" fmla="*/ 120258 w 589923"/>
                <a:gd name="connsiteY257" fmla="*/ 95385 h 589923"/>
                <a:gd name="connsiteX258" fmla="*/ 123181 w 589923"/>
                <a:gd name="connsiteY258" fmla="*/ 95087 h 589923"/>
                <a:gd name="connsiteX259" fmla="*/ 128490 w 589923"/>
                <a:gd name="connsiteY259" fmla="*/ 94460 h 589923"/>
                <a:gd name="connsiteX260" fmla="*/ 16380 w 589923"/>
                <a:gd name="connsiteY260" fmla="*/ 178893 h 589923"/>
                <a:gd name="connsiteX261" fmla="*/ 16380 w 589923"/>
                <a:gd name="connsiteY261" fmla="*/ 139853 h 589923"/>
                <a:gd name="connsiteX262" fmla="*/ 16380 w 589923"/>
                <a:gd name="connsiteY262" fmla="*/ 135141 h 589923"/>
                <a:gd name="connsiteX263" fmla="*/ 21093 w 589923"/>
                <a:gd name="connsiteY263" fmla="*/ 135141 h 589923"/>
                <a:gd name="connsiteX264" fmla="*/ 59178 w 589923"/>
                <a:gd name="connsiteY264" fmla="*/ 135141 h 589923"/>
                <a:gd name="connsiteX265" fmla="*/ 70392 w 589923"/>
                <a:gd name="connsiteY265" fmla="*/ 135141 h 589923"/>
                <a:gd name="connsiteX266" fmla="*/ 62548 w 589923"/>
                <a:gd name="connsiteY266" fmla="*/ 143163 h 589923"/>
                <a:gd name="connsiteX267" fmla="*/ 24493 w 589923"/>
                <a:gd name="connsiteY267" fmla="*/ 182173 h 589923"/>
                <a:gd name="connsiteX268" fmla="*/ 16380 w 589923"/>
                <a:gd name="connsiteY268" fmla="*/ 190494 h 589923"/>
                <a:gd name="connsiteX269" fmla="*/ 16380 w 589923"/>
                <a:gd name="connsiteY269" fmla="*/ 178893 h 589923"/>
                <a:gd name="connsiteX270" fmla="*/ 28549 w 589923"/>
                <a:gd name="connsiteY270" fmla="*/ 237378 h 589923"/>
                <a:gd name="connsiteX271" fmla="*/ 23837 w 589923"/>
                <a:gd name="connsiteY271" fmla="*/ 237378 h 589923"/>
                <a:gd name="connsiteX272" fmla="*/ 23837 w 589923"/>
                <a:gd name="connsiteY272" fmla="*/ 232666 h 589923"/>
                <a:gd name="connsiteX273" fmla="*/ 23837 w 589923"/>
                <a:gd name="connsiteY273" fmla="*/ 208359 h 589923"/>
                <a:gd name="connsiteX274" fmla="*/ 23837 w 589923"/>
                <a:gd name="connsiteY274" fmla="*/ 206421 h 589923"/>
                <a:gd name="connsiteX275" fmla="*/ 25179 w 589923"/>
                <a:gd name="connsiteY275" fmla="*/ 205049 h 589923"/>
                <a:gd name="connsiteX276" fmla="*/ 91985 w 589923"/>
                <a:gd name="connsiteY276" fmla="*/ 136572 h 589923"/>
                <a:gd name="connsiteX277" fmla="*/ 93387 w 589923"/>
                <a:gd name="connsiteY277" fmla="*/ 135141 h 589923"/>
                <a:gd name="connsiteX278" fmla="*/ 95385 w 589923"/>
                <a:gd name="connsiteY278" fmla="*/ 135141 h 589923"/>
                <a:gd name="connsiteX279" fmla="*/ 97174 w 589923"/>
                <a:gd name="connsiteY279" fmla="*/ 135141 h 589923"/>
                <a:gd name="connsiteX280" fmla="*/ 136751 w 589923"/>
                <a:gd name="connsiteY280" fmla="*/ 135141 h 589923"/>
                <a:gd name="connsiteX281" fmla="*/ 196251 w 589923"/>
                <a:gd name="connsiteY281" fmla="*/ 135141 h 589923"/>
                <a:gd name="connsiteX282" fmla="*/ 207464 w 589923"/>
                <a:gd name="connsiteY282" fmla="*/ 135141 h 589923"/>
                <a:gd name="connsiteX283" fmla="*/ 199621 w 589923"/>
                <a:gd name="connsiteY283" fmla="*/ 143163 h 589923"/>
                <a:gd name="connsiteX284" fmla="*/ 109074 w 589923"/>
                <a:gd name="connsiteY284" fmla="*/ 235947 h 589923"/>
                <a:gd name="connsiteX285" fmla="*/ 107673 w 589923"/>
                <a:gd name="connsiteY285" fmla="*/ 237378 h 589923"/>
                <a:gd name="connsiteX286" fmla="*/ 105674 w 589923"/>
                <a:gd name="connsiteY286" fmla="*/ 237378 h 589923"/>
                <a:gd name="connsiteX287" fmla="*/ 97145 w 589923"/>
                <a:gd name="connsiteY287" fmla="*/ 237378 h 589923"/>
                <a:gd name="connsiteX288" fmla="*/ 28549 w 589923"/>
                <a:gd name="connsiteY288" fmla="*/ 237378 h 589923"/>
                <a:gd name="connsiteX289" fmla="*/ 128490 w 589923"/>
                <a:gd name="connsiteY289" fmla="*/ 253841 h 589923"/>
                <a:gd name="connsiteX290" fmla="*/ 128490 w 589923"/>
                <a:gd name="connsiteY290" fmla="*/ 258553 h 589923"/>
                <a:gd name="connsiteX291" fmla="*/ 128490 w 589923"/>
                <a:gd name="connsiteY291" fmla="*/ 272213 h 589923"/>
                <a:gd name="connsiteX292" fmla="*/ 128490 w 589923"/>
                <a:gd name="connsiteY292" fmla="*/ 276925 h 589923"/>
                <a:gd name="connsiteX293" fmla="*/ 123778 w 589923"/>
                <a:gd name="connsiteY293" fmla="*/ 276925 h 589923"/>
                <a:gd name="connsiteX294" fmla="*/ 110118 w 589923"/>
                <a:gd name="connsiteY294" fmla="*/ 276925 h 589923"/>
                <a:gd name="connsiteX295" fmla="*/ 105406 w 589923"/>
                <a:gd name="connsiteY295" fmla="*/ 276925 h 589923"/>
                <a:gd name="connsiteX296" fmla="*/ 105406 w 589923"/>
                <a:gd name="connsiteY296" fmla="*/ 272213 h 589923"/>
                <a:gd name="connsiteX297" fmla="*/ 105406 w 589923"/>
                <a:gd name="connsiteY297" fmla="*/ 258553 h 589923"/>
                <a:gd name="connsiteX298" fmla="*/ 105406 w 589923"/>
                <a:gd name="connsiteY298" fmla="*/ 253841 h 589923"/>
                <a:gd name="connsiteX299" fmla="*/ 110118 w 589923"/>
                <a:gd name="connsiteY299" fmla="*/ 253841 h 589923"/>
                <a:gd name="connsiteX300" fmla="*/ 111132 w 589923"/>
                <a:gd name="connsiteY300" fmla="*/ 253841 h 589923"/>
                <a:gd name="connsiteX301" fmla="*/ 123778 w 589923"/>
                <a:gd name="connsiteY301" fmla="*/ 253841 h 589923"/>
                <a:gd name="connsiteX302" fmla="*/ 128490 w 589923"/>
                <a:gd name="connsiteY302" fmla="*/ 253841 h 589923"/>
                <a:gd name="connsiteX303" fmla="*/ 16380 w 589923"/>
                <a:gd name="connsiteY303" fmla="*/ 337200 h 589923"/>
                <a:gd name="connsiteX304" fmla="*/ 16380 w 589923"/>
                <a:gd name="connsiteY304" fmla="*/ 298130 h 589923"/>
                <a:gd name="connsiteX305" fmla="*/ 16380 w 589923"/>
                <a:gd name="connsiteY305" fmla="*/ 293418 h 589923"/>
                <a:gd name="connsiteX306" fmla="*/ 21093 w 589923"/>
                <a:gd name="connsiteY306" fmla="*/ 293418 h 589923"/>
                <a:gd name="connsiteX307" fmla="*/ 59238 w 589923"/>
                <a:gd name="connsiteY307" fmla="*/ 293418 h 589923"/>
                <a:gd name="connsiteX308" fmla="*/ 70452 w 589923"/>
                <a:gd name="connsiteY308" fmla="*/ 293418 h 589923"/>
                <a:gd name="connsiteX309" fmla="*/ 62608 w 589923"/>
                <a:gd name="connsiteY309" fmla="*/ 301441 h 589923"/>
                <a:gd name="connsiteX310" fmla="*/ 24463 w 589923"/>
                <a:gd name="connsiteY310" fmla="*/ 340510 h 589923"/>
                <a:gd name="connsiteX311" fmla="*/ 16351 w 589923"/>
                <a:gd name="connsiteY311" fmla="*/ 348831 h 589923"/>
                <a:gd name="connsiteX312" fmla="*/ 16351 w 589923"/>
                <a:gd name="connsiteY312" fmla="*/ 337200 h 589923"/>
                <a:gd name="connsiteX313" fmla="*/ 28549 w 589923"/>
                <a:gd name="connsiteY313" fmla="*/ 395655 h 589923"/>
                <a:gd name="connsiteX314" fmla="*/ 23837 w 589923"/>
                <a:gd name="connsiteY314" fmla="*/ 395655 h 589923"/>
                <a:gd name="connsiteX315" fmla="*/ 23837 w 589923"/>
                <a:gd name="connsiteY315" fmla="*/ 390943 h 589923"/>
                <a:gd name="connsiteX316" fmla="*/ 23837 w 589923"/>
                <a:gd name="connsiteY316" fmla="*/ 366696 h 589923"/>
                <a:gd name="connsiteX317" fmla="*/ 23837 w 589923"/>
                <a:gd name="connsiteY317" fmla="*/ 364758 h 589923"/>
                <a:gd name="connsiteX318" fmla="*/ 25179 w 589923"/>
                <a:gd name="connsiteY318" fmla="*/ 363386 h 589923"/>
                <a:gd name="connsiteX319" fmla="*/ 91985 w 589923"/>
                <a:gd name="connsiteY319" fmla="*/ 294909 h 589923"/>
                <a:gd name="connsiteX320" fmla="*/ 93387 w 589923"/>
                <a:gd name="connsiteY320" fmla="*/ 293478 h 589923"/>
                <a:gd name="connsiteX321" fmla="*/ 95385 w 589923"/>
                <a:gd name="connsiteY321" fmla="*/ 293478 h 589923"/>
                <a:gd name="connsiteX322" fmla="*/ 196221 w 589923"/>
                <a:gd name="connsiteY322" fmla="*/ 293478 h 589923"/>
                <a:gd name="connsiteX323" fmla="*/ 207435 w 589923"/>
                <a:gd name="connsiteY323" fmla="*/ 293478 h 589923"/>
                <a:gd name="connsiteX324" fmla="*/ 199591 w 589923"/>
                <a:gd name="connsiteY324" fmla="*/ 301500 h 589923"/>
                <a:gd name="connsiteX325" fmla="*/ 109104 w 589923"/>
                <a:gd name="connsiteY325" fmla="*/ 394224 h 589923"/>
                <a:gd name="connsiteX326" fmla="*/ 107702 w 589923"/>
                <a:gd name="connsiteY326" fmla="*/ 395655 h 589923"/>
                <a:gd name="connsiteX327" fmla="*/ 105704 w 589923"/>
                <a:gd name="connsiteY327" fmla="*/ 395655 h 589923"/>
                <a:gd name="connsiteX328" fmla="*/ 97115 w 589923"/>
                <a:gd name="connsiteY328" fmla="*/ 395655 h 589923"/>
                <a:gd name="connsiteX329" fmla="*/ 28549 w 589923"/>
                <a:gd name="connsiteY329" fmla="*/ 395655 h 589923"/>
                <a:gd name="connsiteX330" fmla="*/ 128490 w 589923"/>
                <a:gd name="connsiteY330" fmla="*/ 416831 h 589923"/>
                <a:gd name="connsiteX331" fmla="*/ 128490 w 589923"/>
                <a:gd name="connsiteY331" fmla="*/ 568964 h 589923"/>
                <a:gd name="connsiteX332" fmla="*/ 128490 w 589923"/>
                <a:gd name="connsiteY332" fmla="*/ 573676 h 589923"/>
                <a:gd name="connsiteX333" fmla="*/ 123778 w 589923"/>
                <a:gd name="connsiteY333" fmla="*/ 573676 h 589923"/>
                <a:gd name="connsiteX334" fmla="*/ 110118 w 589923"/>
                <a:gd name="connsiteY334" fmla="*/ 573676 h 589923"/>
                <a:gd name="connsiteX335" fmla="*/ 105406 w 589923"/>
                <a:gd name="connsiteY335" fmla="*/ 573676 h 589923"/>
                <a:gd name="connsiteX336" fmla="*/ 105406 w 589923"/>
                <a:gd name="connsiteY336" fmla="*/ 568964 h 589923"/>
                <a:gd name="connsiteX337" fmla="*/ 105406 w 589923"/>
                <a:gd name="connsiteY337" fmla="*/ 416890 h 589923"/>
                <a:gd name="connsiteX338" fmla="*/ 105406 w 589923"/>
                <a:gd name="connsiteY338" fmla="*/ 412178 h 589923"/>
                <a:gd name="connsiteX339" fmla="*/ 110118 w 589923"/>
                <a:gd name="connsiteY339" fmla="*/ 412178 h 589923"/>
                <a:gd name="connsiteX340" fmla="*/ 111132 w 589923"/>
                <a:gd name="connsiteY340" fmla="*/ 412178 h 589923"/>
                <a:gd name="connsiteX341" fmla="*/ 111937 w 589923"/>
                <a:gd name="connsiteY341" fmla="*/ 412148 h 589923"/>
                <a:gd name="connsiteX342" fmla="*/ 112176 w 589923"/>
                <a:gd name="connsiteY342" fmla="*/ 412118 h 589923"/>
                <a:gd name="connsiteX343" fmla="*/ 112415 w 589923"/>
                <a:gd name="connsiteY343" fmla="*/ 412118 h 589923"/>
                <a:gd name="connsiteX344" fmla="*/ 123778 w 589923"/>
                <a:gd name="connsiteY344" fmla="*/ 412118 h 589923"/>
                <a:gd name="connsiteX345" fmla="*/ 128490 w 589923"/>
                <a:gd name="connsiteY345" fmla="*/ 412118 h 589923"/>
                <a:gd name="connsiteX346" fmla="*/ 128490 w 589923"/>
                <a:gd name="connsiteY346" fmla="*/ 416831 h 589923"/>
                <a:gd name="connsiteX347" fmla="*/ 141941 w 589923"/>
                <a:gd name="connsiteY347" fmla="*/ 395655 h 589923"/>
                <a:gd name="connsiteX348" fmla="*/ 130727 w 589923"/>
                <a:gd name="connsiteY348" fmla="*/ 395655 h 589923"/>
                <a:gd name="connsiteX349" fmla="*/ 138570 w 589923"/>
                <a:gd name="connsiteY349" fmla="*/ 387633 h 589923"/>
                <a:gd name="connsiteX350" fmla="*/ 229117 w 589923"/>
                <a:gd name="connsiteY350" fmla="*/ 294849 h 589923"/>
                <a:gd name="connsiteX351" fmla="*/ 230519 w 589923"/>
                <a:gd name="connsiteY351" fmla="*/ 293418 h 589923"/>
                <a:gd name="connsiteX352" fmla="*/ 232517 w 589923"/>
                <a:gd name="connsiteY352" fmla="*/ 293418 h 589923"/>
                <a:gd name="connsiteX353" fmla="*/ 332398 w 589923"/>
                <a:gd name="connsiteY353" fmla="*/ 293418 h 589923"/>
                <a:gd name="connsiteX354" fmla="*/ 343612 w 589923"/>
                <a:gd name="connsiteY354" fmla="*/ 293418 h 589923"/>
                <a:gd name="connsiteX355" fmla="*/ 335768 w 589923"/>
                <a:gd name="connsiteY355" fmla="*/ 301441 h 589923"/>
                <a:gd name="connsiteX356" fmla="*/ 245222 w 589923"/>
                <a:gd name="connsiteY356" fmla="*/ 394224 h 589923"/>
                <a:gd name="connsiteX357" fmla="*/ 243820 w 589923"/>
                <a:gd name="connsiteY357" fmla="*/ 395655 h 589923"/>
                <a:gd name="connsiteX358" fmla="*/ 241822 w 589923"/>
                <a:gd name="connsiteY358" fmla="*/ 395655 h 589923"/>
                <a:gd name="connsiteX359" fmla="*/ 141941 w 589923"/>
                <a:gd name="connsiteY359" fmla="*/ 395655 h 589923"/>
                <a:gd name="connsiteX360" fmla="*/ 445044 w 589923"/>
                <a:gd name="connsiteY360" fmla="*/ 486053 h 589923"/>
                <a:gd name="connsiteX361" fmla="*/ 445044 w 589923"/>
                <a:gd name="connsiteY361" fmla="*/ 519486 h 589923"/>
                <a:gd name="connsiteX362" fmla="*/ 445044 w 589923"/>
                <a:gd name="connsiteY362" fmla="*/ 524198 h 589923"/>
                <a:gd name="connsiteX363" fmla="*/ 440332 w 589923"/>
                <a:gd name="connsiteY363" fmla="*/ 524198 h 589923"/>
                <a:gd name="connsiteX364" fmla="*/ 149725 w 589923"/>
                <a:gd name="connsiteY364" fmla="*/ 524198 h 589923"/>
                <a:gd name="connsiteX365" fmla="*/ 145012 w 589923"/>
                <a:gd name="connsiteY365" fmla="*/ 524198 h 589923"/>
                <a:gd name="connsiteX366" fmla="*/ 145012 w 589923"/>
                <a:gd name="connsiteY366" fmla="*/ 519486 h 589923"/>
                <a:gd name="connsiteX367" fmla="*/ 145012 w 589923"/>
                <a:gd name="connsiteY367" fmla="*/ 486053 h 589923"/>
                <a:gd name="connsiteX368" fmla="*/ 145012 w 589923"/>
                <a:gd name="connsiteY368" fmla="*/ 481340 h 589923"/>
                <a:gd name="connsiteX369" fmla="*/ 149725 w 589923"/>
                <a:gd name="connsiteY369" fmla="*/ 481340 h 589923"/>
                <a:gd name="connsiteX370" fmla="*/ 440332 w 589923"/>
                <a:gd name="connsiteY370" fmla="*/ 481340 h 589923"/>
                <a:gd name="connsiteX371" fmla="*/ 445044 w 589923"/>
                <a:gd name="connsiteY371" fmla="*/ 481340 h 589923"/>
                <a:gd name="connsiteX372" fmla="*/ 445044 w 589923"/>
                <a:gd name="connsiteY372" fmla="*/ 486053 h 589923"/>
                <a:gd name="connsiteX373" fmla="*/ 445044 w 589923"/>
                <a:gd name="connsiteY373" fmla="*/ 416890 h 589923"/>
                <a:gd name="connsiteX374" fmla="*/ 445044 w 589923"/>
                <a:gd name="connsiteY374" fmla="*/ 460165 h 589923"/>
                <a:gd name="connsiteX375" fmla="*/ 445044 w 589923"/>
                <a:gd name="connsiteY375" fmla="*/ 464878 h 589923"/>
                <a:gd name="connsiteX376" fmla="*/ 440332 w 589923"/>
                <a:gd name="connsiteY376" fmla="*/ 464878 h 589923"/>
                <a:gd name="connsiteX377" fmla="*/ 149725 w 589923"/>
                <a:gd name="connsiteY377" fmla="*/ 464878 h 589923"/>
                <a:gd name="connsiteX378" fmla="*/ 145012 w 589923"/>
                <a:gd name="connsiteY378" fmla="*/ 464878 h 589923"/>
                <a:gd name="connsiteX379" fmla="*/ 145012 w 589923"/>
                <a:gd name="connsiteY379" fmla="*/ 460165 h 589923"/>
                <a:gd name="connsiteX380" fmla="*/ 145012 w 589923"/>
                <a:gd name="connsiteY380" fmla="*/ 416831 h 589923"/>
                <a:gd name="connsiteX381" fmla="*/ 145012 w 589923"/>
                <a:gd name="connsiteY381" fmla="*/ 412118 h 589923"/>
                <a:gd name="connsiteX382" fmla="*/ 383368 w 589923"/>
                <a:gd name="connsiteY382" fmla="*/ 412178 h 589923"/>
                <a:gd name="connsiteX383" fmla="*/ 440362 w 589923"/>
                <a:gd name="connsiteY383" fmla="*/ 412178 h 589923"/>
                <a:gd name="connsiteX384" fmla="*/ 445074 w 589923"/>
                <a:gd name="connsiteY384" fmla="*/ 412178 h 589923"/>
                <a:gd name="connsiteX385" fmla="*/ 445074 w 589923"/>
                <a:gd name="connsiteY385" fmla="*/ 416890 h 589923"/>
                <a:gd name="connsiteX386" fmla="*/ 484591 w 589923"/>
                <a:gd name="connsiteY386" fmla="*/ 416890 h 589923"/>
                <a:gd name="connsiteX387" fmla="*/ 484591 w 589923"/>
                <a:gd name="connsiteY387" fmla="*/ 568964 h 589923"/>
                <a:gd name="connsiteX388" fmla="*/ 484591 w 589923"/>
                <a:gd name="connsiteY388" fmla="*/ 573676 h 589923"/>
                <a:gd name="connsiteX389" fmla="*/ 479879 w 589923"/>
                <a:gd name="connsiteY389" fmla="*/ 573676 h 589923"/>
                <a:gd name="connsiteX390" fmla="*/ 466220 w 589923"/>
                <a:gd name="connsiteY390" fmla="*/ 573676 h 589923"/>
                <a:gd name="connsiteX391" fmla="*/ 461507 w 589923"/>
                <a:gd name="connsiteY391" fmla="*/ 573676 h 589923"/>
                <a:gd name="connsiteX392" fmla="*/ 461507 w 589923"/>
                <a:gd name="connsiteY392" fmla="*/ 568964 h 589923"/>
                <a:gd name="connsiteX393" fmla="*/ 461507 w 589923"/>
                <a:gd name="connsiteY393" fmla="*/ 532489 h 589923"/>
                <a:gd name="connsiteX394" fmla="*/ 461507 w 589923"/>
                <a:gd name="connsiteY394" fmla="*/ 532370 h 589923"/>
                <a:gd name="connsiteX395" fmla="*/ 461507 w 589923"/>
                <a:gd name="connsiteY395" fmla="*/ 532370 h 589923"/>
                <a:gd name="connsiteX396" fmla="*/ 461507 w 589923"/>
                <a:gd name="connsiteY396" fmla="*/ 473258 h 589923"/>
                <a:gd name="connsiteX397" fmla="*/ 461507 w 589923"/>
                <a:gd name="connsiteY397" fmla="*/ 473258 h 589923"/>
                <a:gd name="connsiteX398" fmla="*/ 461507 w 589923"/>
                <a:gd name="connsiteY398" fmla="*/ 473139 h 589923"/>
                <a:gd name="connsiteX399" fmla="*/ 461507 w 589923"/>
                <a:gd name="connsiteY399" fmla="*/ 416920 h 589923"/>
                <a:gd name="connsiteX400" fmla="*/ 461507 w 589923"/>
                <a:gd name="connsiteY400" fmla="*/ 412208 h 589923"/>
                <a:gd name="connsiteX401" fmla="*/ 466220 w 589923"/>
                <a:gd name="connsiteY401" fmla="*/ 412208 h 589923"/>
                <a:gd name="connsiteX402" fmla="*/ 479879 w 589923"/>
                <a:gd name="connsiteY402" fmla="*/ 412208 h 589923"/>
                <a:gd name="connsiteX403" fmla="*/ 484591 w 589923"/>
                <a:gd name="connsiteY403" fmla="*/ 412208 h 589923"/>
                <a:gd name="connsiteX404" fmla="*/ 484591 w 589923"/>
                <a:gd name="connsiteY404" fmla="*/ 416890 h 589923"/>
                <a:gd name="connsiteX405" fmla="*/ 573617 w 589923"/>
                <a:gd name="connsiteY405" fmla="*/ 371736 h 589923"/>
                <a:gd name="connsiteX406" fmla="*/ 573617 w 589923"/>
                <a:gd name="connsiteY406" fmla="*/ 390913 h 589923"/>
                <a:gd name="connsiteX407" fmla="*/ 573617 w 589923"/>
                <a:gd name="connsiteY407" fmla="*/ 395626 h 589923"/>
                <a:gd name="connsiteX408" fmla="*/ 568904 w 589923"/>
                <a:gd name="connsiteY408" fmla="*/ 395626 h 589923"/>
                <a:gd name="connsiteX409" fmla="*/ 550175 w 589923"/>
                <a:gd name="connsiteY409" fmla="*/ 395626 h 589923"/>
                <a:gd name="connsiteX410" fmla="*/ 538961 w 589923"/>
                <a:gd name="connsiteY410" fmla="*/ 395626 h 589923"/>
                <a:gd name="connsiteX411" fmla="*/ 546805 w 589923"/>
                <a:gd name="connsiteY411" fmla="*/ 387603 h 589923"/>
                <a:gd name="connsiteX412" fmla="*/ 565505 w 589923"/>
                <a:gd name="connsiteY412" fmla="*/ 368426 h 589923"/>
                <a:gd name="connsiteX413" fmla="*/ 573617 w 589923"/>
                <a:gd name="connsiteY413" fmla="*/ 360105 h 589923"/>
                <a:gd name="connsiteX414" fmla="*/ 573617 w 589923"/>
                <a:gd name="connsiteY414" fmla="*/ 371736 h 589923"/>
                <a:gd name="connsiteX415" fmla="*/ 501203 w 589923"/>
                <a:gd name="connsiteY415" fmla="*/ 294879 h 589923"/>
                <a:gd name="connsiteX416" fmla="*/ 502605 w 589923"/>
                <a:gd name="connsiteY416" fmla="*/ 293448 h 589923"/>
                <a:gd name="connsiteX417" fmla="*/ 504603 w 589923"/>
                <a:gd name="connsiteY417" fmla="*/ 293448 h 589923"/>
                <a:gd name="connsiteX418" fmla="*/ 561478 w 589923"/>
                <a:gd name="connsiteY418" fmla="*/ 293448 h 589923"/>
                <a:gd name="connsiteX419" fmla="*/ 566191 w 589923"/>
                <a:gd name="connsiteY419" fmla="*/ 293448 h 589923"/>
                <a:gd name="connsiteX420" fmla="*/ 566191 w 589923"/>
                <a:gd name="connsiteY420" fmla="*/ 298160 h 589923"/>
                <a:gd name="connsiteX421" fmla="*/ 566191 w 589923"/>
                <a:gd name="connsiteY421" fmla="*/ 342240 h 589923"/>
                <a:gd name="connsiteX422" fmla="*/ 566191 w 589923"/>
                <a:gd name="connsiteY422" fmla="*/ 344179 h 589923"/>
                <a:gd name="connsiteX423" fmla="*/ 564848 w 589923"/>
                <a:gd name="connsiteY423" fmla="*/ 345551 h 589923"/>
                <a:gd name="connsiteX424" fmla="*/ 517368 w 589923"/>
                <a:gd name="connsiteY424" fmla="*/ 394224 h 589923"/>
                <a:gd name="connsiteX425" fmla="*/ 515966 w 589923"/>
                <a:gd name="connsiteY425" fmla="*/ 395655 h 589923"/>
                <a:gd name="connsiteX426" fmla="*/ 513968 w 589923"/>
                <a:gd name="connsiteY426" fmla="*/ 395655 h 589923"/>
                <a:gd name="connsiteX427" fmla="*/ 492793 w 589923"/>
                <a:gd name="connsiteY427" fmla="*/ 395655 h 589923"/>
                <a:gd name="connsiteX428" fmla="*/ 453246 w 589923"/>
                <a:gd name="connsiteY428" fmla="*/ 395655 h 589923"/>
                <a:gd name="connsiteX429" fmla="*/ 414087 w 589923"/>
                <a:gd name="connsiteY429" fmla="*/ 395655 h 589923"/>
                <a:gd name="connsiteX430" fmla="*/ 402873 w 589923"/>
                <a:gd name="connsiteY430" fmla="*/ 395655 h 589923"/>
                <a:gd name="connsiteX431" fmla="*/ 410717 w 589923"/>
                <a:gd name="connsiteY431" fmla="*/ 387633 h 589923"/>
                <a:gd name="connsiteX432" fmla="*/ 501203 w 589923"/>
                <a:gd name="connsiteY432" fmla="*/ 294879 h 589923"/>
                <a:gd name="connsiteX433" fmla="*/ 492823 w 589923"/>
                <a:gd name="connsiteY433" fmla="*/ 237378 h 589923"/>
                <a:gd name="connsiteX434" fmla="*/ 453246 w 589923"/>
                <a:gd name="connsiteY434" fmla="*/ 237378 h 589923"/>
                <a:gd name="connsiteX435" fmla="*/ 414027 w 589923"/>
                <a:gd name="connsiteY435" fmla="*/ 237378 h 589923"/>
                <a:gd name="connsiteX436" fmla="*/ 402843 w 589923"/>
                <a:gd name="connsiteY436" fmla="*/ 237378 h 589923"/>
                <a:gd name="connsiteX437" fmla="*/ 410687 w 589923"/>
                <a:gd name="connsiteY437" fmla="*/ 229355 h 589923"/>
                <a:gd name="connsiteX438" fmla="*/ 501233 w 589923"/>
                <a:gd name="connsiteY438" fmla="*/ 136572 h 589923"/>
                <a:gd name="connsiteX439" fmla="*/ 502635 w 589923"/>
                <a:gd name="connsiteY439" fmla="*/ 135141 h 589923"/>
                <a:gd name="connsiteX440" fmla="*/ 504633 w 589923"/>
                <a:gd name="connsiteY440" fmla="*/ 135141 h 589923"/>
                <a:gd name="connsiteX441" fmla="*/ 561508 w 589923"/>
                <a:gd name="connsiteY441" fmla="*/ 135141 h 589923"/>
                <a:gd name="connsiteX442" fmla="*/ 566220 w 589923"/>
                <a:gd name="connsiteY442" fmla="*/ 135141 h 589923"/>
                <a:gd name="connsiteX443" fmla="*/ 566220 w 589923"/>
                <a:gd name="connsiteY443" fmla="*/ 139853 h 589923"/>
                <a:gd name="connsiteX444" fmla="*/ 566220 w 589923"/>
                <a:gd name="connsiteY444" fmla="*/ 183933 h 589923"/>
                <a:gd name="connsiteX445" fmla="*/ 566220 w 589923"/>
                <a:gd name="connsiteY445" fmla="*/ 185872 h 589923"/>
                <a:gd name="connsiteX446" fmla="*/ 564878 w 589923"/>
                <a:gd name="connsiteY446" fmla="*/ 187244 h 589923"/>
                <a:gd name="connsiteX447" fmla="*/ 517368 w 589923"/>
                <a:gd name="connsiteY447" fmla="*/ 235947 h 589923"/>
                <a:gd name="connsiteX448" fmla="*/ 515966 w 589923"/>
                <a:gd name="connsiteY448" fmla="*/ 237378 h 589923"/>
                <a:gd name="connsiteX449" fmla="*/ 513968 w 589923"/>
                <a:gd name="connsiteY449" fmla="*/ 237378 h 589923"/>
                <a:gd name="connsiteX450" fmla="*/ 492823 w 589923"/>
                <a:gd name="connsiteY450" fmla="*/ 237378 h 5899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Lst>
              <a:rect l="l" t="t" r="r" b="b"/>
              <a:pathLst>
                <a:path w="589923" h="589923">
                  <a:moveTo>
                    <a:pt x="501054" y="258553"/>
                  </a:moveTo>
                  <a:lnTo>
                    <a:pt x="501054" y="253841"/>
                  </a:lnTo>
                  <a:lnTo>
                    <a:pt x="505767" y="253841"/>
                  </a:lnTo>
                  <a:lnTo>
                    <a:pt x="519366" y="253841"/>
                  </a:lnTo>
                  <a:lnTo>
                    <a:pt x="581818" y="253841"/>
                  </a:lnTo>
                  <a:cubicBezTo>
                    <a:pt x="586352" y="253841"/>
                    <a:pt x="590050" y="250143"/>
                    <a:pt x="590050" y="245610"/>
                  </a:cubicBezTo>
                  <a:lnTo>
                    <a:pt x="590050" y="126909"/>
                  </a:lnTo>
                  <a:cubicBezTo>
                    <a:pt x="590050" y="122376"/>
                    <a:pt x="586352" y="118678"/>
                    <a:pt x="581818" y="118678"/>
                  </a:cubicBezTo>
                  <a:lnTo>
                    <a:pt x="574362" y="118678"/>
                  </a:lnTo>
                  <a:lnTo>
                    <a:pt x="505737" y="118678"/>
                  </a:lnTo>
                  <a:lnTo>
                    <a:pt x="501025" y="118678"/>
                  </a:lnTo>
                  <a:lnTo>
                    <a:pt x="501025" y="113965"/>
                  </a:lnTo>
                  <a:lnTo>
                    <a:pt x="501025" y="88824"/>
                  </a:lnTo>
                  <a:lnTo>
                    <a:pt x="501025" y="86557"/>
                  </a:lnTo>
                  <a:lnTo>
                    <a:pt x="502814" y="85125"/>
                  </a:lnTo>
                  <a:cubicBezTo>
                    <a:pt x="514267" y="75969"/>
                    <a:pt x="520828" y="62369"/>
                    <a:pt x="520828" y="47785"/>
                  </a:cubicBezTo>
                  <a:cubicBezTo>
                    <a:pt x="520828" y="21421"/>
                    <a:pt x="499384" y="7"/>
                    <a:pt x="473019" y="7"/>
                  </a:cubicBezTo>
                  <a:cubicBezTo>
                    <a:pt x="446655" y="7"/>
                    <a:pt x="425241" y="21451"/>
                    <a:pt x="425241" y="47785"/>
                  </a:cubicBezTo>
                  <a:cubicBezTo>
                    <a:pt x="425241" y="62369"/>
                    <a:pt x="431802" y="75969"/>
                    <a:pt x="443255" y="85125"/>
                  </a:cubicBezTo>
                  <a:lnTo>
                    <a:pt x="445044" y="86557"/>
                  </a:lnTo>
                  <a:lnTo>
                    <a:pt x="445044" y="88824"/>
                  </a:lnTo>
                  <a:lnTo>
                    <a:pt x="445044" y="113965"/>
                  </a:lnTo>
                  <a:lnTo>
                    <a:pt x="445044" y="118678"/>
                  </a:lnTo>
                  <a:lnTo>
                    <a:pt x="440332" y="118678"/>
                  </a:lnTo>
                  <a:lnTo>
                    <a:pt x="363058" y="118678"/>
                  </a:lnTo>
                  <a:lnTo>
                    <a:pt x="325897" y="118678"/>
                  </a:lnTo>
                  <a:lnTo>
                    <a:pt x="321184" y="118678"/>
                  </a:lnTo>
                  <a:lnTo>
                    <a:pt x="321184" y="113965"/>
                  </a:lnTo>
                  <a:lnTo>
                    <a:pt x="321184" y="88824"/>
                  </a:lnTo>
                  <a:lnTo>
                    <a:pt x="321184" y="86557"/>
                  </a:lnTo>
                  <a:lnTo>
                    <a:pt x="322944" y="85125"/>
                  </a:lnTo>
                  <a:cubicBezTo>
                    <a:pt x="334396" y="75969"/>
                    <a:pt x="340958" y="62369"/>
                    <a:pt x="340958" y="47785"/>
                  </a:cubicBezTo>
                  <a:cubicBezTo>
                    <a:pt x="340958" y="21421"/>
                    <a:pt x="319514" y="7"/>
                    <a:pt x="293179" y="7"/>
                  </a:cubicBezTo>
                  <a:cubicBezTo>
                    <a:pt x="266815" y="7"/>
                    <a:pt x="245371" y="21451"/>
                    <a:pt x="245371" y="47785"/>
                  </a:cubicBezTo>
                  <a:cubicBezTo>
                    <a:pt x="245371" y="62369"/>
                    <a:pt x="251932" y="75969"/>
                    <a:pt x="263385" y="85125"/>
                  </a:cubicBezTo>
                  <a:lnTo>
                    <a:pt x="265174" y="86557"/>
                  </a:lnTo>
                  <a:lnTo>
                    <a:pt x="265174" y="88824"/>
                  </a:lnTo>
                  <a:lnTo>
                    <a:pt x="265174" y="113965"/>
                  </a:lnTo>
                  <a:lnTo>
                    <a:pt x="265174" y="118678"/>
                  </a:lnTo>
                  <a:lnTo>
                    <a:pt x="260462" y="118678"/>
                  </a:lnTo>
                  <a:lnTo>
                    <a:pt x="227029" y="118678"/>
                  </a:lnTo>
                  <a:lnTo>
                    <a:pt x="149755" y="118678"/>
                  </a:lnTo>
                  <a:lnTo>
                    <a:pt x="145042" y="118678"/>
                  </a:lnTo>
                  <a:lnTo>
                    <a:pt x="145042" y="113965"/>
                  </a:lnTo>
                  <a:lnTo>
                    <a:pt x="145042" y="88824"/>
                  </a:lnTo>
                  <a:lnTo>
                    <a:pt x="145042" y="86557"/>
                  </a:lnTo>
                  <a:lnTo>
                    <a:pt x="146832" y="85125"/>
                  </a:lnTo>
                  <a:cubicBezTo>
                    <a:pt x="158284" y="75969"/>
                    <a:pt x="164846" y="62369"/>
                    <a:pt x="164846" y="47785"/>
                  </a:cubicBezTo>
                  <a:cubicBezTo>
                    <a:pt x="164846" y="21421"/>
                    <a:pt x="143402" y="7"/>
                    <a:pt x="117037" y="7"/>
                  </a:cubicBezTo>
                  <a:cubicBezTo>
                    <a:pt x="90673" y="7"/>
                    <a:pt x="69229" y="21451"/>
                    <a:pt x="69229" y="47785"/>
                  </a:cubicBezTo>
                  <a:cubicBezTo>
                    <a:pt x="69229" y="62369"/>
                    <a:pt x="75790" y="75969"/>
                    <a:pt x="87243" y="85125"/>
                  </a:cubicBezTo>
                  <a:lnTo>
                    <a:pt x="89032" y="86557"/>
                  </a:lnTo>
                  <a:lnTo>
                    <a:pt x="89032" y="88824"/>
                  </a:lnTo>
                  <a:lnTo>
                    <a:pt x="89032" y="113965"/>
                  </a:lnTo>
                  <a:lnTo>
                    <a:pt x="89032" y="118678"/>
                  </a:lnTo>
                  <a:lnTo>
                    <a:pt x="84320" y="118678"/>
                  </a:lnTo>
                  <a:lnTo>
                    <a:pt x="8238" y="118678"/>
                  </a:lnTo>
                  <a:cubicBezTo>
                    <a:pt x="3705" y="118678"/>
                    <a:pt x="7" y="122376"/>
                    <a:pt x="7" y="126909"/>
                  </a:cubicBezTo>
                  <a:lnTo>
                    <a:pt x="7" y="245610"/>
                  </a:lnTo>
                  <a:cubicBezTo>
                    <a:pt x="7" y="250143"/>
                    <a:pt x="3705" y="253841"/>
                    <a:pt x="8238" y="253841"/>
                  </a:cubicBezTo>
                  <a:lnTo>
                    <a:pt x="15695" y="253841"/>
                  </a:lnTo>
                  <a:lnTo>
                    <a:pt x="84320" y="253841"/>
                  </a:lnTo>
                  <a:lnTo>
                    <a:pt x="89032" y="253841"/>
                  </a:lnTo>
                  <a:lnTo>
                    <a:pt x="89032" y="258553"/>
                  </a:lnTo>
                  <a:lnTo>
                    <a:pt x="89032" y="272213"/>
                  </a:lnTo>
                  <a:lnTo>
                    <a:pt x="89032" y="276925"/>
                  </a:lnTo>
                  <a:lnTo>
                    <a:pt x="84320" y="276925"/>
                  </a:lnTo>
                  <a:lnTo>
                    <a:pt x="8238" y="276925"/>
                  </a:lnTo>
                  <a:cubicBezTo>
                    <a:pt x="3705" y="276925"/>
                    <a:pt x="7" y="280623"/>
                    <a:pt x="7" y="285157"/>
                  </a:cubicBezTo>
                  <a:lnTo>
                    <a:pt x="7" y="403857"/>
                  </a:lnTo>
                  <a:cubicBezTo>
                    <a:pt x="7" y="408390"/>
                    <a:pt x="3705" y="412089"/>
                    <a:pt x="8238" y="412089"/>
                  </a:cubicBezTo>
                  <a:lnTo>
                    <a:pt x="14442" y="412089"/>
                  </a:lnTo>
                  <a:lnTo>
                    <a:pt x="14681" y="412089"/>
                  </a:lnTo>
                  <a:lnTo>
                    <a:pt x="14919" y="412118"/>
                  </a:lnTo>
                  <a:cubicBezTo>
                    <a:pt x="15217" y="412148"/>
                    <a:pt x="15456" y="412148"/>
                    <a:pt x="15724" y="412148"/>
                  </a:cubicBezTo>
                  <a:lnTo>
                    <a:pt x="84350" y="412148"/>
                  </a:lnTo>
                  <a:lnTo>
                    <a:pt x="89062" y="412148"/>
                  </a:lnTo>
                  <a:lnTo>
                    <a:pt x="89062" y="416860"/>
                  </a:lnTo>
                  <a:lnTo>
                    <a:pt x="89062" y="581878"/>
                  </a:lnTo>
                  <a:cubicBezTo>
                    <a:pt x="89062" y="586411"/>
                    <a:pt x="92760" y="590110"/>
                    <a:pt x="97294" y="590110"/>
                  </a:cubicBezTo>
                  <a:lnTo>
                    <a:pt x="136870" y="590110"/>
                  </a:lnTo>
                  <a:cubicBezTo>
                    <a:pt x="141404" y="590110"/>
                    <a:pt x="145102" y="586411"/>
                    <a:pt x="145102" y="581878"/>
                  </a:cubicBezTo>
                  <a:lnTo>
                    <a:pt x="145102" y="545373"/>
                  </a:lnTo>
                  <a:lnTo>
                    <a:pt x="145102" y="540661"/>
                  </a:lnTo>
                  <a:lnTo>
                    <a:pt x="149814" y="540661"/>
                  </a:lnTo>
                  <a:lnTo>
                    <a:pt x="440422" y="540661"/>
                  </a:lnTo>
                  <a:lnTo>
                    <a:pt x="445134" y="540661"/>
                  </a:lnTo>
                  <a:lnTo>
                    <a:pt x="445134" y="545373"/>
                  </a:lnTo>
                  <a:lnTo>
                    <a:pt x="445134" y="581878"/>
                  </a:lnTo>
                  <a:cubicBezTo>
                    <a:pt x="445134" y="586411"/>
                    <a:pt x="448832" y="590110"/>
                    <a:pt x="453365" y="590110"/>
                  </a:cubicBezTo>
                  <a:lnTo>
                    <a:pt x="492942" y="590110"/>
                  </a:lnTo>
                  <a:cubicBezTo>
                    <a:pt x="497475" y="590110"/>
                    <a:pt x="501174" y="586411"/>
                    <a:pt x="501174" y="581878"/>
                  </a:cubicBezTo>
                  <a:lnTo>
                    <a:pt x="501174" y="416860"/>
                  </a:lnTo>
                  <a:lnTo>
                    <a:pt x="501174" y="412148"/>
                  </a:lnTo>
                  <a:lnTo>
                    <a:pt x="505886" y="412148"/>
                  </a:lnTo>
                  <a:lnTo>
                    <a:pt x="581968" y="412089"/>
                  </a:lnTo>
                  <a:cubicBezTo>
                    <a:pt x="586501" y="412089"/>
                    <a:pt x="590199" y="408390"/>
                    <a:pt x="590199" y="403857"/>
                  </a:cubicBezTo>
                  <a:lnTo>
                    <a:pt x="590199" y="285157"/>
                  </a:lnTo>
                  <a:cubicBezTo>
                    <a:pt x="590199" y="280623"/>
                    <a:pt x="586501" y="276925"/>
                    <a:pt x="581968" y="276925"/>
                  </a:cubicBezTo>
                  <a:lnTo>
                    <a:pt x="505886" y="276925"/>
                  </a:lnTo>
                  <a:lnTo>
                    <a:pt x="501174" y="276925"/>
                  </a:lnTo>
                  <a:lnTo>
                    <a:pt x="501174" y="272213"/>
                  </a:lnTo>
                  <a:lnTo>
                    <a:pt x="501174" y="258553"/>
                  </a:lnTo>
                  <a:close/>
                  <a:moveTo>
                    <a:pt x="573617" y="213429"/>
                  </a:moveTo>
                  <a:lnTo>
                    <a:pt x="573617" y="232666"/>
                  </a:lnTo>
                  <a:lnTo>
                    <a:pt x="573617" y="237378"/>
                  </a:lnTo>
                  <a:lnTo>
                    <a:pt x="568904" y="237378"/>
                  </a:lnTo>
                  <a:lnTo>
                    <a:pt x="550145" y="237378"/>
                  </a:lnTo>
                  <a:lnTo>
                    <a:pt x="538931" y="237378"/>
                  </a:lnTo>
                  <a:lnTo>
                    <a:pt x="546775" y="229355"/>
                  </a:lnTo>
                  <a:lnTo>
                    <a:pt x="565534" y="210119"/>
                  </a:lnTo>
                  <a:lnTo>
                    <a:pt x="573647" y="201798"/>
                  </a:lnTo>
                  <a:lnTo>
                    <a:pt x="573647" y="213429"/>
                  </a:lnTo>
                  <a:close/>
                  <a:moveTo>
                    <a:pt x="441704" y="47785"/>
                  </a:moveTo>
                  <a:cubicBezTo>
                    <a:pt x="441704" y="30517"/>
                    <a:pt x="455751" y="16440"/>
                    <a:pt x="473049" y="16440"/>
                  </a:cubicBezTo>
                  <a:cubicBezTo>
                    <a:pt x="490318" y="16440"/>
                    <a:pt x="504395" y="30487"/>
                    <a:pt x="504395" y="47785"/>
                  </a:cubicBezTo>
                  <a:cubicBezTo>
                    <a:pt x="504395" y="57717"/>
                    <a:pt x="494940" y="79131"/>
                    <a:pt x="473049" y="79131"/>
                  </a:cubicBezTo>
                  <a:cubicBezTo>
                    <a:pt x="446088" y="79101"/>
                    <a:pt x="441704" y="57687"/>
                    <a:pt x="441704" y="47785"/>
                  </a:cubicBezTo>
                  <a:close/>
                  <a:moveTo>
                    <a:pt x="484591" y="94460"/>
                  </a:moveTo>
                  <a:lnTo>
                    <a:pt x="484591" y="99829"/>
                  </a:lnTo>
                  <a:lnTo>
                    <a:pt x="484591" y="113936"/>
                  </a:lnTo>
                  <a:lnTo>
                    <a:pt x="484591" y="118648"/>
                  </a:lnTo>
                  <a:lnTo>
                    <a:pt x="479879" y="118648"/>
                  </a:lnTo>
                  <a:lnTo>
                    <a:pt x="466220" y="118648"/>
                  </a:lnTo>
                  <a:lnTo>
                    <a:pt x="461507" y="118648"/>
                  </a:lnTo>
                  <a:lnTo>
                    <a:pt x="461507" y="113936"/>
                  </a:lnTo>
                  <a:lnTo>
                    <a:pt x="461507" y="99829"/>
                  </a:lnTo>
                  <a:lnTo>
                    <a:pt x="461507" y="94460"/>
                  </a:lnTo>
                  <a:lnTo>
                    <a:pt x="466846" y="95146"/>
                  </a:lnTo>
                  <a:cubicBezTo>
                    <a:pt x="467830" y="95266"/>
                    <a:pt x="468814" y="95385"/>
                    <a:pt x="469769" y="95445"/>
                  </a:cubicBezTo>
                  <a:lnTo>
                    <a:pt x="469978" y="95474"/>
                  </a:lnTo>
                  <a:lnTo>
                    <a:pt x="470097" y="95474"/>
                  </a:lnTo>
                  <a:cubicBezTo>
                    <a:pt x="471200" y="95534"/>
                    <a:pt x="472184" y="95564"/>
                    <a:pt x="473079" y="95564"/>
                  </a:cubicBezTo>
                  <a:cubicBezTo>
                    <a:pt x="473974" y="95564"/>
                    <a:pt x="474928" y="95534"/>
                    <a:pt x="476091" y="95445"/>
                  </a:cubicBezTo>
                  <a:lnTo>
                    <a:pt x="476211" y="95445"/>
                  </a:lnTo>
                  <a:lnTo>
                    <a:pt x="476390" y="95445"/>
                  </a:lnTo>
                  <a:cubicBezTo>
                    <a:pt x="477374" y="95385"/>
                    <a:pt x="478358" y="95266"/>
                    <a:pt x="479312" y="95146"/>
                  </a:cubicBezTo>
                  <a:lnTo>
                    <a:pt x="484591" y="94460"/>
                  </a:lnTo>
                  <a:close/>
                  <a:moveTo>
                    <a:pt x="365115" y="136572"/>
                  </a:moveTo>
                  <a:lnTo>
                    <a:pt x="366517" y="135141"/>
                  </a:lnTo>
                  <a:lnTo>
                    <a:pt x="368515" y="135141"/>
                  </a:lnTo>
                  <a:lnTo>
                    <a:pt x="453276" y="135141"/>
                  </a:lnTo>
                  <a:lnTo>
                    <a:pt x="467621" y="135141"/>
                  </a:lnTo>
                  <a:lnTo>
                    <a:pt x="478776" y="135141"/>
                  </a:lnTo>
                  <a:lnTo>
                    <a:pt x="471021" y="143163"/>
                  </a:lnTo>
                  <a:lnTo>
                    <a:pt x="381250" y="235947"/>
                  </a:lnTo>
                  <a:lnTo>
                    <a:pt x="379849" y="237378"/>
                  </a:lnTo>
                  <a:lnTo>
                    <a:pt x="377850" y="237378"/>
                  </a:lnTo>
                  <a:lnTo>
                    <a:pt x="277999" y="237378"/>
                  </a:lnTo>
                  <a:lnTo>
                    <a:pt x="266785" y="237378"/>
                  </a:lnTo>
                  <a:lnTo>
                    <a:pt x="274629" y="229355"/>
                  </a:lnTo>
                  <a:lnTo>
                    <a:pt x="365115" y="136572"/>
                  </a:lnTo>
                  <a:close/>
                  <a:moveTo>
                    <a:pt x="467592" y="293448"/>
                  </a:moveTo>
                  <a:lnTo>
                    <a:pt x="478746" y="293448"/>
                  </a:lnTo>
                  <a:lnTo>
                    <a:pt x="470991" y="301470"/>
                  </a:lnTo>
                  <a:lnTo>
                    <a:pt x="381280" y="394194"/>
                  </a:lnTo>
                  <a:lnTo>
                    <a:pt x="379878" y="395626"/>
                  </a:lnTo>
                  <a:lnTo>
                    <a:pt x="377880" y="395626"/>
                  </a:lnTo>
                  <a:lnTo>
                    <a:pt x="278029" y="395626"/>
                  </a:lnTo>
                  <a:lnTo>
                    <a:pt x="266815" y="395626"/>
                  </a:lnTo>
                  <a:lnTo>
                    <a:pt x="274659" y="387603"/>
                  </a:lnTo>
                  <a:lnTo>
                    <a:pt x="365145" y="294879"/>
                  </a:lnTo>
                  <a:lnTo>
                    <a:pt x="366547" y="293448"/>
                  </a:lnTo>
                  <a:lnTo>
                    <a:pt x="368545" y="293448"/>
                  </a:lnTo>
                  <a:lnTo>
                    <a:pt x="467592" y="293448"/>
                  </a:lnTo>
                  <a:close/>
                  <a:moveTo>
                    <a:pt x="461478" y="276955"/>
                  </a:moveTo>
                  <a:lnTo>
                    <a:pt x="461478" y="272243"/>
                  </a:lnTo>
                  <a:lnTo>
                    <a:pt x="461478" y="258583"/>
                  </a:lnTo>
                  <a:lnTo>
                    <a:pt x="461478" y="253871"/>
                  </a:lnTo>
                  <a:lnTo>
                    <a:pt x="466190" y="253871"/>
                  </a:lnTo>
                  <a:lnTo>
                    <a:pt x="479849" y="253871"/>
                  </a:lnTo>
                  <a:lnTo>
                    <a:pt x="484562" y="253871"/>
                  </a:lnTo>
                  <a:lnTo>
                    <a:pt x="484562" y="258583"/>
                  </a:lnTo>
                  <a:lnTo>
                    <a:pt x="484562" y="272243"/>
                  </a:lnTo>
                  <a:lnTo>
                    <a:pt x="484562" y="276955"/>
                  </a:lnTo>
                  <a:lnTo>
                    <a:pt x="479849" y="276955"/>
                  </a:lnTo>
                  <a:lnTo>
                    <a:pt x="466190" y="276955"/>
                  </a:lnTo>
                  <a:lnTo>
                    <a:pt x="461478" y="276955"/>
                  </a:lnTo>
                  <a:close/>
                  <a:moveTo>
                    <a:pt x="445044" y="258553"/>
                  </a:moveTo>
                  <a:lnTo>
                    <a:pt x="445044" y="272213"/>
                  </a:lnTo>
                  <a:lnTo>
                    <a:pt x="445044" y="276925"/>
                  </a:lnTo>
                  <a:lnTo>
                    <a:pt x="440332" y="276925"/>
                  </a:lnTo>
                  <a:lnTo>
                    <a:pt x="149725" y="276925"/>
                  </a:lnTo>
                  <a:lnTo>
                    <a:pt x="145012" y="276925"/>
                  </a:lnTo>
                  <a:lnTo>
                    <a:pt x="145012" y="272213"/>
                  </a:lnTo>
                  <a:lnTo>
                    <a:pt x="145012" y="258553"/>
                  </a:lnTo>
                  <a:lnTo>
                    <a:pt x="145012" y="253841"/>
                  </a:lnTo>
                  <a:lnTo>
                    <a:pt x="149725" y="253841"/>
                  </a:lnTo>
                  <a:lnTo>
                    <a:pt x="247250" y="253841"/>
                  </a:lnTo>
                  <a:lnTo>
                    <a:pt x="383338" y="253841"/>
                  </a:lnTo>
                  <a:lnTo>
                    <a:pt x="440332" y="253841"/>
                  </a:lnTo>
                  <a:lnTo>
                    <a:pt x="445044" y="253841"/>
                  </a:lnTo>
                  <a:lnTo>
                    <a:pt x="445044" y="258553"/>
                  </a:lnTo>
                  <a:close/>
                  <a:moveTo>
                    <a:pt x="261804" y="47785"/>
                  </a:moveTo>
                  <a:cubicBezTo>
                    <a:pt x="261804" y="37764"/>
                    <a:pt x="266546" y="28817"/>
                    <a:pt x="273883" y="23091"/>
                  </a:cubicBezTo>
                  <a:cubicBezTo>
                    <a:pt x="279430" y="18498"/>
                    <a:pt x="286558" y="15724"/>
                    <a:pt x="294313" y="15724"/>
                  </a:cubicBezTo>
                  <a:cubicBezTo>
                    <a:pt x="311998" y="15724"/>
                    <a:pt x="326404" y="30100"/>
                    <a:pt x="326404" y="47815"/>
                  </a:cubicBezTo>
                  <a:cubicBezTo>
                    <a:pt x="326404" y="65531"/>
                    <a:pt x="312028" y="79906"/>
                    <a:pt x="294313" y="79906"/>
                  </a:cubicBezTo>
                  <a:cubicBezTo>
                    <a:pt x="286290" y="79906"/>
                    <a:pt x="278953" y="76924"/>
                    <a:pt x="273316" y="72033"/>
                  </a:cubicBezTo>
                  <a:cubicBezTo>
                    <a:pt x="265980" y="65978"/>
                    <a:pt x="261804" y="57240"/>
                    <a:pt x="261804" y="47785"/>
                  </a:cubicBezTo>
                  <a:close/>
                  <a:moveTo>
                    <a:pt x="304691" y="94460"/>
                  </a:moveTo>
                  <a:lnTo>
                    <a:pt x="304691" y="99829"/>
                  </a:lnTo>
                  <a:lnTo>
                    <a:pt x="304691" y="113936"/>
                  </a:lnTo>
                  <a:lnTo>
                    <a:pt x="304691" y="118648"/>
                  </a:lnTo>
                  <a:lnTo>
                    <a:pt x="299949" y="118648"/>
                  </a:lnTo>
                  <a:lnTo>
                    <a:pt x="286290" y="118648"/>
                  </a:lnTo>
                  <a:lnTo>
                    <a:pt x="281578" y="118648"/>
                  </a:lnTo>
                  <a:lnTo>
                    <a:pt x="281578" y="113936"/>
                  </a:lnTo>
                  <a:lnTo>
                    <a:pt x="281578" y="99829"/>
                  </a:lnTo>
                  <a:lnTo>
                    <a:pt x="281578" y="94460"/>
                  </a:lnTo>
                  <a:lnTo>
                    <a:pt x="286916" y="95146"/>
                  </a:lnTo>
                  <a:cubicBezTo>
                    <a:pt x="287900" y="95266"/>
                    <a:pt x="288885" y="95385"/>
                    <a:pt x="289839" y="95445"/>
                  </a:cubicBezTo>
                  <a:lnTo>
                    <a:pt x="290048" y="95474"/>
                  </a:lnTo>
                  <a:lnTo>
                    <a:pt x="290137" y="95474"/>
                  </a:lnTo>
                  <a:cubicBezTo>
                    <a:pt x="291271" y="95534"/>
                    <a:pt x="292225" y="95564"/>
                    <a:pt x="293120" y="95564"/>
                  </a:cubicBezTo>
                  <a:cubicBezTo>
                    <a:pt x="294014" y="95564"/>
                    <a:pt x="294969" y="95534"/>
                    <a:pt x="296132" y="95445"/>
                  </a:cubicBezTo>
                  <a:lnTo>
                    <a:pt x="296221" y="95445"/>
                  </a:lnTo>
                  <a:lnTo>
                    <a:pt x="296430" y="95415"/>
                  </a:lnTo>
                  <a:cubicBezTo>
                    <a:pt x="297385" y="95355"/>
                    <a:pt x="298369" y="95236"/>
                    <a:pt x="299353" y="95117"/>
                  </a:cubicBezTo>
                  <a:lnTo>
                    <a:pt x="304691" y="94460"/>
                  </a:lnTo>
                  <a:close/>
                  <a:moveTo>
                    <a:pt x="229027" y="136572"/>
                  </a:moveTo>
                  <a:lnTo>
                    <a:pt x="230429" y="135141"/>
                  </a:lnTo>
                  <a:lnTo>
                    <a:pt x="232427" y="135141"/>
                  </a:lnTo>
                  <a:lnTo>
                    <a:pt x="273376" y="135141"/>
                  </a:lnTo>
                  <a:lnTo>
                    <a:pt x="312953" y="135141"/>
                  </a:lnTo>
                  <a:lnTo>
                    <a:pt x="332339" y="135141"/>
                  </a:lnTo>
                  <a:lnTo>
                    <a:pt x="343553" y="135141"/>
                  </a:lnTo>
                  <a:lnTo>
                    <a:pt x="335709" y="143163"/>
                  </a:lnTo>
                  <a:lnTo>
                    <a:pt x="245162" y="235947"/>
                  </a:lnTo>
                  <a:lnTo>
                    <a:pt x="243761" y="237378"/>
                  </a:lnTo>
                  <a:lnTo>
                    <a:pt x="241762" y="237378"/>
                  </a:lnTo>
                  <a:lnTo>
                    <a:pt x="141881" y="237378"/>
                  </a:lnTo>
                  <a:lnTo>
                    <a:pt x="130667" y="237378"/>
                  </a:lnTo>
                  <a:lnTo>
                    <a:pt x="138511" y="229355"/>
                  </a:lnTo>
                  <a:lnTo>
                    <a:pt x="229027" y="136572"/>
                  </a:lnTo>
                  <a:close/>
                  <a:moveTo>
                    <a:pt x="84887" y="47785"/>
                  </a:moveTo>
                  <a:cubicBezTo>
                    <a:pt x="84887" y="30100"/>
                    <a:pt x="99262" y="15695"/>
                    <a:pt x="116978" y="15695"/>
                  </a:cubicBezTo>
                  <a:cubicBezTo>
                    <a:pt x="134693" y="15695"/>
                    <a:pt x="149039" y="30100"/>
                    <a:pt x="149039" y="47785"/>
                  </a:cubicBezTo>
                  <a:cubicBezTo>
                    <a:pt x="149039" y="65471"/>
                    <a:pt x="134663" y="79876"/>
                    <a:pt x="116948" y="79876"/>
                  </a:cubicBezTo>
                  <a:cubicBezTo>
                    <a:pt x="99232" y="79876"/>
                    <a:pt x="84887" y="65471"/>
                    <a:pt x="84887" y="47785"/>
                  </a:cubicBezTo>
                  <a:close/>
                  <a:moveTo>
                    <a:pt x="128490" y="94460"/>
                  </a:moveTo>
                  <a:lnTo>
                    <a:pt x="128490" y="99829"/>
                  </a:lnTo>
                  <a:lnTo>
                    <a:pt x="128490" y="113936"/>
                  </a:lnTo>
                  <a:lnTo>
                    <a:pt x="128490" y="118648"/>
                  </a:lnTo>
                  <a:lnTo>
                    <a:pt x="123778" y="118648"/>
                  </a:lnTo>
                  <a:lnTo>
                    <a:pt x="110118" y="118648"/>
                  </a:lnTo>
                  <a:lnTo>
                    <a:pt x="105406" y="118648"/>
                  </a:lnTo>
                  <a:lnTo>
                    <a:pt x="105406" y="113936"/>
                  </a:lnTo>
                  <a:lnTo>
                    <a:pt x="105406" y="99829"/>
                  </a:lnTo>
                  <a:lnTo>
                    <a:pt x="105406" y="94460"/>
                  </a:lnTo>
                  <a:lnTo>
                    <a:pt x="110744" y="95146"/>
                  </a:lnTo>
                  <a:cubicBezTo>
                    <a:pt x="111699" y="95266"/>
                    <a:pt x="112683" y="95355"/>
                    <a:pt x="113667" y="95445"/>
                  </a:cubicBezTo>
                  <a:lnTo>
                    <a:pt x="113846" y="95445"/>
                  </a:lnTo>
                  <a:lnTo>
                    <a:pt x="113965" y="95445"/>
                  </a:lnTo>
                  <a:cubicBezTo>
                    <a:pt x="115099" y="95504"/>
                    <a:pt x="116053" y="95534"/>
                    <a:pt x="116948" y="95534"/>
                  </a:cubicBezTo>
                  <a:cubicBezTo>
                    <a:pt x="117843" y="95534"/>
                    <a:pt x="118797" y="95504"/>
                    <a:pt x="119960" y="95415"/>
                  </a:cubicBezTo>
                  <a:lnTo>
                    <a:pt x="120050" y="95415"/>
                  </a:lnTo>
                  <a:lnTo>
                    <a:pt x="120258" y="95385"/>
                  </a:lnTo>
                  <a:cubicBezTo>
                    <a:pt x="121213" y="95325"/>
                    <a:pt x="122197" y="95206"/>
                    <a:pt x="123181" y="95087"/>
                  </a:cubicBezTo>
                  <a:lnTo>
                    <a:pt x="128490" y="94460"/>
                  </a:lnTo>
                  <a:close/>
                  <a:moveTo>
                    <a:pt x="16380" y="178893"/>
                  </a:moveTo>
                  <a:lnTo>
                    <a:pt x="16380" y="139853"/>
                  </a:lnTo>
                  <a:lnTo>
                    <a:pt x="16380" y="135141"/>
                  </a:lnTo>
                  <a:lnTo>
                    <a:pt x="21093" y="135141"/>
                  </a:lnTo>
                  <a:lnTo>
                    <a:pt x="59178" y="135141"/>
                  </a:lnTo>
                  <a:lnTo>
                    <a:pt x="70392" y="135141"/>
                  </a:lnTo>
                  <a:lnTo>
                    <a:pt x="62548" y="143163"/>
                  </a:lnTo>
                  <a:lnTo>
                    <a:pt x="24493" y="182173"/>
                  </a:lnTo>
                  <a:lnTo>
                    <a:pt x="16380" y="190494"/>
                  </a:lnTo>
                  <a:lnTo>
                    <a:pt x="16380" y="178893"/>
                  </a:lnTo>
                  <a:close/>
                  <a:moveTo>
                    <a:pt x="28549" y="237378"/>
                  </a:moveTo>
                  <a:lnTo>
                    <a:pt x="23837" y="237378"/>
                  </a:lnTo>
                  <a:lnTo>
                    <a:pt x="23837" y="232666"/>
                  </a:lnTo>
                  <a:lnTo>
                    <a:pt x="23837" y="208359"/>
                  </a:lnTo>
                  <a:lnTo>
                    <a:pt x="23837" y="206421"/>
                  </a:lnTo>
                  <a:lnTo>
                    <a:pt x="25179" y="205049"/>
                  </a:lnTo>
                  <a:lnTo>
                    <a:pt x="91985" y="136572"/>
                  </a:lnTo>
                  <a:lnTo>
                    <a:pt x="93387" y="135141"/>
                  </a:lnTo>
                  <a:lnTo>
                    <a:pt x="95385" y="135141"/>
                  </a:lnTo>
                  <a:lnTo>
                    <a:pt x="97174" y="135141"/>
                  </a:lnTo>
                  <a:lnTo>
                    <a:pt x="136751" y="135141"/>
                  </a:lnTo>
                  <a:lnTo>
                    <a:pt x="196251" y="135141"/>
                  </a:lnTo>
                  <a:lnTo>
                    <a:pt x="207464" y="135141"/>
                  </a:lnTo>
                  <a:lnTo>
                    <a:pt x="199621" y="143163"/>
                  </a:lnTo>
                  <a:lnTo>
                    <a:pt x="109074" y="235947"/>
                  </a:lnTo>
                  <a:lnTo>
                    <a:pt x="107673" y="237378"/>
                  </a:lnTo>
                  <a:lnTo>
                    <a:pt x="105674" y="237378"/>
                  </a:lnTo>
                  <a:lnTo>
                    <a:pt x="97145" y="237378"/>
                  </a:lnTo>
                  <a:lnTo>
                    <a:pt x="28549" y="237378"/>
                  </a:lnTo>
                  <a:close/>
                  <a:moveTo>
                    <a:pt x="128490" y="253841"/>
                  </a:moveTo>
                  <a:lnTo>
                    <a:pt x="128490" y="258553"/>
                  </a:lnTo>
                  <a:lnTo>
                    <a:pt x="128490" y="272213"/>
                  </a:lnTo>
                  <a:lnTo>
                    <a:pt x="128490" y="276925"/>
                  </a:lnTo>
                  <a:lnTo>
                    <a:pt x="123778" y="276925"/>
                  </a:lnTo>
                  <a:lnTo>
                    <a:pt x="110118" y="276925"/>
                  </a:lnTo>
                  <a:lnTo>
                    <a:pt x="105406" y="276925"/>
                  </a:lnTo>
                  <a:lnTo>
                    <a:pt x="105406" y="272213"/>
                  </a:lnTo>
                  <a:lnTo>
                    <a:pt x="105406" y="258553"/>
                  </a:lnTo>
                  <a:lnTo>
                    <a:pt x="105406" y="253841"/>
                  </a:lnTo>
                  <a:lnTo>
                    <a:pt x="110118" y="253841"/>
                  </a:lnTo>
                  <a:lnTo>
                    <a:pt x="111132" y="253841"/>
                  </a:lnTo>
                  <a:lnTo>
                    <a:pt x="123778" y="253841"/>
                  </a:lnTo>
                  <a:lnTo>
                    <a:pt x="128490" y="253841"/>
                  </a:lnTo>
                  <a:close/>
                  <a:moveTo>
                    <a:pt x="16380" y="337200"/>
                  </a:moveTo>
                  <a:lnTo>
                    <a:pt x="16380" y="298130"/>
                  </a:lnTo>
                  <a:lnTo>
                    <a:pt x="16380" y="293418"/>
                  </a:lnTo>
                  <a:lnTo>
                    <a:pt x="21093" y="293418"/>
                  </a:lnTo>
                  <a:lnTo>
                    <a:pt x="59238" y="293418"/>
                  </a:lnTo>
                  <a:lnTo>
                    <a:pt x="70452" y="293418"/>
                  </a:lnTo>
                  <a:lnTo>
                    <a:pt x="62608" y="301441"/>
                  </a:lnTo>
                  <a:lnTo>
                    <a:pt x="24463" y="340510"/>
                  </a:lnTo>
                  <a:lnTo>
                    <a:pt x="16351" y="348831"/>
                  </a:lnTo>
                  <a:lnTo>
                    <a:pt x="16351" y="337200"/>
                  </a:lnTo>
                  <a:close/>
                  <a:moveTo>
                    <a:pt x="28549" y="395655"/>
                  </a:moveTo>
                  <a:lnTo>
                    <a:pt x="23837" y="395655"/>
                  </a:lnTo>
                  <a:lnTo>
                    <a:pt x="23837" y="390943"/>
                  </a:lnTo>
                  <a:lnTo>
                    <a:pt x="23837" y="366696"/>
                  </a:lnTo>
                  <a:lnTo>
                    <a:pt x="23837" y="364758"/>
                  </a:lnTo>
                  <a:lnTo>
                    <a:pt x="25179" y="363386"/>
                  </a:lnTo>
                  <a:lnTo>
                    <a:pt x="91985" y="294909"/>
                  </a:lnTo>
                  <a:lnTo>
                    <a:pt x="93387" y="293478"/>
                  </a:lnTo>
                  <a:lnTo>
                    <a:pt x="95385" y="293478"/>
                  </a:lnTo>
                  <a:lnTo>
                    <a:pt x="196221" y="293478"/>
                  </a:lnTo>
                  <a:lnTo>
                    <a:pt x="207435" y="293478"/>
                  </a:lnTo>
                  <a:lnTo>
                    <a:pt x="199591" y="301500"/>
                  </a:lnTo>
                  <a:lnTo>
                    <a:pt x="109104" y="394224"/>
                  </a:lnTo>
                  <a:lnTo>
                    <a:pt x="107702" y="395655"/>
                  </a:lnTo>
                  <a:lnTo>
                    <a:pt x="105704" y="395655"/>
                  </a:lnTo>
                  <a:lnTo>
                    <a:pt x="97115" y="395655"/>
                  </a:lnTo>
                  <a:lnTo>
                    <a:pt x="28549" y="395655"/>
                  </a:lnTo>
                  <a:close/>
                  <a:moveTo>
                    <a:pt x="128490" y="416831"/>
                  </a:moveTo>
                  <a:lnTo>
                    <a:pt x="128490" y="568964"/>
                  </a:lnTo>
                  <a:lnTo>
                    <a:pt x="128490" y="573676"/>
                  </a:lnTo>
                  <a:lnTo>
                    <a:pt x="123778" y="573676"/>
                  </a:lnTo>
                  <a:lnTo>
                    <a:pt x="110118" y="573676"/>
                  </a:lnTo>
                  <a:lnTo>
                    <a:pt x="105406" y="573676"/>
                  </a:lnTo>
                  <a:lnTo>
                    <a:pt x="105406" y="568964"/>
                  </a:lnTo>
                  <a:lnTo>
                    <a:pt x="105406" y="416890"/>
                  </a:lnTo>
                  <a:lnTo>
                    <a:pt x="105406" y="412178"/>
                  </a:lnTo>
                  <a:lnTo>
                    <a:pt x="110118" y="412178"/>
                  </a:lnTo>
                  <a:lnTo>
                    <a:pt x="111132" y="412178"/>
                  </a:lnTo>
                  <a:cubicBezTo>
                    <a:pt x="111401" y="412178"/>
                    <a:pt x="111669" y="412178"/>
                    <a:pt x="111937" y="412148"/>
                  </a:cubicBezTo>
                  <a:lnTo>
                    <a:pt x="112176" y="412118"/>
                  </a:lnTo>
                  <a:lnTo>
                    <a:pt x="112415" y="412118"/>
                  </a:lnTo>
                  <a:lnTo>
                    <a:pt x="123778" y="412118"/>
                  </a:lnTo>
                  <a:lnTo>
                    <a:pt x="128490" y="412118"/>
                  </a:lnTo>
                  <a:lnTo>
                    <a:pt x="128490" y="416831"/>
                  </a:lnTo>
                  <a:close/>
                  <a:moveTo>
                    <a:pt x="141941" y="395655"/>
                  </a:moveTo>
                  <a:lnTo>
                    <a:pt x="130727" y="395655"/>
                  </a:lnTo>
                  <a:lnTo>
                    <a:pt x="138570" y="387633"/>
                  </a:lnTo>
                  <a:lnTo>
                    <a:pt x="229117" y="294849"/>
                  </a:lnTo>
                  <a:lnTo>
                    <a:pt x="230519" y="293418"/>
                  </a:lnTo>
                  <a:lnTo>
                    <a:pt x="232517" y="293418"/>
                  </a:lnTo>
                  <a:lnTo>
                    <a:pt x="332398" y="293418"/>
                  </a:lnTo>
                  <a:lnTo>
                    <a:pt x="343612" y="293418"/>
                  </a:lnTo>
                  <a:lnTo>
                    <a:pt x="335768" y="301441"/>
                  </a:lnTo>
                  <a:lnTo>
                    <a:pt x="245222" y="394224"/>
                  </a:lnTo>
                  <a:lnTo>
                    <a:pt x="243820" y="395655"/>
                  </a:lnTo>
                  <a:lnTo>
                    <a:pt x="241822" y="395655"/>
                  </a:lnTo>
                  <a:lnTo>
                    <a:pt x="141941" y="395655"/>
                  </a:lnTo>
                  <a:close/>
                  <a:moveTo>
                    <a:pt x="445044" y="486053"/>
                  </a:moveTo>
                  <a:lnTo>
                    <a:pt x="445044" y="519486"/>
                  </a:lnTo>
                  <a:lnTo>
                    <a:pt x="445044" y="524198"/>
                  </a:lnTo>
                  <a:lnTo>
                    <a:pt x="440332" y="524198"/>
                  </a:lnTo>
                  <a:lnTo>
                    <a:pt x="149725" y="524198"/>
                  </a:lnTo>
                  <a:lnTo>
                    <a:pt x="145012" y="524198"/>
                  </a:lnTo>
                  <a:lnTo>
                    <a:pt x="145012" y="519486"/>
                  </a:lnTo>
                  <a:lnTo>
                    <a:pt x="145012" y="486053"/>
                  </a:lnTo>
                  <a:lnTo>
                    <a:pt x="145012" y="481340"/>
                  </a:lnTo>
                  <a:lnTo>
                    <a:pt x="149725" y="481340"/>
                  </a:lnTo>
                  <a:lnTo>
                    <a:pt x="440332" y="481340"/>
                  </a:lnTo>
                  <a:lnTo>
                    <a:pt x="445044" y="481340"/>
                  </a:lnTo>
                  <a:lnTo>
                    <a:pt x="445044" y="486053"/>
                  </a:lnTo>
                  <a:close/>
                  <a:moveTo>
                    <a:pt x="445044" y="416890"/>
                  </a:moveTo>
                  <a:lnTo>
                    <a:pt x="445044" y="460165"/>
                  </a:lnTo>
                  <a:lnTo>
                    <a:pt x="445044" y="464878"/>
                  </a:lnTo>
                  <a:lnTo>
                    <a:pt x="440332" y="464878"/>
                  </a:lnTo>
                  <a:lnTo>
                    <a:pt x="149725" y="464878"/>
                  </a:lnTo>
                  <a:lnTo>
                    <a:pt x="145012" y="464878"/>
                  </a:lnTo>
                  <a:lnTo>
                    <a:pt x="145012" y="460165"/>
                  </a:lnTo>
                  <a:lnTo>
                    <a:pt x="145012" y="416831"/>
                  </a:lnTo>
                  <a:lnTo>
                    <a:pt x="145012" y="412118"/>
                  </a:lnTo>
                  <a:lnTo>
                    <a:pt x="383368" y="412178"/>
                  </a:lnTo>
                  <a:lnTo>
                    <a:pt x="440362" y="412178"/>
                  </a:lnTo>
                  <a:lnTo>
                    <a:pt x="445074" y="412178"/>
                  </a:lnTo>
                  <a:lnTo>
                    <a:pt x="445074" y="416890"/>
                  </a:lnTo>
                  <a:close/>
                  <a:moveTo>
                    <a:pt x="484591" y="416890"/>
                  </a:moveTo>
                  <a:lnTo>
                    <a:pt x="484591" y="568964"/>
                  </a:lnTo>
                  <a:lnTo>
                    <a:pt x="484591" y="573676"/>
                  </a:lnTo>
                  <a:lnTo>
                    <a:pt x="479879" y="573676"/>
                  </a:lnTo>
                  <a:lnTo>
                    <a:pt x="466220" y="573676"/>
                  </a:lnTo>
                  <a:lnTo>
                    <a:pt x="461507" y="573676"/>
                  </a:lnTo>
                  <a:lnTo>
                    <a:pt x="461507" y="568964"/>
                  </a:lnTo>
                  <a:lnTo>
                    <a:pt x="461507" y="532489"/>
                  </a:lnTo>
                  <a:lnTo>
                    <a:pt x="461507" y="532370"/>
                  </a:lnTo>
                  <a:lnTo>
                    <a:pt x="461507" y="532370"/>
                  </a:lnTo>
                  <a:lnTo>
                    <a:pt x="461507" y="473258"/>
                  </a:lnTo>
                  <a:lnTo>
                    <a:pt x="461507" y="473258"/>
                  </a:lnTo>
                  <a:lnTo>
                    <a:pt x="461507" y="473139"/>
                  </a:lnTo>
                  <a:lnTo>
                    <a:pt x="461507" y="416920"/>
                  </a:lnTo>
                  <a:lnTo>
                    <a:pt x="461507" y="412208"/>
                  </a:lnTo>
                  <a:lnTo>
                    <a:pt x="466220" y="412208"/>
                  </a:lnTo>
                  <a:lnTo>
                    <a:pt x="479879" y="412208"/>
                  </a:lnTo>
                  <a:lnTo>
                    <a:pt x="484591" y="412208"/>
                  </a:lnTo>
                  <a:lnTo>
                    <a:pt x="484591" y="416890"/>
                  </a:lnTo>
                  <a:close/>
                  <a:moveTo>
                    <a:pt x="573617" y="371736"/>
                  </a:moveTo>
                  <a:lnTo>
                    <a:pt x="573617" y="390913"/>
                  </a:lnTo>
                  <a:lnTo>
                    <a:pt x="573617" y="395626"/>
                  </a:lnTo>
                  <a:lnTo>
                    <a:pt x="568904" y="395626"/>
                  </a:lnTo>
                  <a:lnTo>
                    <a:pt x="550175" y="395626"/>
                  </a:lnTo>
                  <a:lnTo>
                    <a:pt x="538961" y="395626"/>
                  </a:lnTo>
                  <a:lnTo>
                    <a:pt x="546805" y="387603"/>
                  </a:lnTo>
                  <a:lnTo>
                    <a:pt x="565505" y="368426"/>
                  </a:lnTo>
                  <a:lnTo>
                    <a:pt x="573617" y="360105"/>
                  </a:lnTo>
                  <a:lnTo>
                    <a:pt x="573617" y="371736"/>
                  </a:lnTo>
                  <a:close/>
                  <a:moveTo>
                    <a:pt x="501203" y="294879"/>
                  </a:moveTo>
                  <a:lnTo>
                    <a:pt x="502605" y="293448"/>
                  </a:lnTo>
                  <a:lnTo>
                    <a:pt x="504603" y="293448"/>
                  </a:lnTo>
                  <a:lnTo>
                    <a:pt x="561478" y="293448"/>
                  </a:lnTo>
                  <a:lnTo>
                    <a:pt x="566191" y="293448"/>
                  </a:lnTo>
                  <a:lnTo>
                    <a:pt x="566191" y="298160"/>
                  </a:lnTo>
                  <a:lnTo>
                    <a:pt x="566191" y="342240"/>
                  </a:lnTo>
                  <a:lnTo>
                    <a:pt x="566191" y="344179"/>
                  </a:lnTo>
                  <a:lnTo>
                    <a:pt x="564848" y="345551"/>
                  </a:lnTo>
                  <a:lnTo>
                    <a:pt x="517368" y="394224"/>
                  </a:lnTo>
                  <a:lnTo>
                    <a:pt x="515966" y="395655"/>
                  </a:lnTo>
                  <a:lnTo>
                    <a:pt x="513968" y="395655"/>
                  </a:lnTo>
                  <a:lnTo>
                    <a:pt x="492793" y="395655"/>
                  </a:lnTo>
                  <a:lnTo>
                    <a:pt x="453246" y="395655"/>
                  </a:lnTo>
                  <a:lnTo>
                    <a:pt x="414087" y="395655"/>
                  </a:lnTo>
                  <a:lnTo>
                    <a:pt x="402873" y="395655"/>
                  </a:lnTo>
                  <a:lnTo>
                    <a:pt x="410717" y="387633"/>
                  </a:lnTo>
                  <a:lnTo>
                    <a:pt x="501203" y="294879"/>
                  </a:lnTo>
                  <a:close/>
                  <a:moveTo>
                    <a:pt x="492823" y="237378"/>
                  </a:moveTo>
                  <a:lnTo>
                    <a:pt x="453246" y="237378"/>
                  </a:lnTo>
                  <a:lnTo>
                    <a:pt x="414027" y="237378"/>
                  </a:lnTo>
                  <a:lnTo>
                    <a:pt x="402843" y="237378"/>
                  </a:lnTo>
                  <a:lnTo>
                    <a:pt x="410687" y="229355"/>
                  </a:lnTo>
                  <a:lnTo>
                    <a:pt x="501233" y="136572"/>
                  </a:lnTo>
                  <a:lnTo>
                    <a:pt x="502635" y="135141"/>
                  </a:lnTo>
                  <a:lnTo>
                    <a:pt x="504633" y="135141"/>
                  </a:lnTo>
                  <a:lnTo>
                    <a:pt x="561508" y="135141"/>
                  </a:lnTo>
                  <a:lnTo>
                    <a:pt x="566220" y="135141"/>
                  </a:lnTo>
                  <a:lnTo>
                    <a:pt x="566220" y="139853"/>
                  </a:lnTo>
                  <a:lnTo>
                    <a:pt x="566220" y="183933"/>
                  </a:lnTo>
                  <a:lnTo>
                    <a:pt x="566220" y="185872"/>
                  </a:lnTo>
                  <a:lnTo>
                    <a:pt x="564878" y="187244"/>
                  </a:lnTo>
                  <a:lnTo>
                    <a:pt x="517368" y="235947"/>
                  </a:lnTo>
                  <a:lnTo>
                    <a:pt x="515966" y="237378"/>
                  </a:lnTo>
                  <a:lnTo>
                    <a:pt x="513968" y="237378"/>
                  </a:lnTo>
                  <a:lnTo>
                    <a:pt x="492823" y="237378"/>
                  </a:lnTo>
                  <a:close/>
                </a:path>
              </a:pathLst>
            </a:custGeom>
            <a:grpFill/>
            <a:ln w="298" cap="flat">
              <a:noFill/>
              <a:prstDash val="solid"/>
              <a:miter/>
            </a:ln>
          </p:spPr>
          <p:txBody>
            <a:bodyPr rtlCol="0" anchor="ctr"/>
            <a:lstStyle/>
            <a:p>
              <a:endParaRPr lang="da-DK" baseline="30000" noProof="0"/>
            </a:p>
          </p:txBody>
        </p:sp>
        <p:sp>
          <p:nvSpPr>
            <p:cNvPr id="29" name="Freeform: Shape 3">
              <a:extLst>
                <a:ext uri="{FF2B5EF4-FFF2-40B4-BE49-F238E27FC236}">
                  <a16:creationId xmlns:a16="http://schemas.microsoft.com/office/drawing/2014/main" id="{E78CCC97-BDEB-F8A9-B322-94ECCEA9FE40}"/>
                </a:ext>
              </a:extLst>
            </p:cNvPr>
            <p:cNvSpPr/>
            <p:nvPr/>
          </p:nvSpPr>
          <p:spPr>
            <a:xfrm>
              <a:off x="1046840" y="2028991"/>
              <a:ext cx="64420" cy="64420"/>
            </a:xfrm>
            <a:custGeom>
              <a:avLst/>
              <a:gdLst>
                <a:gd name="connsiteX0" fmla="*/ 32315 w 64420"/>
                <a:gd name="connsiteY0" fmla="*/ 64405 h 64420"/>
                <a:gd name="connsiteX1" fmla="*/ 224 w 64420"/>
                <a:gd name="connsiteY1" fmla="*/ 32315 h 64420"/>
                <a:gd name="connsiteX2" fmla="*/ 32315 w 64420"/>
                <a:gd name="connsiteY2" fmla="*/ 224 h 64420"/>
                <a:gd name="connsiteX3" fmla="*/ 64406 w 64420"/>
                <a:gd name="connsiteY3" fmla="*/ 32315 h 64420"/>
                <a:gd name="connsiteX4" fmla="*/ 32315 w 64420"/>
                <a:gd name="connsiteY4" fmla="*/ 64405 h 64420"/>
                <a:gd name="connsiteX5" fmla="*/ 32315 w 64420"/>
                <a:gd name="connsiteY5" fmla="*/ 3624 h 64420"/>
                <a:gd name="connsiteX6" fmla="*/ 3624 w 64420"/>
                <a:gd name="connsiteY6" fmla="*/ 32315 h 64420"/>
                <a:gd name="connsiteX7" fmla="*/ 32315 w 64420"/>
                <a:gd name="connsiteY7" fmla="*/ 61005 h 64420"/>
                <a:gd name="connsiteX8" fmla="*/ 61005 w 64420"/>
                <a:gd name="connsiteY8" fmla="*/ 32315 h 64420"/>
                <a:gd name="connsiteX9" fmla="*/ 32315 w 64420"/>
                <a:gd name="connsiteY9" fmla="*/ 3624 h 64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4420" h="64420">
                  <a:moveTo>
                    <a:pt x="32315" y="64405"/>
                  </a:moveTo>
                  <a:cubicBezTo>
                    <a:pt x="14629" y="64405"/>
                    <a:pt x="224" y="50030"/>
                    <a:pt x="224" y="32315"/>
                  </a:cubicBezTo>
                  <a:cubicBezTo>
                    <a:pt x="224" y="14599"/>
                    <a:pt x="14599" y="224"/>
                    <a:pt x="32315" y="224"/>
                  </a:cubicBezTo>
                  <a:cubicBezTo>
                    <a:pt x="50030" y="224"/>
                    <a:pt x="64406" y="14599"/>
                    <a:pt x="64406" y="32315"/>
                  </a:cubicBezTo>
                  <a:cubicBezTo>
                    <a:pt x="64406" y="50030"/>
                    <a:pt x="50000" y="64405"/>
                    <a:pt x="32315" y="64405"/>
                  </a:cubicBezTo>
                  <a:close/>
                  <a:moveTo>
                    <a:pt x="32315" y="3624"/>
                  </a:moveTo>
                  <a:cubicBezTo>
                    <a:pt x="16478" y="3624"/>
                    <a:pt x="3624" y="16508"/>
                    <a:pt x="3624" y="32315"/>
                  </a:cubicBezTo>
                  <a:cubicBezTo>
                    <a:pt x="3624" y="48121"/>
                    <a:pt x="16508" y="61005"/>
                    <a:pt x="32315" y="61005"/>
                  </a:cubicBezTo>
                  <a:cubicBezTo>
                    <a:pt x="48151" y="61005"/>
                    <a:pt x="61005" y="48121"/>
                    <a:pt x="61005" y="32315"/>
                  </a:cubicBezTo>
                  <a:cubicBezTo>
                    <a:pt x="61005" y="16508"/>
                    <a:pt x="48151" y="3624"/>
                    <a:pt x="32315" y="3624"/>
                  </a:cubicBezTo>
                  <a:close/>
                </a:path>
              </a:pathLst>
            </a:custGeom>
            <a:grpFill/>
            <a:ln w="9525" cap="flat">
              <a:noFill/>
              <a:prstDash val="solid"/>
              <a:miter/>
            </a:ln>
          </p:spPr>
          <p:txBody>
            <a:bodyPr rtlCol="0" anchor="ctr"/>
            <a:lstStyle/>
            <a:p>
              <a:endParaRPr lang="da-DK" baseline="30000" noProof="0"/>
            </a:p>
          </p:txBody>
        </p:sp>
        <p:sp>
          <p:nvSpPr>
            <p:cNvPr id="30" name="Freeform: Shape 4">
              <a:extLst>
                <a:ext uri="{FF2B5EF4-FFF2-40B4-BE49-F238E27FC236}">
                  <a16:creationId xmlns:a16="http://schemas.microsoft.com/office/drawing/2014/main" id="{C3FF1C1D-01B4-2369-7BFE-103AEE8A6598}"/>
                </a:ext>
              </a:extLst>
            </p:cNvPr>
            <p:cNvSpPr/>
            <p:nvPr/>
          </p:nvSpPr>
          <p:spPr>
            <a:xfrm>
              <a:off x="690739" y="2028991"/>
              <a:ext cx="64420" cy="64420"/>
            </a:xfrm>
            <a:custGeom>
              <a:avLst/>
              <a:gdLst>
                <a:gd name="connsiteX0" fmla="*/ 32315 w 64420"/>
                <a:gd name="connsiteY0" fmla="*/ 64405 h 64420"/>
                <a:gd name="connsiteX1" fmla="*/ 224 w 64420"/>
                <a:gd name="connsiteY1" fmla="*/ 32315 h 64420"/>
                <a:gd name="connsiteX2" fmla="*/ 32315 w 64420"/>
                <a:gd name="connsiteY2" fmla="*/ 224 h 64420"/>
                <a:gd name="connsiteX3" fmla="*/ 64405 w 64420"/>
                <a:gd name="connsiteY3" fmla="*/ 32315 h 64420"/>
                <a:gd name="connsiteX4" fmla="*/ 32315 w 64420"/>
                <a:gd name="connsiteY4" fmla="*/ 64405 h 64420"/>
                <a:gd name="connsiteX5" fmla="*/ 32315 w 64420"/>
                <a:gd name="connsiteY5" fmla="*/ 3624 h 64420"/>
                <a:gd name="connsiteX6" fmla="*/ 3624 w 64420"/>
                <a:gd name="connsiteY6" fmla="*/ 32315 h 64420"/>
                <a:gd name="connsiteX7" fmla="*/ 32315 w 64420"/>
                <a:gd name="connsiteY7" fmla="*/ 61005 h 64420"/>
                <a:gd name="connsiteX8" fmla="*/ 61006 w 64420"/>
                <a:gd name="connsiteY8" fmla="*/ 32315 h 64420"/>
                <a:gd name="connsiteX9" fmla="*/ 32315 w 64420"/>
                <a:gd name="connsiteY9" fmla="*/ 3624 h 64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4420" h="64420">
                  <a:moveTo>
                    <a:pt x="32315" y="64405"/>
                  </a:moveTo>
                  <a:cubicBezTo>
                    <a:pt x="14629" y="64405"/>
                    <a:pt x="224" y="50030"/>
                    <a:pt x="224" y="32315"/>
                  </a:cubicBezTo>
                  <a:cubicBezTo>
                    <a:pt x="224" y="14599"/>
                    <a:pt x="14599" y="224"/>
                    <a:pt x="32315" y="224"/>
                  </a:cubicBezTo>
                  <a:cubicBezTo>
                    <a:pt x="50000" y="224"/>
                    <a:pt x="64405" y="14599"/>
                    <a:pt x="64405" y="32315"/>
                  </a:cubicBezTo>
                  <a:cubicBezTo>
                    <a:pt x="64405" y="50030"/>
                    <a:pt x="50000" y="64405"/>
                    <a:pt x="32315" y="64405"/>
                  </a:cubicBezTo>
                  <a:close/>
                  <a:moveTo>
                    <a:pt x="32315" y="3624"/>
                  </a:moveTo>
                  <a:cubicBezTo>
                    <a:pt x="16478" y="3624"/>
                    <a:pt x="3624" y="16508"/>
                    <a:pt x="3624" y="32315"/>
                  </a:cubicBezTo>
                  <a:cubicBezTo>
                    <a:pt x="3624" y="48121"/>
                    <a:pt x="16508" y="61005"/>
                    <a:pt x="32315" y="61005"/>
                  </a:cubicBezTo>
                  <a:cubicBezTo>
                    <a:pt x="48151" y="61005"/>
                    <a:pt x="61006" y="48121"/>
                    <a:pt x="61006" y="32315"/>
                  </a:cubicBezTo>
                  <a:cubicBezTo>
                    <a:pt x="61006" y="16508"/>
                    <a:pt x="48151" y="3624"/>
                    <a:pt x="32315" y="3624"/>
                  </a:cubicBezTo>
                  <a:close/>
                </a:path>
              </a:pathLst>
            </a:custGeom>
            <a:grpFill/>
            <a:ln w="9525" cap="flat">
              <a:noFill/>
              <a:prstDash val="solid"/>
              <a:miter/>
            </a:ln>
          </p:spPr>
          <p:txBody>
            <a:bodyPr rtlCol="0" anchor="ctr"/>
            <a:lstStyle/>
            <a:p>
              <a:endParaRPr lang="da-DK" baseline="30000" noProof="0"/>
            </a:p>
          </p:txBody>
        </p:sp>
      </p:grpSp>
      <p:sp>
        <p:nvSpPr>
          <p:cNvPr id="8" name="Rectangle 7">
            <a:extLst>
              <a:ext uri="{FF2B5EF4-FFF2-40B4-BE49-F238E27FC236}">
                <a16:creationId xmlns:a16="http://schemas.microsoft.com/office/drawing/2014/main" id="{9C29935F-1465-01AD-714F-ABF662C4316B}"/>
              </a:ext>
            </a:extLst>
          </p:cNvPr>
          <p:cNvSpPr/>
          <p:nvPr/>
        </p:nvSpPr>
        <p:spPr>
          <a:xfrm>
            <a:off x="480039" y="6368543"/>
            <a:ext cx="11183641" cy="22629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914400" eaLnBrk="0" fontAlgn="base" hangingPunct="0">
              <a:spcBef>
                <a:spcPct val="0"/>
              </a:spcBef>
              <a:spcAft>
                <a:spcPct val="0"/>
              </a:spcAft>
            </a:pPr>
            <a:r>
              <a:rPr lang="da-DK" sz="700" i="1" noProof="0" dirty="0">
                <a:solidFill>
                  <a:schemeClr val="tx1"/>
                </a:solidFill>
              </a:rPr>
              <a:t>*Fx består Microsoft 365 af mange produkter: Word, Excel, Teams, SharePoint, Power Platform, Viva osv. De er tæt integrerede, men det er ofte uklart hvordan data flyder mellem dem, hvilke tilladelser der kræves, hvilke afhængigheder der opstår, hvis man fx bygger en løsning i Power </a:t>
            </a:r>
            <a:r>
              <a:rPr lang="da-DK" sz="700" i="1" noProof="0" dirty="0" err="1">
                <a:solidFill>
                  <a:schemeClr val="tx1"/>
                </a:solidFill>
              </a:rPr>
              <a:t>Automate</a:t>
            </a:r>
            <a:r>
              <a:rPr lang="da-DK" sz="700" i="1" noProof="0" dirty="0">
                <a:solidFill>
                  <a:schemeClr val="tx1"/>
                </a:solidFill>
              </a:rPr>
              <a:t>, der trækker data fra SharePoint og sender beskeder via Teams mv. Et andet eksempel er medicoteknisk udstyr på hospitaler med en betydelig andel amerikanske produkter, der også indeholder software og services vedr. support, dataopbevaring mv. **Kommunernes årlige udgifter til Microsoft-licenser fra 2018 til 2023 er steget fra 3 millioner kroner til 538 millioner, imens staten i 2024 betalte over en halv milliard kroner for Microsoft-licenser, hvilket er en stigning på 20 procent på ét år.</a:t>
            </a:r>
          </a:p>
          <a:p>
            <a:pPr lvl="0" defTabSz="914400" eaLnBrk="0" fontAlgn="base" hangingPunct="0">
              <a:spcBef>
                <a:spcPct val="0"/>
              </a:spcBef>
              <a:spcAft>
                <a:spcPct val="0"/>
              </a:spcAft>
            </a:pPr>
            <a:endParaRPr lang="da-DK" sz="700" noProof="0" dirty="0">
              <a:solidFill>
                <a:schemeClr val="tx1"/>
              </a:solidFill>
            </a:endParaRPr>
          </a:p>
        </p:txBody>
      </p:sp>
      <p:grpSp>
        <p:nvGrpSpPr>
          <p:cNvPr id="5" name="Group 4">
            <a:extLst>
              <a:ext uri="{FF2B5EF4-FFF2-40B4-BE49-F238E27FC236}">
                <a16:creationId xmlns:a16="http://schemas.microsoft.com/office/drawing/2014/main" id="{ACD6D080-9DB0-59C4-12AC-DF529BB8D81F}"/>
              </a:ext>
              <a:ext uri="{C183D7F6-B498-43B3-948B-1728B52AA6E4}">
                <adec:decorative xmlns:adec="http://schemas.microsoft.com/office/drawing/2017/decorative" val="1"/>
              </a:ext>
            </a:extLst>
          </p:cNvPr>
          <p:cNvGrpSpPr/>
          <p:nvPr/>
        </p:nvGrpSpPr>
        <p:grpSpPr>
          <a:xfrm>
            <a:off x="4425908" y="1672600"/>
            <a:ext cx="198341" cy="259314"/>
            <a:chOff x="8757994" y="2024065"/>
            <a:chExt cx="407987" cy="533401"/>
          </a:xfrm>
          <a:solidFill>
            <a:schemeClr val="bg1"/>
          </a:solidFill>
        </p:grpSpPr>
        <p:sp>
          <p:nvSpPr>
            <p:cNvPr id="12" name="Freeform 247">
              <a:extLst>
                <a:ext uri="{FF2B5EF4-FFF2-40B4-BE49-F238E27FC236}">
                  <a16:creationId xmlns:a16="http://schemas.microsoft.com/office/drawing/2014/main" id="{6A96732C-0357-4231-7534-7CFB3B013E46}"/>
                </a:ext>
              </a:extLst>
            </p:cNvPr>
            <p:cNvSpPr>
              <a:spLocks/>
            </p:cNvSpPr>
            <p:nvPr/>
          </p:nvSpPr>
          <p:spPr bwMode="auto">
            <a:xfrm>
              <a:off x="9023106" y="2065340"/>
              <a:ext cx="103187" cy="103188"/>
            </a:xfrm>
            <a:custGeom>
              <a:avLst/>
              <a:gdLst>
                <a:gd name="T0" fmla="*/ 36 w 40"/>
                <a:gd name="T1" fmla="*/ 32 h 40"/>
                <a:gd name="T2" fmla="*/ 16 w 40"/>
                <a:gd name="T3" fmla="*/ 32 h 40"/>
                <a:gd name="T4" fmla="*/ 8 w 40"/>
                <a:gd name="T5" fmla="*/ 24 h 40"/>
                <a:gd name="T6" fmla="*/ 8 w 40"/>
                <a:gd name="T7" fmla="*/ 4 h 40"/>
                <a:gd name="T8" fmla="*/ 4 w 40"/>
                <a:gd name="T9" fmla="*/ 0 h 40"/>
                <a:gd name="T10" fmla="*/ 0 w 40"/>
                <a:gd name="T11" fmla="*/ 4 h 40"/>
                <a:gd name="T12" fmla="*/ 0 w 40"/>
                <a:gd name="T13" fmla="*/ 24 h 40"/>
                <a:gd name="T14" fmla="*/ 16 w 40"/>
                <a:gd name="T15" fmla="*/ 40 h 40"/>
                <a:gd name="T16" fmla="*/ 36 w 40"/>
                <a:gd name="T17" fmla="*/ 40 h 40"/>
                <a:gd name="T18" fmla="*/ 40 w 40"/>
                <a:gd name="T19" fmla="*/ 36 h 40"/>
                <a:gd name="T20" fmla="*/ 36 w 40"/>
                <a:gd name="T21" fmla="*/ 32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36" y="32"/>
                  </a:moveTo>
                  <a:cubicBezTo>
                    <a:pt x="16" y="32"/>
                    <a:pt x="16" y="32"/>
                    <a:pt x="16" y="32"/>
                  </a:cubicBezTo>
                  <a:cubicBezTo>
                    <a:pt x="12" y="32"/>
                    <a:pt x="8" y="28"/>
                    <a:pt x="8" y="24"/>
                  </a:cubicBezTo>
                  <a:cubicBezTo>
                    <a:pt x="8" y="4"/>
                    <a:pt x="8" y="4"/>
                    <a:pt x="8" y="4"/>
                  </a:cubicBezTo>
                  <a:cubicBezTo>
                    <a:pt x="8" y="2"/>
                    <a:pt x="6" y="0"/>
                    <a:pt x="4" y="0"/>
                  </a:cubicBez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3" name="Freeform 248">
              <a:extLst>
                <a:ext uri="{FF2B5EF4-FFF2-40B4-BE49-F238E27FC236}">
                  <a16:creationId xmlns:a16="http://schemas.microsoft.com/office/drawing/2014/main" id="{2B289146-EC8B-8941-A124-0451E243B930}"/>
                </a:ext>
              </a:extLst>
            </p:cNvPr>
            <p:cNvSpPr>
              <a:spLocks noEditPoints="1"/>
            </p:cNvSpPr>
            <p:nvPr/>
          </p:nvSpPr>
          <p:spPr bwMode="auto">
            <a:xfrm>
              <a:off x="8757994" y="2024065"/>
              <a:ext cx="407987"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188 h 208"/>
                <a:gd name="T12" fmla="*/ 20 w 160"/>
                <a:gd name="T13" fmla="*/ 208 h 208"/>
                <a:gd name="T14" fmla="*/ 140 w 160"/>
                <a:gd name="T15" fmla="*/ 208 h 208"/>
                <a:gd name="T16" fmla="*/ 160 w 160"/>
                <a:gd name="T17" fmla="*/ 188 h 208"/>
                <a:gd name="T18" fmla="*/ 160 w 160"/>
                <a:gd name="T19" fmla="*/ 51 h 208"/>
                <a:gd name="T20" fmla="*/ 154 w 160"/>
                <a:gd name="T21" fmla="*/ 36 h 208"/>
                <a:gd name="T22" fmla="*/ 152 w 160"/>
                <a:gd name="T23" fmla="*/ 188 h 208"/>
                <a:gd name="T24" fmla="*/ 140 w 160"/>
                <a:gd name="T25" fmla="*/ 200 h 208"/>
                <a:gd name="T26" fmla="*/ 20 w 160"/>
                <a:gd name="T27" fmla="*/ 200 h 208"/>
                <a:gd name="T28" fmla="*/ 8 w 160"/>
                <a:gd name="T29" fmla="*/ 188 h 208"/>
                <a:gd name="T30" fmla="*/ 8 w 160"/>
                <a:gd name="T31" fmla="*/ 20 h 208"/>
                <a:gd name="T32" fmla="*/ 20 w 160"/>
                <a:gd name="T33" fmla="*/ 8 h 208"/>
                <a:gd name="T34" fmla="*/ 109 w 160"/>
                <a:gd name="T35" fmla="*/ 8 h 208"/>
                <a:gd name="T36" fmla="*/ 118 w 160"/>
                <a:gd name="T37" fmla="*/ 12 h 208"/>
                <a:gd name="T38" fmla="*/ 148 w 160"/>
                <a:gd name="T39" fmla="*/ 42 h 208"/>
                <a:gd name="T40" fmla="*/ 152 w 160"/>
                <a:gd name="T41" fmla="*/ 51 h 208"/>
                <a:gd name="T42" fmla="*/ 152 w 160"/>
                <a:gd name="T43" fmla="*/ 18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moveTo>
                    <a:pt x="152" y="188"/>
                  </a:moveTo>
                  <a:cubicBezTo>
                    <a:pt x="152" y="195"/>
                    <a:pt x="147" y="200"/>
                    <a:pt x="140" y="200"/>
                  </a:cubicBezTo>
                  <a:cubicBezTo>
                    <a:pt x="20" y="200"/>
                    <a:pt x="20" y="200"/>
                    <a:pt x="20" y="200"/>
                  </a:cubicBezTo>
                  <a:cubicBezTo>
                    <a:pt x="13" y="200"/>
                    <a:pt x="8" y="195"/>
                    <a:pt x="8" y="188"/>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lnTo>
                    <a:pt x="152" y="18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4" name="Freeform 249">
              <a:extLst>
                <a:ext uri="{FF2B5EF4-FFF2-40B4-BE49-F238E27FC236}">
                  <a16:creationId xmlns:a16="http://schemas.microsoft.com/office/drawing/2014/main" id="{63F6B9A9-2187-847A-D54C-C7F780E12FDD}"/>
                </a:ext>
              </a:extLst>
            </p:cNvPr>
            <p:cNvSpPr>
              <a:spLocks/>
            </p:cNvSpPr>
            <p:nvPr/>
          </p:nvSpPr>
          <p:spPr bwMode="auto">
            <a:xfrm>
              <a:off x="8838956" y="2230440"/>
              <a:ext cx="82550" cy="80963"/>
            </a:xfrm>
            <a:custGeom>
              <a:avLst/>
              <a:gdLst>
                <a:gd name="T0" fmla="*/ 25 w 32"/>
                <a:gd name="T1" fmla="*/ 31 h 32"/>
                <a:gd name="T2" fmla="*/ 28 w 32"/>
                <a:gd name="T3" fmla="*/ 32 h 32"/>
                <a:gd name="T4" fmla="*/ 31 w 32"/>
                <a:gd name="T5" fmla="*/ 31 h 32"/>
                <a:gd name="T6" fmla="*/ 31 w 32"/>
                <a:gd name="T7" fmla="*/ 25 h 32"/>
                <a:gd name="T8" fmla="*/ 22 w 32"/>
                <a:gd name="T9" fmla="*/ 16 h 32"/>
                <a:gd name="T10" fmla="*/ 31 w 32"/>
                <a:gd name="T11" fmla="*/ 7 h 32"/>
                <a:gd name="T12" fmla="*/ 31 w 32"/>
                <a:gd name="T13" fmla="*/ 1 h 32"/>
                <a:gd name="T14" fmla="*/ 25 w 32"/>
                <a:gd name="T15" fmla="*/ 1 h 32"/>
                <a:gd name="T16" fmla="*/ 16 w 32"/>
                <a:gd name="T17" fmla="*/ 10 h 32"/>
                <a:gd name="T18" fmla="*/ 7 w 32"/>
                <a:gd name="T19" fmla="*/ 1 h 32"/>
                <a:gd name="T20" fmla="*/ 1 w 32"/>
                <a:gd name="T21" fmla="*/ 1 h 32"/>
                <a:gd name="T22" fmla="*/ 1 w 32"/>
                <a:gd name="T23" fmla="*/ 7 h 32"/>
                <a:gd name="T24" fmla="*/ 10 w 32"/>
                <a:gd name="T25" fmla="*/ 16 h 32"/>
                <a:gd name="T26" fmla="*/ 1 w 32"/>
                <a:gd name="T27" fmla="*/ 25 h 32"/>
                <a:gd name="T28" fmla="*/ 1 w 32"/>
                <a:gd name="T29" fmla="*/ 31 h 32"/>
                <a:gd name="T30" fmla="*/ 4 w 32"/>
                <a:gd name="T31" fmla="*/ 32 h 32"/>
                <a:gd name="T32" fmla="*/ 7 w 32"/>
                <a:gd name="T33" fmla="*/ 31 h 32"/>
                <a:gd name="T34" fmla="*/ 16 w 32"/>
                <a:gd name="T35" fmla="*/ 22 h 32"/>
                <a:gd name="T36" fmla="*/ 25 w 32"/>
                <a:gd name="T37" fmla="*/ 31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32" h="32">
                  <a:moveTo>
                    <a:pt x="25" y="31"/>
                  </a:moveTo>
                  <a:cubicBezTo>
                    <a:pt x="26" y="32"/>
                    <a:pt x="27" y="32"/>
                    <a:pt x="28" y="32"/>
                  </a:cubicBezTo>
                  <a:cubicBezTo>
                    <a:pt x="29" y="32"/>
                    <a:pt x="30" y="32"/>
                    <a:pt x="31" y="31"/>
                  </a:cubicBezTo>
                  <a:cubicBezTo>
                    <a:pt x="32" y="29"/>
                    <a:pt x="32" y="27"/>
                    <a:pt x="31" y="25"/>
                  </a:cubicBezTo>
                  <a:cubicBezTo>
                    <a:pt x="22" y="16"/>
                    <a:pt x="22" y="16"/>
                    <a:pt x="22" y="16"/>
                  </a:cubicBezTo>
                  <a:cubicBezTo>
                    <a:pt x="31" y="7"/>
                    <a:pt x="31" y="7"/>
                    <a:pt x="31" y="7"/>
                  </a:cubicBezTo>
                  <a:cubicBezTo>
                    <a:pt x="32" y="5"/>
                    <a:pt x="32" y="3"/>
                    <a:pt x="31" y="1"/>
                  </a:cubicBezTo>
                  <a:cubicBezTo>
                    <a:pt x="29" y="0"/>
                    <a:pt x="27" y="0"/>
                    <a:pt x="25" y="1"/>
                  </a:cubicBezTo>
                  <a:cubicBezTo>
                    <a:pt x="16" y="10"/>
                    <a:pt x="16" y="10"/>
                    <a:pt x="16" y="10"/>
                  </a:cubicBezTo>
                  <a:cubicBezTo>
                    <a:pt x="7" y="1"/>
                    <a:pt x="7" y="1"/>
                    <a:pt x="7" y="1"/>
                  </a:cubicBezTo>
                  <a:cubicBezTo>
                    <a:pt x="5" y="0"/>
                    <a:pt x="3" y="0"/>
                    <a:pt x="1" y="1"/>
                  </a:cubicBezTo>
                  <a:cubicBezTo>
                    <a:pt x="0" y="3"/>
                    <a:pt x="0" y="5"/>
                    <a:pt x="1" y="7"/>
                  </a:cubicBezTo>
                  <a:cubicBezTo>
                    <a:pt x="10" y="16"/>
                    <a:pt x="10" y="16"/>
                    <a:pt x="10" y="16"/>
                  </a:cubicBezTo>
                  <a:cubicBezTo>
                    <a:pt x="1" y="25"/>
                    <a:pt x="1" y="25"/>
                    <a:pt x="1" y="25"/>
                  </a:cubicBezTo>
                  <a:cubicBezTo>
                    <a:pt x="0" y="27"/>
                    <a:pt x="0" y="29"/>
                    <a:pt x="1" y="31"/>
                  </a:cubicBezTo>
                  <a:cubicBezTo>
                    <a:pt x="2" y="32"/>
                    <a:pt x="3" y="32"/>
                    <a:pt x="4" y="32"/>
                  </a:cubicBezTo>
                  <a:cubicBezTo>
                    <a:pt x="5" y="32"/>
                    <a:pt x="6" y="32"/>
                    <a:pt x="7" y="31"/>
                  </a:cubicBezTo>
                  <a:cubicBezTo>
                    <a:pt x="16" y="22"/>
                    <a:pt x="16" y="22"/>
                    <a:pt x="16" y="22"/>
                  </a:cubicBezTo>
                  <a:lnTo>
                    <a:pt x="25" y="31"/>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6" name="Freeform 250">
              <a:extLst>
                <a:ext uri="{FF2B5EF4-FFF2-40B4-BE49-F238E27FC236}">
                  <a16:creationId xmlns:a16="http://schemas.microsoft.com/office/drawing/2014/main" id="{1D74C80D-1358-5F82-ED63-D8AF376D4512}"/>
                </a:ext>
              </a:extLst>
            </p:cNvPr>
            <p:cNvSpPr>
              <a:spLocks/>
            </p:cNvSpPr>
            <p:nvPr/>
          </p:nvSpPr>
          <p:spPr bwMode="auto">
            <a:xfrm>
              <a:off x="9002469" y="2230440"/>
              <a:ext cx="82550" cy="80963"/>
            </a:xfrm>
            <a:custGeom>
              <a:avLst/>
              <a:gdLst>
                <a:gd name="T0" fmla="*/ 31 w 32"/>
                <a:gd name="T1" fmla="*/ 1 h 32"/>
                <a:gd name="T2" fmla="*/ 25 w 32"/>
                <a:gd name="T3" fmla="*/ 1 h 32"/>
                <a:gd name="T4" fmla="*/ 16 w 32"/>
                <a:gd name="T5" fmla="*/ 10 h 32"/>
                <a:gd name="T6" fmla="*/ 7 w 32"/>
                <a:gd name="T7" fmla="*/ 1 h 32"/>
                <a:gd name="T8" fmla="*/ 1 w 32"/>
                <a:gd name="T9" fmla="*/ 1 h 32"/>
                <a:gd name="T10" fmla="*/ 1 w 32"/>
                <a:gd name="T11" fmla="*/ 7 h 32"/>
                <a:gd name="T12" fmla="*/ 10 w 32"/>
                <a:gd name="T13" fmla="*/ 16 h 32"/>
                <a:gd name="T14" fmla="*/ 1 w 32"/>
                <a:gd name="T15" fmla="*/ 25 h 32"/>
                <a:gd name="T16" fmla="*/ 1 w 32"/>
                <a:gd name="T17" fmla="*/ 31 h 32"/>
                <a:gd name="T18" fmla="*/ 4 w 32"/>
                <a:gd name="T19" fmla="*/ 32 h 32"/>
                <a:gd name="T20" fmla="*/ 7 w 32"/>
                <a:gd name="T21" fmla="*/ 31 h 32"/>
                <a:gd name="T22" fmla="*/ 16 w 32"/>
                <a:gd name="T23" fmla="*/ 22 h 32"/>
                <a:gd name="T24" fmla="*/ 25 w 32"/>
                <a:gd name="T25" fmla="*/ 31 h 32"/>
                <a:gd name="T26" fmla="*/ 28 w 32"/>
                <a:gd name="T27" fmla="*/ 32 h 32"/>
                <a:gd name="T28" fmla="*/ 31 w 32"/>
                <a:gd name="T29" fmla="*/ 31 h 32"/>
                <a:gd name="T30" fmla="*/ 31 w 32"/>
                <a:gd name="T31" fmla="*/ 25 h 32"/>
                <a:gd name="T32" fmla="*/ 22 w 32"/>
                <a:gd name="T33" fmla="*/ 16 h 32"/>
                <a:gd name="T34" fmla="*/ 31 w 32"/>
                <a:gd name="T35" fmla="*/ 7 h 32"/>
                <a:gd name="T36" fmla="*/ 31 w 32"/>
                <a:gd name="T37" fmla="*/ 1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32" h="32">
                  <a:moveTo>
                    <a:pt x="31" y="1"/>
                  </a:moveTo>
                  <a:cubicBezTo>
                    <a:pt x="29" y="0"/>
                    <a:pt x="27" y="0"/>
                    <a:pt x="25" y="1"/>
                  </a:cubicBezTo>
                  <a:cubicBezTo>
                    <a:pt x="16" y="10"/>
                    <a:pt x="16" y="10"/>
                    <a:pt x="16" y="10"/>
                  </a:cubicBezTo>
                  <a:cubicBezTo>
                    <a:pt x="7" y="1"/>
                    <a:pt x="7" y="1"/>
                    <a:pt x="7" y="1"/>
                  </a:cubicBezTo>
                  <a:cubicBezTo>
                    <a:pt x="5" y="0"/>
                    <a:pt x="3" y="0"/>
                    <a:pt x="1" y="1"/>
                  </a:cubicBezTo>
                  <a:cubicBezTo>
                    <a:pt x="0" y="3"/>
                    <a:pt x="0" y="5"/>
                    <a:pt x="1" y="7"/>
                  </a:cubicBezTo>
                  <a:cubicBezTo>
                    <a:pt x="10" y="16"/>
                    <a:pt x="10" y="16"/>
                    <a:pt x="10" y="16"/>
                  </a:cubicBezTo>
                  <a:cubicBezTo>
                    <a:pt x="1" y="25"/>
                    <a:pt x="1" y="25"/>
                    <a:pt x="1" y="25"/>
                  </a:cubicBezTo>
                  <a:cubicBezTo>
                    <a:pt x="0" y="27"/>
                    <a:pt x="0" y="29"/>
                    <a:pt x="1" y="31"/>
                  </a:cubicBezTo>
                  <a:cubicBezTo>
                    <a:pt x="2" y="32"/>
                    <a:pt x="3" y="32"/>
                    <a:pt x="4" y="32"/>
                  </a:cubicBezTo>
                  <a:cubicBezTo>
                    <a:pt x="5" y="32"/>
                    <a:pt x="6" y="32"/>
                    <a:pt x="7" y="31"/>
                  </a:cubicBezTo>
                  <a:cubicBezTo>
                    <a:pt x="16" y="22"/>
                    <a:pt x="16" y="22"/>
                    <a:pt x="16" y="22"/>
                  </a:cubicBezTo>
                  <a:cubicBezTo>
                    <a:pt x="25" y="31"/>
                    <a:pt x="25" y="31"/>
                    <a:pt x="25" y="31"/>
                  </a:cubicBezTo>
                  <a:cubicBezTo>
                    <a:pt x="26" y="32"/>
                    <a:pt x="27" y="32"/>
                    <a:pt x="28" y="32"/>
                  </a:cubicBezTo>
                  <a:cubicBezTo>
                    <a:pt x="29" y="32"/>
                    <a:pt x="30" y="32"/>
                    <a:pt x="31" y="31"/>
                  </a:cubicBezTo>
                  <a:cubicBezTo>
                    <a:pt x="32" y="29"/>
                    <a:pt x="32" y="27"/>
                    <a:pt x="31" y="25"/>
                  </a:cubicBezTo>
                  <a:cubicBezTo>
                    <a:pt x="22" y="16"/>
                    <a:pt x="22" y="16"/>
                    <a:pt x="22" y="16"/>
                  </a:cubicBezTo>
                  <a:cubicBezTo>
                    <a:pt x="31" y="7"/>
                    <a:pt x="31" y="7"/>
                    <a:pt x="31" y="7"/>
                  </a:cubicBezTo>
                  <a:cubicBezTo>
                    <a:pt x="32" y="5"/>
                    <a:pt x="32" y="3"/>
                    <a:pt x="31" y="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8" name="Freeform 251">
              <a:extLst>
                <a:ext uri="{FF2B5EF4-FFF2-40B4-BE49-F238E27FC236}">
                  <a16:creationId xmlns:a16="http://schemas.microsoft.com/office/drawing/2014/main" id="{D4622446-70AE-17A2-7ACC-456A8B160F74}"/>
                </a:ext>
              </a:extLst>
            </p:cNvPr>
            <p:cNvSpPr>
              <a:spLocks/>
            </p:cNvSpPr>
            <p:nvPr/>
          </p:nvSpPr>
          <p:spPr bwMode="auto">
            <a:xfrm>
              <a:off x="8859594" y="2373315"/>
              <a:ext cx="204787" cy="61913"/>
            </a:xfrm>
            <a:custGeom>
              <a:avLst/>
              <a:gdLst>
                <a:gd name="T0" fmla="*/ 40 w 80"/>
                <a:gd name="T1" fmla="*/ 0 h 24"/>
                <a:gd name="T2" fmla="*/ 1 w 80"/>
                <a:gd name="T3" fmla="*/ 17 h 24"/>
                <a:gd name="T4" fmla="*/ 1 w 80"/>
                <a:gd name="T5" fmla="*/ 23 h 24"/>
                <a:gd name="T6" fmla="*/ 7 w 80"/>
                <a:gd name="T7" fmla="*/ 23 h 24"/>
                <a:gd name="T8" fmla="*/ 40 w 80"/>
                <a:gd name="T9" fmla="*/ 8 h 24"/>
                <a:gd name="T10" fmla="*/ 73 w 80"/>
                <a:gd name="T11" fmla="*/ 23 h 24"/>
                <a:gd name="T12" fmla="*/ 76 w 80"/>
                <a:gd name="T13" fmla="*/ 24 h 24"/>
                <a:gd name="T14" fmla="*/ 79 w 80"/>
                <a:gd name="T15" fmla="*/ 23 h 24"/>
                <a:gd name="T16" fmla="*/ 79 w 80"/>
                <a:gd name="T17" fmla="*/ 17 h 24"/>
                <a:gd name="T18" fmla="*/ 40 w 80"/>
                <a:gd name="T19" fmla="*/ 0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0" h="24">
                  <a:moveTo>
                    <a:pt x="40" y="0"/>
                  </a:moveTo>
                  <a:cubicBezTo>
                    <a:pt x="25" y="0"/>
                    <a:pt x="11" y="6"/>
                    <a:pt x="1" y="17"/>
                  </a:cubicBezTo>
                  <a:cubicBezTo>
                    <a:pt x="0" y="19"/>
                    <a:pt x="0" y="21"/>
                    <a:pt x="1" y="23"/>
                  </a:cubicBezTo>
                  <a:cubicBezTo>
                    <a:pt x="3" y="24"/>
                    <a:pt x="5" y="24"/>
                    <a:pt x="7" y="23"/>
                  </a:cubicBezTo>
                  <a:cubicBezTo>
                    <a:pt x="16" y="13"/>
                    <a:pt x="28" y="8"/>
                    <a:pt x="40" y="8"/>
                  </a:cubicBezTo>
                  <a:cubicBezTo>
                    <a:pt x="52" y="8"/>
                    <a:pt x="64" y="13"/>
                    <a:pt x="73" y="23"/>
                  </a:cubicBezTo>
                  <a:cubicBezTo>
                    <a:pt x="74" y="24"/>
                    <a:pt x="75" y="24"/>
                    <a:pt x="76" y="24"/>
                  </a:cubicBezTo>
                  <a:cubicBezTo>
                    <a:pt x="77" y="24"/>
                    <a:pt x="78" y="24"/>
                    <a:pt x="79" y="23"/>
                  </a:cubicBezTo>
                  <a:cubicBezTo>
                    <a:pt x="80" y="21"/>
                    <a:pt x="80" y="19"/>
                    <a:pt x="79" y="17"/>
                  </a:cubicBezTo>
                  <a:cubicBezTo>
                    <a:pt x="69" y="6"/>
                    <a:pt x="55" y="0"/>
                    <a:pt x="4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Tree>
    <p:extLst>
      <p:ext uri="{BB962C8B-B14F-4D97-AF65-F5344CB8AC3E}">
        <p14:creationId xmlns:p14="http://schemas.microsoft.com/office/powerpoint/2010/main" val="1237032841"/>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8CEC9F0-2C37-444C-BFC2-92F55E24BD83}"/>
            </a:ext>
          </a:extLst>
        </p:cNvPr>
        <p:cNvGrpSpPr/>
        <p:nvPr/>
      </p:nvGrpSpPr>
      <p:grpSpPr>
        <a:xfrm>
          <a:off x="0" y="0"/>
          <a:ext cx="0" cy="0"/>
          <a:chOff x="0" y="0"/>
          <a:chExt cx="0" cy="0"/>
        </a:xfrm>
      </p:grpSpPr>
      <p:sp>
        <p:nvSpPr>
          <p:cNvPr id="8" name="Title 2">
            <a:extLst>
              <a:ext uri="{FF2B5EF4-FFF2-40B4-BE49-F238E27FC236}">
                <a16:creationId xmlns:a16="http://schemas.microsoft.com/office/drawing/2014/main" id="{357D72F4-5209-880C-6248-86D3C0A27D25}"/>
              </a:ext>
            </a:extLst>
          </p:cNvPr>
          <p:cNvSpPr txBox="1">
            <a:spLocks noGrp="1"/>
          </p:cNvSpPr>
          <p:nvPr>
            <p:ph type="title" idx="4294967295"/>
          </p:nvPr>
        </p:nvSpPr>
        <p:spPr>
          <a:xfrm>
            <a:off x="1507880" y="637161"/>
            <a:ext cx="10134474" cy="792465"/>
          </a:xfrm>
          <a:prstGeom prst="rect">
            <a:avLst/>
          </a:prstGeom>
          <a:noFill/>
          <a:ln>
            <a:noFill/>
            <a:prstDash/>
          </a:ln>
          <a:effectLst/>
        </p:spPr>
        <p:txBody>
          <a:bodyPr rot="0" spcFirstLastPara="0" vertOverflow="overflow" horzOverflow="overflow" vert="horz" wrap="square" lIns="0" tIns="0" rIns="103931" bIns="0" numCol="1" spcCol="0" rtlCol="0" fromWordArt="0" anchor="ctr" anchorCtr="0" forceAA="0" compatLnSpc="1">
            <a:prstTxWarp prst="textNoShape">
              <a:avLst/>
            </a:prstTxWarp>
            <a:noAutofit/>
          </a:bodyPr>
          <a:lstStyle>
            <a:lvl1pPr marL="0" algn="l" defTabSz="1039307" rtl="0" eaLnBrk="1" latinLnBrk="0" hangingPunct="1">
              <a:lnSpc>
                <a:spcPct val="100000"/>
              </a:lnSpc>
              <a:spcBef>
                <a:spcPct val="0"/>
              </a:spcBef>
              <a:buNone/>
              <a:tabLst>
                <a:tab pos="0" algn="l"/>
                <a:tab pos="2874963" algn="l"/>
              </a:tabLst>
              <a:defRPr lang="en-GB" sz="2800" b="0" kern="1200" cap="none" spc="0" baseline="0" dirty="0">
                <a:solidFill>
                  <a:schemeClr val="accent1"/>
                </a:solidFill>
                <a:latin typeface="+mj-lt"/>
                <a:ea typeface="+mj-ea"/>
                <a:cs typeface="+mj-cs"/>
              </a:defRPr>
            </a:lvl1pPr>
          </a:lstStyle>
          <a:p>
            <a:pPr marL="0" marR="0" lvl="0" indent="0" algn="l" defTabSz="1039307" rtl="0" eaLnBrk="1" fontAlgn="auto" latinLnBrk="0" hangingPunct="1">
              <a:lnSpc>
                <a:spcPct val="100000"/>
              </a:lnSpc>
              <a:spcBef>
                <a:spcPct val="0"/>
              </a:spcBef>
              <a:spcAft>
                <a:spcPts val="0"/>
              </a:spcAft>
              <a:buClrTx/>
              <a:buSzTx/>
              <a:buFontTx/>
              <a:buNone/>
              <a:tabLst>
                <a:tab pos="0" algn="l"/>
                <a:tab pos="2874963" algn="l"/>
              </a:tabLst>
              <a:defRPr/>
            </a:pPr>
            <a:r>
              <a:rPr kumimoji="0" lang="da-DK" sz="2200" b="0" i="0" u="none" strike="noStrike" kern="1200" cap="none" spc="0" normalizeH="0" baseline="0" noProof="0" dirty="0">
                <a:ln>
                  <a:noFill/>
                </a:ln>
                <a:solidFill>
                  <a:schemeClr val="tx1"/>
                </a:solidFill>
                <a:effectLst/>
                <a:uLnTx/>
                <a:uFillTx/>
                <a:latin typeface="+mj-lt"/>
                <a:ea typeface="+mj-ea"/>
                <a:cs typeface="+mj-cs"/>
              </a:rPr>
              <a:t>Udfordring 02 | Manglende kontrol og transparens over egne data</a:t>
            </a:r>
          </a:p>
        </p:txBody>
      </p:sp>
      <p:sp>
        <p:nvSpPr>
          <p:cNvPr id="6" name="Rektangel 8">
            <a:extLst>
              <a:ext uri="{FF2B5EF4-FFF2-40B4-BE49-F238E27FC236}">
                <a16:creationId xmlns:a16="http://schemas.microsoft.com/office/drawing/2014/main" id="{5D878D7C-D8B9-B104-4DF7-E4CF806D7543}"/>
              </a:ext>
            </a:extLst>
          </p:cNvPr>
          <p:cNvSpPr/>
          <p:nvPr/>
        </p:nvSpPr>
        <p:spPr>
          <a:xfrm>
            <a:off x="554355" y="1649648"/>
            <a:ext cx="3508745" cy="4566240"/>
          </a:xfrm>
          <a:prstGeom prst="roundRect">
            <a:avLst>
              <a:gd name="adj" fmla="val 2683"/>
            </a:avLst>
          </a:prstGeom>
          <a:solidFill>
            <a:srgbClr val="F2F2F2"/>
          </a:solidFill>
          <a:ln>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indent="-171450">
              <a:spcAft>
                <a:spcPts val="600"/>
              </a:spcAft>
              <a:buFont typeface="Arial" panose="020B0604020202020204" pitchFamily="34" charset="0"/>
              <a:buChar char="•"/>
            </a:pPr>
            <a:r>
              <a:rPr lang="da-DK" sz="1100" noProof="0" dirty="0">
                <a:solidFill>
                  <a:schemeClr val="accent3"/>
                </a:solidFill>
                <a:latin typeface="Arial" panose="020B0604020202020204" pitchFamily="34" charset="0"/>
              </a:rPr>
              <a:t>En del af den offentlige sektors data er placeret hos virksomheder med jurisdiktion uden for EU, herunder både mere og mindre følsomme data. Der findes ikke præcise opgørelser over, hvor meget data der er tale om*. </a:t>
            </a:r>
          </a:p>
          <a:p>
            <a:pPr marL="171450" indent="-171450">
              <a:spcAft>
                <a:spcPts val="600"/>
              </a:spcAft>
              <a:buFont typeface="Arial" panose="020B0604020202020204" pitchFamily="34" charset="0"/>
              <a:buChar char="•"/>
            </a:pPr>
            <a:r>
              <a:rPr lang="da-DK" sz="1100" noProof="0" dirty="0">
                <a:solidFill>
                  <a:schemeClr val="accent3"/>
                </a:solidFill>
                <a:latin typeface="Arial" panose="020B0604020202020204" pitchFamily="34" charset="0"/>
              </a:rPr>
              <a:t>Når clouddata ligger hos en privat leverandør, har denne virksomhed en form for kontrol over dem. Det spiller også en rolle, hvor virksomheden har valgt at placere dataene fysisk, da den fysiske placering kan være underlagt national lovgivning, der giver </a:t>
            </a:r>
            <a:r>
              <a:rPr lang="da-DK" sz="1100" b="1" noProof="0" dirty="0">
                <a:solidFill>
                  <a:schemeClr val="accent3"/>
                </a:solidFill>
                <a:latin typeface="Arial" panose="020B0604020202020204" pitchFamily="34" charset="0"/>
              </a:rPr>
              <a:t>myndigheder eller efterretningstjenester mulighed for at tilgå data</a:t>
            </a:r>
            <a:r>
              <a:rPr lang="da-DK" sz="1100" noProof="0" dirty="0">
                <a:solidFill>
                  <a:schemeClr val="accent3"/>
                </a:solidFill>
                <a:latin typeface="Arial" panose="020B0604020202020204" pitchFamily="34" charset="0"/>
              </a:rPr>
              <a:t>. Data er meget værdifulde for leverandøren, da de fx kan anvendes til produktudvikling og træning af AI-modeller. </a:t>
            </a:r>
          </a:p>
          <a:p>
            <a:pPr marL="171450" indent="-171450">
              <a:spcAft>
                <a:spcPts val="600"/>
              </a:spcAft>
              <a:buFont typeface="Arial" panose="020B0604020202020204" pitchFamily="34" charset="0"/>
              <a:buChar char="•"/>
            </a:pPr>
            <a:r>
              <a:rPr lang="da-DK" sz="1100" noProof="0" dirty="0">
                <a:solidFill>
                  <a:schemeClr val="accent3"/>
                </a:solidFill>
                <a:latin typeface="Arial" panose="020B0604020202020204" pitchFamily="34" charset="0"/>
              </a:rPr>
              <a:t>Der ses en </a:t>
            </a:r>
            <a:r>
              <a:rPr lang="da-DK" sz="1100" b="1" noProof="0" dirty="0">
                <a:solidFill>
                  <a:schemeClr val="accent3"/>
                </a:solidFill>
                <a:latin typeface="Arial" panose="020B0604020202020204" pitchFamily="34" charset="0"/>
              </a:rPr>
              <a:t>øget anvendelse af cloud-baserede distributions- og licensmodeller</a:t>
            </a:r>
            <a:r>
              <a:rPr lang="da-DK" sz="1100" noProof="0" dirty="0">
                <a:solidFill>
                  <a:schemeClr val="accent3"/>
                </a:solidFill>
                <a:latin typeface="Arial" panose="020B0604020202020204" pitchFamily="34" charset="0"/>
              </a:rPr>
              <a:t>. Flere leverandører vælger at introducere opgraderede løsninger med nye </a:t>
            </a:r>
            <a:r>
              <a:rPr lang="da-DK" sz="1100" noProof="0" dirty="0" err="1">
                <a:solidFill>
                  <a:schemeClr val="accent3"/>
                </a:solidFill>
                <a:latin typeface="Arial" panose="020B0604020202020204" pitchFamily="34" charset="0"/>
              </a:rPr>
              <a:t>funktionaliteter</a:t>
            </a:r>
            <a:r>
              <a:rPr lang="da-DK" sz="1100" noProof="0" dirty="0">
                <a:solidFill>
                  <a:schemeClr val="accent3"/>
                </a:solidFill>
                <a:latin typeface="Arial" panose="020B0604020202020204" pitchFamily="34" charset="0"/>
              </a:rPr>
              <a:t> i deres cloud-udgaver og ikke til on-</a:t>
            </a:r>
            <a:r>
              <a:rPr lang="da-DK" sz="1100" noProof="0" dirty="0" err="1">
                <a:solidFill>
                  <a:schemeClr val="accent3"/>
                </a:solidFill>
                <a:latin typeface="Arial" panose="020B0604020202020204" pitchFamily="34" charset="0"/>
              </a:rPr>
              <a:t>premise</a:t>
            </a:r>
            <a:r>
              <a:rPr lang="da-DK" sz="1100" noProof="0" dirty="0">
                <a:solidFill>
                  <a:schemeClr val="accent3"/>
                </a:solidFill>
                <a:latin typeface="Arial" panose="020B0604020202020204" pitchFamily="34" charset="0"/>
              </a:rPr>
              <a:t>-løsninger. Hertil kommer, at AI løsninger ved øge anvendelsen af Cloud bl.a. som følge af skalerbarhed og specialiseret hardware.</a:t>
            </a:r>
          </a:p>
        </p:txBody>
      </p:sp>
      <p:sp>
        <p:nvSpPr>
          <p:cNvPr id="9" name="Rektangel 8">
            <a:extLst>
              <a:ext uri="{FF2B5EF4-FFF2-40B4-BE49-F238E27FC236}">
                <a16:creationId xmlns:a16="http://schemas.microsoft.com/office/drawing/2014/main" id="{076B801B-D8A1-6A57-2870-643E71E14092}"/>
              </a:ext>
            </a:extLst>
          </p:cNvPr>
          <p:cNvSpPr/>
          <p:nvPr/>
        </p:nvSpPr>
        <p:spPr>
          <a:xfrm>
            <a:off x="4343102" y="1649648"/>
            <a:ext cx="3508745" cy="4566240"/>
          </a:xfrm>
          <a:prstGeom prst="roundRect">
            <a:avLst>
              <a:gd name="adj" fmla="val 2683"/>
            </a:avLst>
          </a:prstGeom>
          <a:solidFill>
            <a:srgbClr val="F2F2F2"/>
          </a:solidFill>
          <a:ln w="28575">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indent="-171450">
              <a:spcAft>
                <a:spcPts val="600"/>
              </a:spcAft>
              <a:buFont typeface="Arial" panose="020B0604020202020204" pitchFamily="34" charset="0"/>
              <a:buChar char="•"/>
            </a:pPr>
            <a:r>
              <a:rPr lang="da-DK" sz="1100" b="1" noProof="0" dirty="0">
                <a:solidFill>
                  <a:schemeClr val="accent3"/>
                </a:solidFill>
                <a:latin typeface="Arial" panose="020B0604020202020204" pitchFamily="34" charset="0"/>
              </a:rPr>
              <a:t>Svækket gennemsigtighed, beskyttelse og ejerskab af vores data. </a:t>
            </a:r>
            <a:r>
              <a:rPr lang="da-DK" sz="1100" noProof="0" dirty="0">
                <a:solidFill>
                  <a:schemeClr val="accent3"/>
                </a:solidFill>
                <a:latin typeface="Arial" panose="020B0604020202020204" pitchFamily="34" charset="0"/>
              </a:rPr>
              <a:t>Når data er placeret hos virksomheder uden for EU, er det svært at få et fuldt indblik i, hvordan data reelt opbevares, hvem som kan tilgå data og hvordan data anvendes, fx ved utilsigtede tredjelandsoverførsler i forbindelse med cloud-ydelser, efterretninger eller mere kommercielle anvendelsesformål. </a:t>
            </a:r>
          </a:p>
          <a:p>
            <a:pPr marL="171450" indent="-171450">
              <a:spcAft>
                <a:spcPts val="600"/>
              </a:spcAft>
              <a:buFont typeface="Arial" panose="020B0604020202020204" pitchFamily="34" charset="0"/>
              <a:buChar char="•"/>
            </a:pPr>
            <a:r>
              <a:rPr lang="da-DK" sz="1100" noProof="0" dirty="0">
                <a:solidFill>
                  <a:schemeClr val="accent3"/>
                </a:solidFill>
                <a:latin typeface="Arial" panose="020B0604020202020204" pitchFamily="34" charset="0"/>
              </a:rPr>
              <a:t>På trods af relevant lovgivning (fx GDRP og Data </a:t>
            </a:r>
            <a:r>
              <a:rPr lang="da-DK" sz="1100" noProof="0" dirty="0" err="1">
                <a:solidFill>
                  <a:schemeClr val="accent3"/>
                </a:solidFill>
                <a:latin typeface="Arial" panose="020B0604020202020204" pitchFamily="34" charset="0"/>
              </a:rPr>
              <a:t>Act</a:t>
            </a:r>
            <a:r>
              <a:rPr lang="da-DK" sz="1100" noProof="0" dirty="0">
                <a:solidFill>
                  <a:schemeClr val="accent3"/>
                </a:solidFill>
                <a:latin typeface="Arial" panose="020B0604020202020204" pitchFamily="34" charset="0"/>
              </a:rPr>
              <a:t>) kan det være </a:t>
            </a:r>
            <a:r>
              <a:rPr lang="da-DK" sz="1100" b="1" noProof="0" dirty="0">
                <a:solidFill>
                  <a:schemeClr val="accent3"/>
                </a:solidFill>
                <a:latin typeface="Arial" panose="020B0604020202020204" pitchFamily="34" charset="0"/>
              </a:rPr>
              <a:t>svært at efterleve national og europæisk regulering,</a:t>
            </a:r>
            <a:r>
              <a:rPr lang="da-DK" sz="1100" noProof="0" dirty="0">
                <a:solidFill>
                  <a:schemeClr val="accent3"/>
                </a:solidFill>
                <a:latin typeface="Arial" panose="020B0604020202020204" pitchFamily="34" charset="0"/>
              </a:rPr>
              <a:t> og dermed kan der være usikkerhed om effekten af vores regulering og de offentlige myndigheders evne til at beskytte kritisk information. </a:t>
            </a:r>
          </a:p>
          <a:p>
            <a:pPr marL="171450" indent="-171450">
              <a:spcAft>
                <a:spcPts val="600"/>
              </a:spcAft>
              <a:buFont typeface="Arial" panose="020B0604020202020204" pitchFamily="34" charset="0"/>
              <a:buChar char="•"/>
            </a:pPr>
            <a:r>
              <a:rPr lang="da-DK" sz="1100" noProof="0" dirty="0">
                <a:solidFill>
                  <a:schemeClr val="accent3"/>
                </a:solidFill>
                <a:latin typeface="Arial" panose="020B0604020202020204" pitchFamily="34" charset="0"/>
              </a:rPr>
              <a:t>Manglende kontrol og transparens med offentlige data kan </a:t>
            </a:r>
            <a:r>
              <a:rPr lang="da-DK" sz="1100" b="1" noProof="0" dirty="0">
                <a:solidFill>
                  <a:schemeClr val="accent3"/>
                </a:solidFill>
                <a:latin typeface="Arial" panose="020B0604020202020204" pitchFamily="34" charset="0"/>
              </a:rPr>
              <a:t>underminere både myndighedernes og borgernes tillid</a:t>
            </a:r>
            <a:r>
              <a:rPr lang="da-DK" sz="1100" noProof="0" dirty="0">
                <a:solidFill>
                  <a:schemeClr val="accent3"/>
                </a:solidFill>
                <a:latin typeface="Arial" panose="020B0604020202020204" pitchFamily="34" charset="0"/>
              </a:rPr>
              <a:t>, hvilket både er et etisk og demokratisk problem.</a:t>
            </a:r>
          </a:p>
          <a:p>
            <a:pPr>
              <a:spcAft>
                <a:spcPts val="600"/>
              </a:spcAft>
            </a:pPr>
            <a:endParaRPr lang="da-DK" sz="1100" noProof="0" dirty="0">
              <a:solidFill>
                <a:schemeClr val="accent3"/>
              </a:solidFill>
            </a:endParaRPr>
          </a:p>
          <a:p>
            <a:pPr marL="171450" indent="-171450">
              <a:spcAft>
                <a:spcPts val="600"/>
              </a:spcAft>
              <a:buFont typeface="Arial" panose="020B0604020202020204" pitchFamily="34" charset="0"/>
              <a:buChar char="•"/>
            </a:pPr>
            <a:endParaRPr lang="da-DK" sz="1100" noProof="0" dirty="0">
              <a:solidFill>
                <a:schemeClr val="accent3"/>
              </a:solidFill>
            </a:endParaRPr>
          </a:p>
        </p:txBody>
      </p:sp>
      <p:sp>
        <p:nvSpPr>
          <p:cNvPr id="17" name="Rektangel 8">
            <a:extLst>
              <a:ext uri="{FF2B5EF4-FFF2-40B4-BE49-F238E27FC236}">
                <a16:creationId xmlns:a16="http://schemas.microsoft.com/office/drawing/2014/main" id="{3235D37B-7FD1-779A-B5C5-9CB009EE679F}"/>
              </a:ext>
            </a:extLst>
          </p:cNvPr>
          <p:cNvSpPr/>
          <p:nvPr/>
        </p:nvSpPr>
        <p:spPr>
          <a:xfrm>
            <a:off x="8129673" y="1649648"/>
            <a:ext cx="3508745" cy="4566240"/>
          </a:xfrm>
          <a:prstGeom prst="roundRect">
            <a:avLst>
              <a:gd name="adj" fmla="val 2683"/>
            </a:avLst>
          </a:prstGeom>
          <a:solidFill>
            <a:srgbClr val="F2F2F2"/>
          </a:solidFill>
          <a:ln w="28575">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indent="-171450" defTabSz="914400" eaLnBrk="0" fontAlgn="base" hangingPunct="0">
              <a:spcBef>
                <a:spcPct val="0"/>
              </a:spcBef>
              <a:spcAft>
                <a:spcPts val="600"/>
              </a:spcAft>
              <a:buFont typeface="Arial" panose="020B0604020202020204" pitchFamily="34" charset="0"/>
              <a:buChar char="•"/>
            </a:pPr>
            <a:r>
              <a:rPr lang="da-DK" sz="1100" b="1" noProof="0" dirty="0">
                <a:solidFill>
                  <a:schemeClr val="accent3"/>
                </a:solidFill>
                <a:latin typeface="Arial" panose="020B0604020202020204" pitchFamily="34" charset="0"/>
              </a:rPr>
              <a:t>Usikkerhed om hvilken regulering der gælder for vores data.</a:t>
            </a:r>
            <a:r>
              <a:rPr lang="da-DK" sz="1100" noProof="0" dirty="0">
                <a:solidFill>
                  <a:schemeClr val="accent3"/>
                </a:solidFill>
                <a:latin typeface="Arial" panose="020B0604020202020204" pitchFamily="34" charset="0"/>
              </a:rPr>
              <a:t> Det kan være vanskeligt at efterleve krav om transparens eller audit i tredjelande. Hertil kommer, at regulering som fx CLOUD </a:t>
            </a:r>
            <a:r>
              <a:rPr lang="da-DK" sz="1100" noProof="0" dirty="0" err="1">
                <a:solidFill>
                  <a:schemeClr val="accent3"/>
                </a:solidFill>
                <a:latin typeface="Arial" panose="020B0604020202020204" pitchFamily="34" charset="0"/>
              </a:rPr>
              <a:t>Act</a:t>
            </a:r>
            <a:r>
              <a:rPr lang="da-DK" sz="1100" noProof="0" dirty="0">
                <a:solidFill>
                  <a:schemeClr val="accent3"/>
                </a:solidFill>
                <a:latin typeface="Arial" panose="020B0604020202020204" pitchFamily="34" charset="0"/>
              </a:rPr>
              <a:t> i USA kan pålægge amerikanske leverandører at udlevere data, selv når de er lagret i EU.</a:t>
            </a:r>
          </a:p>
          <a:p>
            <a:pPr marL="171450" indent="-171450" defTabSz="914400" eaLnBrk="0" fontAlgn="base" hangingPunct="0">
              <a:spcBef>
                <a:spcPct val="0"/>
              </a:spcBef>
              <a:spcAft>
                <a:spcPts val="600"/>
              </a:spcAft>
              <a:buFont typeface="Arial" panose="020B0604020202020204" pitchFamily="34" charset="0"/>
              <a:buChar char="•"/>
            </a:pPr>
            <a:r>
              <a:rPr lang="da-DK" sz="1100" b="1" noProof="0" dirty="0">
                <a:solidFill>
                  <a:schemeClr val="accent3"/>
                </a:solidFill>
                <a:latin typeface="Arial" panose="020B0604020202020204" pitchFamily="34" charset="0"/>
              </a:rPr>
              <a:t>Kompleks og ressourcekrævende opgave at kortlægge dataopbevaring og -anvendelse</a:t>
            </a:r>
            <a:r>
              <a:rPr lang="da-DK" sz="1100" noProof="0" dirty="0">
                <a:solidFill>
                  <a:schemeClr val="accent3"/>
                </a:solidFill>
                <a:latin typeface="Arial" panose="020B0604020202020204" pitchFamily="34" charset="0"/>
              </a:rPr>
              <a:t>. De offentlige myndigheder anvender en bred vifte af forskellige digitale løsninger, hvor data er spredt på tværs af systemer og leverandører i både dansk og udenlandsk jurisdiktion, hvilket gør den samlede styringsopgave med at sikre transparens og compliance kompleks og tidskrævende. </a:t>
            </a:r>
          </a:p>
          <a:p>
            <a:pPr marL="171450" indent="-171450" defTabSz="914400" eaLnBrk="0" fontAlgn="base" hangingPunct="0">
              <a:spcBef>
                <a:spcPct val="0"/>
              </a:spcBef>
              <a:spcAft>
                <a:spcPts val="600"/>
              </a:spcAft>
              <a:buFont typeface="Arial" panose="020B0604020202020204" pitchFamily="34" charset="0"/>
              <a:buChar char="•"/>
            </a:pPr>
            <a:r>
              <a:rPr lang="da-DK" sz="1100" b="1" noProof="0" dirty="0">
                <a:solidFill>
                  <a:schemeClr val="accent3"/>
                </a:solidFill>
                <a:latin typeface="Arial" panose="020B0604020202020204" pitchFamily="34" charset="0"/>
              </a:rPr>
              <a:t>Få europæiske alternativer på samme niveau som de amerikanske cloud-løsninger</a:t>
            </a:r>
            <a:r>
              <a:rPr lang="da-DK" sz="1100" noProof="0" dirty="0">
                <a:solidFill>
                  <a:schemeClr val="accent3"/>
                </a:solidFill>
                <a:latin typeface="Arial" panose="020B0604020202020204" pitchFamily="34" charset="0"/>
              </a:rPr>
              <a:t>. Der findes flere eksempler på europæiske alternativer (</a:t>
            </a:r>
            <a:r>
              <a:rPr lang="da-DK" sz="1100" noProof="0" dirty="0" err="1">
                <a:solidFill>
                  <a:schemeClr val="accent3"/>
                </a:solidFill>
                <a:latin typeface="Arial" panose="020B0604020202020204" pitchFamily="34" charset="0"/>
              </a:rPr>
              <a:t>OVHcloud</a:t>
            </a:r>
            <a:r>
              <a:rPr lang="da-DK" sz="1100" noProof="0" dirty="0">
                <a:solidFill>
                  <a:schemeClr val="accent3"/>
                </a:solidFill>
                <a:latin typeface="Arial" panose="020B0604020202020204" pitchFamily="34" charset="0"/>
              </a:rPr>
              <a:t>, </a:t>
            </a:r>
            <a:r>
              <a:rPr lang="da-DK" sz="1100" noProof="0" dirty="0" err="1">
                <a:solidFill>
                  <a:schemeClr val="accent3"/>
                </a:solidFill>
                <a:latin typeface="Arial" panose="020B0604020202020204" pitchFamily="34" charset="0"/>
              </a:rPr>
              <a:t>Scaleway</a:t>
            </a:r>
            <a:r>
              <a:rPr lang="da-DK" sz="1100" noProof="0" dirty="0">
                <a:solidFill>
                  <a:schemeClr val="accent3"/>
                </a:solidFill>
                <a:latin typeface="Arial" panose="020B0604020202020204" pitchFamily="34" charset="0"/>
              </a:rPr>
              <a:t>, </a:t>
            </a:r>
            <a:r>
              <a:rPr lang="da-DK" sz="1100" noProof="0" dirty="0" err="1">
                <a:solidFill>
                  <a:schemeClr val="accent3"/>
                </a:solidFill>
                <a:latin typeface="Arial" panose="020B0604020202020204" pitchFamily="34" charset="0"/>
              </a:rPr>
              <a:t>Hetzner</a:t>
            </a:r>
            <a:r>
              <a:rPr lang="da-DK" sz="1100" noProof="0" dirty="0">
                <a:solidFill>
                  <a:schemeClr val="accent3"/>
                </a:solidFill>
                <a:latin typeface="Arial" panose="020B0604020202020204" pitchFamily="34" charset="0"/>
              </a:rPr>
              <a:t>). De har dog ikke samme tekniske og leverancemæssige kapacitet som de amerikanske </a:t>
            </a:r>
            <a:r>
              <a:rPr lang="da-DK" sz="1100" noProof="0" dirty="0" err="1">
                <a:solidFill>
                  <a:schemeClr val="accent3"/>
                </a:solidFill>
                <a:latin typeface="Arial" panose="020B0604020202020204" pitchFamily="34" charset="0"/>
              </a:rPr>
              <a:t>hyperscalers</a:t>
            </a:r>
            <a:r>
              <a:rPr lang="da-DK" sz="1100" noProof="0" dirty="0">
                <a:solidFill>
                  <a:schemeClr val="accent3"/>
                </a:solidFill>
                <a:latin typeface="Arial" panose="020B0604020202020204" pitchFamily="34" charset="0"/>
              </a:rPr>
              <a:t>, hvorfor myndighederne primært bruger </a:t>
            </a:r>
            <a:r>
              <a:rPr lang="da-DK" sz="1100" noProof="0" dirty="0" err="1">
                <a:solidFill>
                  <a:schemeClr val="accent3"/>
                </a:solidFill>
                <a:latin typeface="Arial" panose="020B0604020202020204" pitchFamily="34" charset="0"/>
              </a:rPr>
              <a:t>hyperscalers</a:t>
            </a:r>
            <a:r>
              <a:rPr lang="da-DK" sz="1100" noProof="0" dirty="0">
                <a:solidFill>
                  <a:schemeClr val="accent3"/>
                </a:solidFill>
                <a:latin typeface="Arial" panose="020B0604020202020204" pitchFamily="34" charset="0"/>
              </a:rPr>
              <a:t>. </a:t>
            </a:r>
          </a:p>
        </p:txBody>
      </p:sp>
      <p:sp>
        <p:nvSpPr>
          <p:cNvPr id="2" name="Rektangel: afrundede hjørner 1">
            <a:extLst>
              <a:ext uri="{FF2B5EF4-FFF2-40B4-BE49-F238E27FC236}">
                <a16:creationId xmlns:a16="http://schemas.microsoft.com/office/drawing/2014/main" id="{7B525AF8-E6E9-8027-BD2C-8BF933BB2A90}"/>
              </a:ext>
              <a:ext uri="{C183D7F6-B498-43B3-948B-1728B52AA6E4}">
                <adec:decorative xmlns:adec="http://schemas.microsoft.com/office/drawing/2017/decorative" val="1"/>
              </a:ext>
            </a:extLst>
          </p:cNvPr>
          <p:cNvSpPr>
            <a:spLocks/>
          </p:cNvSpPr>
          <p:nvPr/>
        </p:nvSpPr>
        <p:spPr>
          <a:xfrm>
            <a:off x="552821" y="761558"/>
            <a:ext cx="790258" cy="543670"/>
          </a:xfrm>
          <a:prstGeom prst="roundRect">
            <a:avLst>
              <a:gd name="adj" fmla="val 13163"/>
            </a:avLst>
          </a:prstGeom>
          <a:solidFill>
            <a:srgbClr val="F2F2F2"/>
          </a:solidFill>
          <a:ln w="19050">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grpSp>
        <p:nvGrpSpPr>
          <p:cNvPr id="20" name="Group 45">
            <a:extLst>
              <a:ext uri="{FF2B5EF4-FFF2-40B4-BE49-F238E27FC236}">
                <a16:creationId xmlns:a16="http://schemas.microsoft.com/office/drawing/2014/main" id="{BB5B8D11-455D-BF6C-BBB1-92C98B75AB06}"/>
              </a:ext>
              <a:ext uri="{C183D7F6-B498-43B3-948B-1728B52AA6E4}">
                <adec:decorative xmlns:adec="http://schemas.microsoft.com/office/drawing/2017/decorative" val="1"/>
              </a:ext>
            </a:extLst>
          </p:cNvPr>
          <p:cNvGrpSpPr>
            <a:grpSpLocks/>
          </p:cNvGrpSpPr>
          <p:nvPr/>
        </p:nvGrpSpPr>
        <p:grpSpPr>
          <a:xfrm>
            <a:off x="788331" y="844546"/>
            <a:ext cx="319238" cy="377694"/>
            <a:chOff x="4436824" y="4606930"/>
            <a:chExt cx="450850" cy="533401"/>
          </a:xfrm>
          <a:solidFill>
            <a:srgbClr val="024D78"/>
          </a:solidFill>
        </p:grpSpPr>
        <p:sp>
          <p:nvSpPr>
            <p:cNvPr id="21" name="Freeform 208">
              <a:extLst>
                <a:ext uri="{FF2B5EF4-FFF2-40B4-BE49-F238E27FC236}">
                  <a16:creationId xmlns:a16="http://schemas.microsoft.com/office/drawing/2014/main" id="{EB73FC39-FFC1-58BE-B75C-C8C07BA2EC02}"/>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22" name="Freeform 209">
              <a:extLst>
                <a:ext uri="{FF2B5EF4-FFF2-40B4-BE49-F238E27FC236}">
                  <a16:creationId xmlns:a16="http://schemas.microsoft.com/office/drawing/2014/main" id="{9594C0C8-122C-D456-F71D-565A3303A031}"/>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23" name="Freeform 210">
              <a:extLst>
                <a:ext uri="{FF2B5EF4-FFF2-40B4-BE49-F238E27FC236}">
                  <a16:creationId xmlns:a16="http://schemas.microsoft.com/office/drawing/2014/main" id="{0F8DB3FB-B217-1E01-51FE-B822493B300E}"/>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24" name="Freeform 211">
              <a:extLst>
                <a:ext uri="{FF2B5EF4-FFF2-40B4-BE49-F238E27FC236}">
                  <a16:creationId xmlns:a16="http://schemas.microsoft.com/office/drawing/2014/main" id="{79435CEF-A180-399F-0E1C-3F20B6EE7D62}"/>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30" name="Rektangel 9">
            <a:extLst>
              <a:ext uri="{FF2B5EF4-FFF2-40B4-BE49-F238E27FC236}">
                <a16:creationId xmlns:a16="http://schemas.microsoft.com/office/drawing/2014/main" id="{6D590723-079B-0620-CF39-28DB7FC73577}"/>
              </a:ext>
              <a:ext uri="{C183D7F6-B498-43B3-948B-1728B52AA6E4}">
                <adec:decorative xmlns:adec="http://schemas.microsoft.com/office/drawing/2017/decorative" val="1"/>
              </a:ext>
            </a:extLst>
          </p:cNvPr>
          <p:cNvSpPr/>
          <p:nvPr/>
        </p:nvSpPr>
        <p:spPr>
          <a:xfrm>
            <a:off x="554355"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a:solidFill>
                  <a:schemeClr val="bg1"/>
                </a:solidFill>
              </a:rPr>
              <a:t>Situation</a:t>
            </a:r>
          </a:p>
        </p:txBody>
      </p:sp>
      <p:grpSp>
        <p:nvGrpSpPr>
          <p:cNvPr id="31" name="Group 1">
            <a:extLst>
              <a:ext uri="{FF2B5EF4-FFF2-40B4-BE49-F238E27FC236}">
                <a16:creationId xmlns:a16="http://schemas.microsoft.com/office/drawing/2014/main" id="{C4A1E364-F412-73E7-3ADB-E4E6EA24157A}"/>
              </a:ext>
              <a:ext uri="{C183D7F6-B498-43B3-948B-1728B52AA6E4}">
                <adec:decorative xmlns:adec="http://schemas.microsoft.com/office/drawing/2017/decorative" val="1"/>
              </a:ext>
            </a:extLst>
          </p:cNvPr>
          <p:cNvGrpSpPr>
            <a:grpSpLocks noChangeAspect="1"/>
          </p:cNvGrpSpPr>
          <p:nvPr/>
        </p:nvGrpSpPr>
        <p:grpSpPr>
          <a:xfrm>
            <a:off x="639485" y="1686479"/>
            <a:ext cx="274068" cy="246061"/>
            <a:chOff x="-4005223" y="8579"/>
            <a:chExt cx="1125879" cy="1010826"/>
          </a:xfrm>
          <a:solidFill>
            <a:schemeClr val="bg1"/>
          </a:solidFill>
        </p:grpSpPr>
        <p:sp>
          <p:nvSpPr>
            <p:cNvPr id="32" name="Freeform: Shape 2">
              <a:extLst>
                <a:ext uri="{FF2B5EF4-FFF2-40B4-BE49-F238E27FC236}">
                  <a16:creationId xmlns:a16="http://schemas.microsoft.com/office/drawing/2014/main" id="{7433A113-7BB8-C9C7-64E5-DDA3F99C2B5E}"/>
                </a:ext>
              </a:extLst>
            </p:cNvPr>
            <p:cNvSpPr/>
            <p:nvPr/>
          </p:nvSpPr>
          <p:spPr>
            <a:xfrm>
              <a:off x="-4005223" y="8579"/>
              <a:ext cx="1125879" cy="1010826"/>
            </a:xfrm>
            <a:custGeom>
              <a:avLst/>
              <a:gdLst>
                <a:gd name="connsiteX0" fmla="*/ 1097897 w 1125878"/>
                <a:gd name="connsiteY0" fmla="*/ 805990 h 1010825"/>
                <a:gd name="connsiteX1" fmla="*/ 681651 w 1125878"/>
                <a:gd name="connsiteY1" fmla="*/ 85263 h 1010825"/>
                <a:gd name="connsiteX2" fmla="*/ 563721 w 1125878"/>
                <a:gd name="connsiteY2" fmla="*/ 3082 h 1010825"/>
                <a:gd name="connsiteX3" fmla="*/ 445380 w 1125878"/>
                <a:gd name="connsiteY3" fmla="*/ 85263 h 1010825"/>
                <a:gd name="connsiteX4" fmla="*/ 29545 w 1125878"/>
                <a:gd name="connsiteY4" fmla="*/ 805990 h 1010825"/>
                <a:gd name="connsiteX5" fmla="*/ 17629 w 1125878"/>
                <a:gd name="connsiteY5" fmla="*/ 949395 h 1010825"/>
                <a:gd name="connsiteX6" fmla="*/ 147885 w 1125878"/>
                <a:gd name="connsiteY6" fmla="*/ 1010620 h 1010825"/>
                <a:gd name="connsiteX7" fmla="*/ 979967 w 1125878"/>
                <a:gd name="connsiteY7" fmla="*/ 1010620 h 1010825"/>
                <a:gd name="connsiteX8" fmla="*/ 1110225 w 1125878"/>
                <a:gd name="connsiteY8" fmla="*/ 949395 h 1010825"/>
                <a:gd name="connsiteX9" fmla="*/ 1097897 w 1125878"/>
                <a:gd name="connsiteY9" fmla="*/ 805990 h 1010825"/>
                <a:gd name="connsiteX10" fmla="*/ 1076119 w 1125878"/>
                <a:gd name="connsiteY10" fmla="*/ 929672 h 1010825"/>
                <a:gd name="connsiteX11" fmla="*/ 979967 w 1125878"/>
                <a:gd name="connsiteY11" fmla="*/ 971584 h 1010825"/>
                <a:gd name="connsiteX12" fmla="*/ 147475 w 1125878"/>
                <a:gd name="connsiteY12" fmla="*/ 971584 h 1010825"/>
                <a:gd name="connsiteX13" fmla="*/ 51323 w 1125878"/>
                <a:gd name="connsiteY13" fmla="*/ 929672 h 1010825"/>
                <a:gd name="connsiteX14" fmla="*/ 63239 w 1125878"/>
                <a:gd name="connsiteY14" fmla="*/ 825302 h 1010825"/>
                <a:gd name="connsiteX15" fmla="*/ 479074 w 1125878"/>
                <a:gd name="connsiteY15" fmla="*/ 104575 h 1010825"/>
                <a:gd name="connsiteX16" fmla="*/ 563310 w 1125878"/>
                <a:gd name="connsiteY16" fmla="*/ 42118 h 1010825"/>
                <a:gd name="connsiteX17" fmla="*/ 647545 w 1125878"/>
                <a:gd name="connsiteY17" fmla="*/ 104575 h 1010825"/>
                <a:gd name="connsiteX18" fmla="*/ 1063792 w 1125878"/>
                <a:gd name="connsiteY18" fmla="*/ 825302 h 1010825"/>
                <a:gd name="connsiteX19" fmla="*/ 1076119 w 1125878"/>
                <a:gd name="connsiteY19" fmla="*/ 929672 h 10108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125878" h="1010825">
                  <a:moveTo>
                    <a:pt x="1097897" y="805990"/>
                  </a:moveTo>
                  <a:lnTo>
                    <a:pt x="681651" y="85263"/>
                  </a:lnTo>
                  <a:cubicBezTo>
                    <a:pt x="651244" y="32256"/>
                    <a:pt x="609332" y="3082"/>
                    <a:pt x="563721" y="3082"/>
                  </a:cubicBezTo>
                  <a:cubicBezTo>
                    <a:pt x="518110" y="3082"/>
                    <a:pt x="476198" y="32256"/>
                    <a:pt x="445380" y="85263"/>
                  </a:cubicBezTo>
                  <a:lnTo>
                    <a:pt x="29545" y="805990"/>
                  </a:lnTo>
                  <a:cubicBezTo>
                    <a:pt x="-862" y="858996"/>
                    <a:pt x="-5382" y="909949"/>
                    <a:pt x="17629" y="949395"/>
                  </a:cubicBezTo>
                  <a:cubicBezTo>
                    <a:pt x="40228" y="988842"/>
                    <a:pt x="86661" y="1010620"/>
                    <a:pt x="147885" y="1010620"/>
                  </a:cubicBezTo>
                  <a:lnTo>
                    <a:pt x="979967" y="1010620"/>
                  </a:lnTo>
                  <a:cubicBezTo>
                    <a:pt x="1041192" y="1010620"/>
                    <a:pt x="1087214" y="988842"/>
                    <a:pt x="1110225" y="949395"/>
                  </a:cubicBezTo>
                  <a:cubicBezTo>
                    <a:pt x="1132413" y="909538"/>
                    <a:pt x="1128304" y="858585"/>
                    <a:pt x="1097897" y="805990"/>
                  </a:cubicBezTo>
                  <a:close/>
                  <a:moveTo>
                    <a:pt x="1076119" y="929672"/>
                  </a:moveTo>
                  <a:cubicBezTo>
                    <a:pt x="1060916" y="956381"/>
                    <a:pt x="1025578" y="971584"/>
                    <a:pt x="979967" y="971584"/>
                  </a:cubicBezTo>
                  <a:lnTo>
                    <a:pt x="147475" y="971584"/>
                  </a:lnTo>
                  <a:cubicBezTo>
                    <a:pt x="101453" y="971584"/>
                    <a:pt x="66526" y="956381"/>
                    <a:pt x="51323" y="929672"/>
                  </a:cubicBezTo>
                  <a:cubicBezTo>
                    <a:pt x="36119" y="902963"/>
                    <a:pt x="40228" y="865160"/>
                    <a:pt x="63239" y="825302"/>
                  </a:cubicBezTo>
                  <a:lnTo>
                    <a:pt x="479074" y="104575"/>
                  </a:lnTo>
                  <a:cubicBezTo>
                    <a:pt x="502086" y="64718"/>
                    <a:pt x="532903" y="42118"/>
                    <a:pt x="563310" y="42118"/>
                  </a:cubicBezTo>
                  <a:cubicBezTo>
                    <a:pt x="594128" y="42118"/>
                    <a:pt x="624535" y="64718"/>
                    <a:pt x="647545" y="104575"/>
                  </a:cubicBezTo>
                  <a:lnTo>
                    <a:pt x="1063792" y="825302"/>
                  </a:lnTo>
                  <a:cubicBezTo>
                    <a:pt x="1086803" y="865160"/>
                    <a:pt x="1091323" y="902963"/>
                    <a:pt x="1076119" y="929672"/>
                  </a:cubicBezTo>
                  <a:close/>
                </a:path>
              </a:pathLst>
            </a:custGeom>
            <a:grpFill/>
            <a:ln w="9525" cap="flat">
              <a:noFill/>
              <a:prstDash val="solid"/>
              <a:miter/>
            </a:ln>
          </p:spPr>
          <p:txBody>
            <a:bodyPr rtlCol="0" anchor="ctr"/>
            <a:lstStyle/>
            <a:p>
              <a:endParaRPr lang="da-DK" noProof="0"/>
            </a:p>
          </p:txBody>
        </p:sp>
        <p:sp>
          <p:nvSpPr>
            <p:cNvPr id="33" name="Freeform: Shape 3">
              <a:extLst>
                <a:ext uri="{FF2B5EF4-FFF2-40B4-BE49-F238E27FC236}">
                  <a16:creationId xmlns:a16="http://schemas.microsoft.com/office/drawing/2014/main" id="{936DEC8F-AD89-82BE-24D8-8B8B84316814}"/>
                </a:ext>
              </a:extLst>
            </p:cNvPr>
            <p:cNvSpPr/>
            <p:nvPr/>
          </p:nvSpPr>
          <p:spPr>
            <a:xfrm>
              <a:off x="-3519369" y="738757"/>
              <a:ext cx="152035" cy="152035"/>
            </a:xfrm>
            <a:custGeom>
              <a:avLst/>
              <a:gdLst>
                <a:gd name="connsiteX0" fmla="*/ 130462 w 152034"/>
                <a:gd name="connsiteY0" fmla="*/ 24449 h 152034"/>
                <a:gd name="connsiteX1" fmla="*/ 78278 w 152034"/>
                <a:gd name="connsiteY1" fmla="*/ 3082 h 152034"/>
                <a:gd name="connsiteX2" fmla="*/ 25271 w 152034"/>
                <a:gd name="connsiteY2" fmla="*/ 24860 h 152034"/>
                <a:gd name="connsiteX3" fmla="*/ 3082 w 152034"/>
                <a:gd name="connsiteY3" fmla="*/ 77867 h 152034"/>
                <a:gd name="connsiteX4" fmla="*/ 25271 w 152034"/>
                <a:gd name="connsiteY4" fmla="*/ 130462 h 152034"/>
                <a:gd name="connsiteX5" fmla="*/ 78278 w 152034"/>
                <a:gd name="connsiteY5" fmla="*/ 152651 h 152034"/>
                <a:gd name="connsiteX6" fmla="*/ 130051 w 152034"/>
                <a:gd name="connsiteY6" fmla="*/ 130873 h 152034"/>
                <a:gd name="connsiteX7" fmla="*/ 152240 w 152034"/>
                <a:gd name="connsiteY7" fmla="*/ 77867 h 152034"/>
                <a:gd name="connsiteX8" fmla="*/ 130462 w 152034"/>
                <a:gd name="connsiteY8" fmla="*/ 24449 h 152034"/>
                <a:gd name="connsiteX9" fmla="*/ 108685 w 152034"/>
                <a:gd name="connsiteY9" fmla="*/ 108684 h 152034"/>
                <a:gd name="connsiteX10" fmla="*/ 78278 w 152034"/>
                <a:gd name="connsiteY10" fmla="*/ 121833 h 152034"/>
                <a:gd name="connsiteX11" fmla="*/ 47049 w 152034"/>
                <a:gd name="connsiteY11" fmla="*/ 108684 h 152034"/>
                <a:gd name="connsiteX12" fmla="*/ 33900 w 152034"/>
                <a:gd name="connsiteY12" fmla="*/ 77867 h 152034"/>
                <a:gd name="connsiteX13" fmla="*/ 47049 w 152034"/>
                <a:gd name="connsiteY13" fmla="*/ 47049 h 152034"/>
                <a:gd name="connsiteX14" fmla="*/ 78278 w 152034"/>
                <a:gd name="connsiteY14" fmla="*/ 34311 h 152034"/>
                <a:gd name="connsiteX15" fmla="*/ 108685 w 152034"/>
                <a:gd name="connsiteY15" fmla="*/ 47049 h 152034"/>
                <a:gd name="connsiteX16" fmla="*/ 121833 w 152034"/>
                <a:gd name="connsiteY16" fmla="*/ 78277 h 152034"/>
                <a:gd name="connsiteX17" fmla="*/ 108685 w 152034"/>
                <a:gd name="connsiteY17" fmla="*/ 108684 h 1520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52034" h="152034">
                  <a:moveTo>
                    <a:pt x="130462" y="24449"/>
                  </a:moveTo>
                  <a:cubicBezTo>
                    <a:pt x="116081" y="10478"/>
                    <a:pt x="98001" y="3082"/>
                    <a:pt x="78278" y="3082"/>
                  </a:cubicBezTo>
                  <a:cubicBezTo>
                    <a:pt x="58143" y="3082"/>
                    <a:pt x="39652" y="10478"/>
                    <a:pt x="25271" y="24860"/>
                  </a:cubicBezTo>
                  <a:cubicBezTo>
                    <a:pt x="10889" y="39241"/>
                    <a:pt x="3082" y="57321"/>
                    <a:pt x="3082" y="77867"/>
                  </a:cubicBezTo>
                  <a:cubicBezTo>
                    <a:pt x="3082" y="98001"/>
                    <a:pt x="10889" y="116081"/>
                    <a:pt x="25271" y="130462"/>
                  </a:cubicBezTo>
                  <a:cubicBezTo>
                    <a:pt x="39652" y="144844"/>
                    <a:pt x="58143" y="152651"/>
                    <a:pt x="78278" y="152651"/>
                  </a:cubicBezTo>
                  <a:cubicBezTo>
                    <a:pt x="97590" y="152651"/>
                    <a:pt x="115670" y="145255"/>
                    <a:pt x="130051" y="130873"/>
                  </a:cubicBezTo>
                  <a:cubicBezTo>
                    <a:pt x="144844" y="116492"/>
                    <a:pt x="152240" y="98412"/>
                    <a:pt x="152240" y="77867"/>
                  </a:cubicBezTo>
                  <a:cubicBezTo>
                    <a:pt x="152651" y="57321"/>
                    <a:pt x="144844" y="38831"/>
                    <a:pt x="130462" y="24449"/>
                  </a:cubicBezTo>
                  <a:close/>
                  <a:moveTo>
                    <a:pt x="108685" y="108684"/>
                  </a:moveTo>
                  <a:cubicBezTo>
                    <a:pt x="99644" y="117724"/>
                    <a:pt x="89783" y="121833"/>
                    <a:pt x="78278" y="121833"/>
                  </a:cubicBezTo>
                  <a:cubicBezTo>
                    <a:pt x="65950" y="121833"/>
                    <a:pt x="56089" y="117724"/>
                    <a:pt x="47049" y="108684"/>
                  </a:cubicBezTo>
                  <a:cubicBezTo>
                    <a:pt x="38009" y="99644"/>
                    <a:pt x="33900" y="90194"/>
                    <a:pt x="33900" y="77867"/>
                  </a:cubicBezTo>
                  <a:cubicBezTo>
                    <a:pt x="33900" y="65539"/>
                    <a:pt x="38009" y="55678"/>
                    <a:pt x="47049" y="47049"/>
                  </a:cubicBezTo>
                  <a:cubicBezTo>
                    <a:pt x="56089" y="38420"/>
                    <a:pt x="65950" y="34311"/>
                    <a:pt x="78278" y="34311"/>
                  </a:cubicBezTo>
                  <a:cubicBezTo>
                    <a:pt x="90194" y="34311"/>
                    <a:pt x="100055" y="38420"/>
                    <a:pt x="108685" y="47049"/>
                  </a:cubicBezTo>
                  <a:cubicBezTo>
                    <a:pt x="117724" y="55678"/>
                    <a:pt x="121833" y="65539"/>
                    <a:pt x="121833" y="78277"/>
                  </a:cubicBezTo>
                  <a:cubicBezTo>
                    <a:pt x="121833" y="90194"/>
                    <a:pt x="117724" y="100055"/>
                    <a:pt x="108685" y="108684"/>
                  </a:cubicBezTo>
                  <a:close/>
                </a:path>
              </a:pathLst>
            </a:custGeom>
            <a:grpFill/>
            <a:ln w="9525" cap="flat">
              <a:noFill/>
              <a:prstDash val="solid"/>
              <a:miter/>
            </a:ln>
          </p:spPr>
          <p:txBody>
            <a:bodyPr rtlCol="0" anchor="ctr"/>
            <a:lstStyle/>
            <a:p>
              <a:endParaRPr lang="da-DK" noProof="0"/>
            </a:p>
          </p:txBody>
        </p:sp>
        <p:sp>
          <p:nvSpPr>
            <p:cNvPr id="34" name="Freeform: Shape 4">
              <a:extLst>
                <a:ext uri="{FF2B5EF4-FFF2-40B4-BE49-F238E27FC236}">
                  <a16:creationId xmlns:a16="http://schemas.microsoft.com/office/drawing/2014/main" id="{52432039-D06E-887E-6E85-FCB79402F294}"/>
                </a:ext>
              </a:extLst>
            </p:cNvPr>
            <p:cNvSpPr/>
            <p:nvPr/>
          </p:nvSpPr>
          <p:spPr>
            <a:xfrm>
              <a:off x="-3536163" y="230057"/>
              <a:ext cx="180798" cy="460213"/>
            </a:xfrm>
            <a:custGeom>
              <a:avLst/>
              <a:gdLst>
                <a:gd name="connsiteX0" fmla="*/ 179308 w 180798"/>
                <a:gd name="connsiteY0" fmla="*/ 105808 h 460213"/>
                <a:gd name="connsiteX1" fmla="*/ 155064 w 180798"/>
                <a:gd name="connsiteY1" fmla="*/ 28969 h 460213"/>
                <a:gd name="connsiteX2" fmla="*/ 89730 w 180798"/>
                <a:gd name="connsiteY2" fmla="*/ 3082 h 460213"/>
                <a:gd name="connsiteX3" fmla="*/ 25218 w 180798"/>
                <a:gd name="connsiteY3" fmla="*/ 28969 h 460213"/>
                <a:gd name="connsiteX4" fmla="*/ 3440 w 180798"/>
                <a:gd name="connsiteY4" fmla="*/ 105397 h 460213"/>
                <a:gd name="connsiteX5" fmla="*/ 33026 w 180798"/>
                <a:gd name="connsiteY5" fmla="*/ 446037 h 460213"/>
                <a:gd name="connsiteX6" fmla="*/ 48229 w 180798"/>
                <a:gd name="connsiteY6" fmla="*/ 460008 h 460213"/>
                <a:gd name="connsiteX7" fmla="*/ 135341 w 180798"/>
                <a:gd name="connsiteY7" fmla="*/ 460008 h 460213"/>
                <a:gd name="connsiteX8" fmla="*/ 150544 w 180798"/>
                <a:gd name="connsiteY8" fmla="*/ 446037 h 460213"/>
                <a:gd name="connsiteX9" fmla="*/ 179308 w 180798"/>
                <a:gd name="connsiteY9" fmla="*/ 105808 h 460213"/>
                <a:gd name="connsiteX10" fmla="*/ 148490 w 180798"/>
                <a:gd name="connsiteY10" fmla="*/ 102932 h 460213"/>
                <a:gd name="connsiteX11" fmla="*/ 121781 w 180798"/>
                <a:gd name="connsiteY11" fmla="*/ 426725 h 460213"/>
                <a:gd name="connsiteX12" fmla="*/ 121781 w 180798"/>
                <a:gd name="connsiteY12" fmla="*/ 428779 h 460213"/>
                <a:gd name="connsiteX13" fmla="*/ 119727 w 180798"/>
                <a:gd name="connsiteY13" fmla="*/ 428779 h 460213"/>
                <a:gd name="connsiteX14" fmla="*/ 64665 w 180798"/>
                <a:gd name="connsiteY14" fmla="*/ 428779 h 460213"/>
                <a:gd name="connsiteX15" fmla="*/ 62611 w 180798"/>
                <a:gd name="connsiteY15" fmla="*/ 428779 h 460213"/>
                <a:gd name="connsiteX16" fmla="*/ 62611 w 180798"/>
                <a:gd name="connsiteY16" fmla="*/ 426725 h 460213"/>
                <a:gd name="connsiteX17" fmla="*/ 34258 w 180798"/>
                <a:gd name="connsiteY17" fmla="*/ 101699 h 460213"/>
                <a:gd name="connsiteX18" fmla="*/ 48229 w 180798"/>
                <a:gd name="connsiteY18" fmla="*/ 49103 h 460213"/>
                <a:gd name="connsiteX19" fmla="*/ 89730 w 180798"/>
                <a:gd name="connsiteY19" fmla="*/ 33489 h 460213"/>
                <a:gd name="connsiteX20" fmla="*/ 132054 w 180798"/>
                <a:gd name="connsiteY20" fmla="*/ 49103 h 460213"/>
                <a:gd name="connsiteX21" fmla="*/ 148490 w 180798"/>
                <a:gd name="connsiteY21" fmla="*/ 102932 h 4602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80798" h="460213">
                  <a:moveTo>
                    <a:pt x="179308" y="105808"/>
                  </a:moveTo>
                  <a:cubicBezTo>
                    <a:pt x="179719" y="100877"/>
                    <a:pt x="182184" y="58554"/>
                    <a:pt x="155064" y="28969"/>
                  </a:cubicBezTo>
                  <a:cubicBezTo>
                    <a:pt x="144381" y="17053"/>
                    <a:pt x="124246" y="3082"/>
                    <a:pt x="89730" y="3082"/>
                  </a:cubicBezTo>
                  <a:cubicBezTo>
                    <a:pt x="55214" y="3082"/>
                    <a:pt x="35491" y="17053"/>
                    <a:pt x="25218" y="28969"/>
                  </a:cubicBezTo>
                  <a:cubicBezTo>
                    <a:pt x="-1490" y="58965"/>
                    <a:pt x="3440" y="103343"/>
                    <a:pt x="3440" y="105397"/>
                  </a:cubicBezTo>
                  <a:lnTo>
                    <a:pt x="33026" y="446037"/>
                  </a:lnTo>
                  <a:cubicBezTo>
                    <a:pt x="33847" y="454255"/>
                    <a:pt x="40422" y="460008"/>
                    <a:pt x="48229" y="460008"/>
                  </a:cubicBezTo>
                  <a:lnTo>
                    <a:pt x="135341" y="460008"/>
                  </a:lnTo>
                  <a:cubicBezTo>
                    <a:pt x="143148" y="460008"/>
                    <a:pt x="150134" y="453844"/>
                    <a:pt x="150544" y="446037"/>
                  </a:cubicBezTo>
                  <a:lnTo>
                    <a:pt x="179308" y="105808"/>
                  </a:lnTo>
                  <a:close/>
                  <a:moveTo>
                    <a:pt x="148490" y="102932"/>
                  </a:moveTo>
                  <a:lnTo>
                    <a:pt x="121781" y="426725"/>
                  </a:lnTo>
                  <a:lnTo>
                    <a:pt x="121781" y="428779"/>
                  </a:lnTo>
                  <a:lnTo>
                    <a:pt x="119727" y="428779"/>
                  </a:lnTo>
                  <a:lnTo>
                    <a:pt x="64665" y="428779"/>
                  </a:lnTo>
                  <a:lnTo>
                    <a:pt x="62611" y="428779"/>
                  </a:lnTo>
                  <a:lnTo>
                    <a:pt x="62611" y="426725"/>
                  </a:lnTo>
                  <a:lnTo>
                    <a:pt x="34258" y="101699"/>
                  </a:lnTo>
                  <a:cubicBezTo>
                    <a:pt x="33437" y="93481"/>
                    <a:pt x="33847" y="65539"/>
                    <a:pt x="48229" y="49103"/>
                  </a:cubicBezTo>
                  <a:cubicBezTo>
                    <a:pt x="51516" y="45405"/>
                    <a:pt x="62200" y="33489"/>
                    <a:pt x="89730" y="33489"/>
                  </a:cubicBezTo>
                  <a:cubicBezTo>
                    <a:pt x="108632" y="33489"/>
                    <a:pt x="122192" y="38420"/>
                    <a:pt x="132054" y="49103"/>
                  </a:cubicBezTo>
                  <a:cubicBezTo>
                    <a:pt x="147668" y="65950"/>
                    <a:pt x="149312" y="93892"/>
                    <a:pt x="148490" y="102932"/>
                  </a:cubicBezTo>
                  <a:close/>
                </a:path>
              </a:pathLst>
            </a:custGeom>
            <a:grpFill/>
            <a:ln w="9525" cap="flat">
              <a:noFill/>
              <a:prstDash val="solid"/>
              <a:miter/>
            </a:ln>
          </p:spPr>
          <p:txBody>
            <a:bodyPr rtlCol="0" anchor="ctr"/>
            <a:lstStyle/>
            <a:p>
              <a:endParaRPr lang="da-DK" noProof="0"/>
            </a:p>
          </p:txBody>
        </p:sp>
      </p:grpSp>
      <p:sp>
        <p:nvSpPr>
          <p:cNvPr id="35" name="Rektangel 9">
            <a:extLst>
              <a:ext uri="{FF2B5EF4-FFF2-40B4-BE49-F238E27FC236}">
                <a16:creationId xmlns:a16="http://schemas.microsoft.com/office/drawing/2014/main" id="{E84AB730-2BE1-3B6C-7657-2E55438C3E0A}"/>
              </a:ext>
              <a:ext uri="{C183D7F6-B498-43B3-948B-1728B52AA6E4}">
                <adec:decorative xmlns:adec="http://schemas.microsoft.com/office/drawing/2017/decorative" val="1"/>
              </a:ext>
            </a:extLst>
          </p:cNvPr>
          <p:cNvSpPr>
            <a:spLocks/>
          </p:cNvSpPr>
          <p:nvPr/>
        </p:nvSpPr>
        <p:spPr>
          <a:xfrm>
            <a:off x="4343103"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a:solidFill>
                  <a:schemeClr val="bg1"/>
                </a:solidFill>
              </a:rPr>
              <a:t> Problemer</a:t>
            </a:r>
          </a:p>
        </p:txBody>
      </p:sp>
      <p:sp>
        <p:nvSpPr>
          <p:cNvPr id="36" name="Rektangel 9">
            <a:extLst>
              <a:ext uri="{FF2B5EF4-FFF2-40B4-BE49-F238E27FC236}">
                <a16:creationId xmlns:a16="http://schemas.microsoft.com/office/drawing/2014/main" id="{2241BFFD-49A2-EDFA-C8D4-39882FB348BC}"/>
              </a:ext>
              <a:ext uri="{C183D7F6-B498-43B3-948B-1728B52AA6E4}">
                <adec:decorative xmlns:adec="http://schemas.microsoft.com/office/drawing/2017/decorative" val="1"/>
              </a:ext>
            </a:extLst>
          </p:cNvPr>
          <p:cNvSpPr>
            <a:spLocks/>
          </p:cNvSpPr>
          <p:nvPr/>
        </p:nvSpPr>
        <p:spPr>
          <a:xfrm>
            <a:off x="8133980"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a:solidFill>
                  <a:schemeClr val="bg1"/>
                </a:solidFill>
              </a:rPr>
              <a:t>Strukturelle barrierer</a:t>
            </a:r>
          </a:p>
        </p:txBody>
      </p:sp>
      <p:sp>
        <p:nvSpPr>
          <p:cNvPr id="3" name="Rectangle 2">
            <a:extLst>
              <a:ext uri="{FF2B5EF4-FFF2-40B4-BE49-F238E27FC236}">
                <a16:creationId xmlns:a16="http://schemas.microsoft.com/office/drawing/2014/main" id="{7A0DF3F3-A0F6-AA8C-163C-8555946D9E7A}"/>
              </a:ext>
            </a:extLst>
          </p:cNvPr>
          <p:cNvSpPr/>
          <p:nvPr/>
        </p:nvSpPr>
        <p:spPr>
          <a:xfrm>
            <a:off x="480039" y="6368543"/>
            <a:ext cx="11183641" cy="22629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defTabSz="914400" eaLnBrk="0" fontAlgn="base" hangingPunct="0">
              <a:spcBef>
                <a:spcPct val="0"/>
              </a:spcBef>
              <a:spcAft>
                <a:spcPct val="0"/>
              </a:spcAft>
            </a:pPr>
            <a:r>
              <a:rPr lang="da-DK" sz="700" i="1" noProof="0">
                <a:solidFill>
                  <a:schemeClr val="tx1"/>
                </a:solidFill>
              </a:rPr>
              <a:t>*Undersøgelser peger i retning af, at 87 procent af det danske cloud-marked (både privat og offentlig sektor) leveres af få store amerikanske </a:t>
            </a:r>
            <a:r>
              <a:rPr lang="da-DK" sz="700" i="1" noProof="0" dirty="0" err="1">
                <a:solidFill>
                  <a:schemeClr val="tx1"/>
                </a:solidFill>
              </a:rPr>
              <a:t>tech</a:t>
            </a:r>
            <a:r>
              <a:rPr lang="da-DK" sz="700" i="1" noProof="0">
                <a:solidFill>
                  <a:schemeClr val="tx1"/>
                </a:solidFill>
              </a:rPr>
              <a:t>-leverandører. Data som ligger hos ikke-europæiske virksomheder kan være opbevaret uden eller inden for grænserne af EU. Selv hvis data opbevares inden for EU, kan der være usikkerhed om, hvad data bliver brugt til, og hvem </a:t>
            </a:r>
            <a:r>
              <a:rPr lang="da-DK" sz="700" i="1" noProof="0" dirty="0">
                <a:solidFill>
                  <a:schemeClr val="tx1"/>
                </a:solidFill>
              </a:rPr>
              <a:t>der</a:t>
            </a:r>
            <a:r>
              <a:rPr lang="da-DK" sz="700" i="1" noProof="0">
                <a:solidFill>
                  <a:schemeClr val="tx1"/>
                </a:solidFill>
              </a:rPr>
              <a:t> kan få adgang til data. Hertil kommer en lang række data, som løbende afgives til ikke-europæiske virksomheder fx ifm. søgninger på internettet via søgemaskiner fra Google og Microsoft. Det kan også ifm. brugen af forskellige typer af apps, hvor undersøgelser viser, at 50% af de apps som de offentlige myndigheder anvender sender data til google, fordi der anvendes googlekomponenter til fejlsøgning i disse apps.</a:t>
            </a:r>
          </a:p>
          <a:p>
            <a:pPr lvl="0" defTabSz="914400" eaLnBrk="0" fontAlgn="base" hangingPunct="0">
              <a:spcBef>
                <a:spcPct val="0"/>
              </a:spcBef>
              <a:spcAft>
                <a:spcPct val="0"/>
              </a:spcAft>
            </a:pPr>
            <a:endParaRPr lang="da-DK" sz="700" noProof="0">
              <a:solidFill>
                <a:schemeClr val="tx1"/>
              </a:solidFill>
              <a:highlight>
                <a:srgbClr val="FFFF00"/>
              </a:highlight>
            </a:endParaRPr>
          </a:p>
        </p:txBody>
      </p:sp>
      <p:grpSp>
        <p:nvGrpSpPr>
          <p:cNvPr id="39" name="Group 1">
            <a:extLst>
              <a:ext uri="{FF2B5EF4-FFF2-40B4-BE49-F238E27FC236}">
                <a16:creationId xmlns:a16="http://schemas.microsoft.com/office/drawing/2014/main" id="{D561A8BD-EFE5-0957-4335-5EAC866469DC}"/>
              </a:ext>
              <a:ext uri="{C183D7F6-B498-43B3-948B-1728B52AA6E4}">
                <adec:decorative xmlns:adec="http://schemas.microsoft.com/office/drawing/2017/decorative" val="1"/>
              </a:ext>
            </a:extLst>
          </p:cNvPr>
          <p:cNvGrpSpPr>
            <a:grpSpLocks noChangeAspect="1"/>
          </p:cNvGrpSpPr>
          <p:nvPr/>
        </p:nvGrpSpPr>
        <p:grpSpPr>
          <a:xfrm>
            <a:off x="8224868" y="1687109"/>
            <a:ext cx="244800" cy="244800"/>
            <a:chOff x="606791" y="2013550"/>
            <a:chExt cx="589924" cy="589924"/>
          </a:xfrm>
          <a:solidFill>
            <a:schemeClr val="bg1"/>
          </a:solidFill>
        </p:grpSpPr>
        <p:sp>
          <p:nvSpPr>
            <p:cNvPr id="43" name="Freeform: Shape 2">
              <a:extLst>
                <a:ext uri="{FF2B5EF4-FFF2-40B4-BE49-F238E27FC236}">
                  <a16:creationId xmlns:a16="http://schemas.microsoft.com/office/drawing/2014/main" id="{3D8EE27E-CC24-7A4C-65BC-271F408C0D52}"/>
                </a:ext>
              </a:extLst>
            </p:cNvPr>
            <p:cNvSpPr/>
            <p:nvPr/>
          </p:nvSpPr>
          <p:spPr>
            <a:xfrm>
              <a:off x="606791" y="2013550"/>
              <a:ext cx="589924" cy="589924"/>
            </a:xfrm>
            <a:custGeom>
              <a:avLst/>
              <a:gdLst>
                <a:gd name="connsiteX0" fmla="*/ 501054 w 589923"/>
                <a:gd name="connsiteY0" fmla="*/ 258553 h 589923"/>
                <a:gd name="connsiteX1" fmla="*/ 501054 w 589923"/>
                <a:gd name="connsiteY1" fmla="*/ 253841 h 589923"/>
                <a:gd name="connsiteX2" fmla="*/ 505767 w 589923"/>
                <a:gd name="connsiteY2" fmla="*/ 253841 h 589923"/>
                <a:gd name="connsiteX3" fmla="*/ 519366 w 589923"/>
                <a:gd name="connsiteY3" fmla="*/ 253841 h 589923"/>
                <a:gd name="connsiteX4" fmla="*/ 581818 w 589923"/>
                <a:gd name="connsiteY4" fmla="*/ 253841 h 589923"/>
                <a:gd name="connsiteX5" fmla="*/ 590050 w 589923"/>
                <a:gd name="connsiteY5" fmla="*/ 245610 h 589923"/>
                <a:gd name="connsiteX6" fmla="*/ 590050 w 589923"/>
                <a:gd name="connsiteY6" fmla="*/ 126909 h 589923"/>
                <a:gd name="connsiteX7" fmla="*/ 581818 w 589923"/>
                <a:gd name="connsiteY7" fmla="*/ 118678 h 589923"/>
                <a:gd name="connsiteX8" fmla="*/ 574362 w 589923"/>
                <a:gd name="connsiteY8" fmla="*/ 118678 h 589923"/>
                <a:gd name="connsiteX9" fmla="*/ 505737 w 589923"/>
                <a:gd name="connsiteY9" fmla="*/ 118678 h 589923"/>
                <a:gd name="connsiteX10" fmla="*/ 501025 w 589923"/>
                <a:gd name="connsiteY10" fmla="*/ 118678 h 589923"/>
                <a:gd name="connsiteX11" fmla="*/ 501025 w 589923"/>
                <a:gd name="connsiteY11" fmla="*/ 113965 h 589923"/>
                <a:gd name="connsiteX12" fmla="*/ 501025 w 589923"/>
                <a:gd name="connsiteY12" fmla="*/ 88824 h 589923"/>
                <a:gd name="connsiteX13" fmla="*/ 501025 w 589923"/>
                <a:gd name="connsiteY13" fmla="*/ 86557 h 589923"/>
                <a:gd name="connsiteX14" fmla="*/ 502814 w 589923"/>
                <a:gd name="connsiteY14" fmla="*/ 85125 h 589923"/>
                <a:gd name="connsiteX15" fmla="*/ 520828 w 589923"/>
                <a:gd name="connsiteY15" fmla="*/ 47785 h 589923"/>
                <a:gd name="connsiteX16" fmla="*/ 473019 w 589923"/>
                <a:gd name="connsiteY16" fmla="*/ 7 h 589923"/>
                <a:gd name="connsiteX17" fmla="*/ 425241 w 589923"/>
                <a:gd name="connsiteY17" fmla="*/ 47785 h 589923"/>
                <a:gd name="connsiteX18" fmla="*/ 443255 w 589923"/>
                <a:gd name="connsiteY18" fmla="*/ 85125 h 589923"/>
                <a:gd name="connsiteX19" fmla="*/ 445044 w 589923"/>
                <a:gd name="connsiteY19" fmla="*/ 86557 h 589923"/>
                <a:gd name="connsiteX20" fmla="*/ 445044 w 589923"/>
                <a:gd name="connsiteY20" fmla="*/ 88824 h 589923"/>
                <a:gd name="connsiteX21" fmla="*/ 445044 w 589923"/>
                <a:gd name="connsiteY21" fmla="*/ 113965 h 589923"/>
                <a:gd name="connsiteX22" fmla="*/ 445044 w 589923"/>
                <a:gd name="connsiteY22" fmla="*/ 118678 h 589923"/>
                <a:gd name="connsiteX23" fmla="*/ 440332 w 589923"/>
                <a:gd name="connsiteY23" fmla="*/ 118678 h 589923"/>
                <a:gd name="connsiteX24" fmla="*/ 363058 w 589923"/>
                <a:gd name="connsiteY24" fmla="*/ 118678 h 589923"/>
                <a:gd name="connsiteX25" fmla="*/ 325897 w 589923"/>
                <a:gd name="connsiteY25" fmla="*/ 118678 h 589923"/>
                <a:gd name="connsiteX26" fmla="*/ 321184 w 589923"/>
                <a:gd name="connsiteY26" fmla="*/ 118678 h 589923"/>
                <a:gd name="connsiteX27" fmla="*/ 321184 w 589923"/>
                <a:gd name="connsiteY27" fmla="*/ 113965 h 589923"/>
                <a:gd name="connsiteX28" fmla="*/ 321184 w 589923"/>
                <a:gd name="connsiteY28" fmla="*/ 88824 h 589923"/>
                <a:gd name="connsiteX29" fmla="*/ 321184 w 589923"/>
                <a:gd name="connsiteY29" fmla="*/ 86557 h 589923"/>
                <a:gd name="connsiteX30" fmla="*/ 322944 w 589923"/>
                <a:gd name="connsiteY30" fmla="*/ 85125 h 589923"/>
                <a:gd name="connsiteX31" fmla="*/ 340958 w 589923"/>
                <a:gd name="connsiteY31" fmla="*/ 47785 h 589923"/>
                <a:gd name="connsiteX32" fmla="*/ 293179 w 589923"/>
                <a:gd name="connsiteY32" fmla="*/ 7 h 589923"/>
                <a:gd name="connsiteX33" fmla="*/ 245371 w 589923"/>
                <a:gd name="connsiteY33" fmla="*/ 47785 h 589923"/>
                <a:gd name="connsiteX34" fmla="*/ 263385 w 589923"/>
                <a:gd name="connsiteY34" fmla="*/ 85125 h 589923"/>
                <a:gd name="connsiteX35" fmla="*/ 265174 w 589923"/>
                <a:gd name="connsiteY35" fmla="*/ 86557 h 589923"/>
                <a:gd name="connsiteX36" fmla="*/ 265174 w 589923"/>
                <a:gd name="connsiteY36" fmla="*/ 88824 h 589923"/>
                <a:gd name="connsiteX37" fmla="*/ 265174 w 589923"/>
                <a:gd name="connsiteY37" fmla="*/ 113965 h 589923"/>
                <a:gd name="connsiteX38" fmla="*/ 265174 w 589923"/>
                <a:gd name="connsiteY38" fmla="*/ 118678 h 589923"/>
                <a:gd name="connsiteX39" fmla="*/ 260462 w 589923"/>
                <a:gd name="connsiteY39" fmla="*/ 118678 h 589923"/>
                <a:gd name="connsiteX40" fmla="*/ 227029 w 589923"/>
                <a:gd name="connsiteY40" fmla="*/ 118678 h 589923"/>
                <a:gd name="connsiteX41" fmla="*/ 149755 w 589923"/>
                <a:gd name="connsiteY41" fmla="*/ 118678 h 589923"/>
                <a:gd name="connsiteX42" fmla="*/ 145042 w 589923"/>
                <a:gd name="connsiteY42" fmla="*/ 118678 h 589923"/>
                <a:gd name="connsiteX43" fmla="*/ 145042 w 589923"/>
                <a:gd name="connsiteY43" fmla="*/ 113965 h 589923"/>
                <a:gd name="connsiteX44" fmla="*/ 145042 w 589923"/>
                <a:gd name="connsiteY44" fmla="*/ 88824 h 589923"/>
                <a:gd name="connsiteX45" fmla="*/ 145042 w 589923"/>
                <a:gd name="connsiteY45" fmla="*/ 86557 h 589923"/>
                <a:gd name="connsiteX46" fmla="*/ 146832 w 589923"/>
                <a:gd name="connsiteY46" fmla="*/ 85125 h 589923"/>
                <a:gd name="connsiteX47" fmla="*/ 164846 w 589923"/>
                <a:gd name="connsiteY47" fmla="*/ 47785 h 589923"/>
                <a:gd name="connsiteX48" fmla="*/ 117037 w 589923"/>
                <a:gd name="connsiteY48" fmla="*/ 7 h 589923"/>
                <a:gd name="connsiteX49" fmla="*/ 69229 w 589923"/>
                <a:gd name="connsiteY49" fmla="*/ 47785 h 589923"/>
                <a:gd name="connsiteX50" fmla="*/ 87243 w 589923"/>
                <a:gd name="connsiteY50" fmla="*/ 85125 h 589923"/>
                <a:gd name="connsiteX51" fmla="*/ 89032 w 589923"/>
                <a:gd name="connsiteY51" fmla="*/ 86557 h 589923"/>
                <a:gd name="connsiteX52" fmla="*/ 89032 w 589923"/>
                <a:gd name="connsiteY52" fmla="*/ 88824 h 589923"/>
                <a:gd name="connsiteX53" fmla="*/ 89032 w 589923"/>
                <a:gd name="connsiteY53" fmla="*/ 113965 h 589923"/>
                <a:gd name="connsiteX54" fmla="*/ 89032 w 589923"/>
                <a:gd name="connsiteY54" fmla="*/ 118678 h 589923"/>
                <a:gd name="connsiteX55" fmla="*/ 84320 w 589923"/>
                <a:gd name="connsiteY55" fmla="*/ 118678 h 589923"/>
                <a:gd name="connsiteX56" fmla="*/ 8238 w 589923"/>
                <a:gd name="connsiteY56" fmla="*/ 118678 h 589923"/>
                <a:gd name="connsiteX57" fmla="*/ 7 w 589923"/>
                <a:gd name="connsiteY57" fmla="*/ 126909 h 589923"/>
                <a:gd name="connsiteX58" fmla="*/ 7 w 589923"/>
                <a:gd name="connsiteY58" fmla="*/ 245610 h 589923"/>
                <a:gd name="connsiteX59" fmla="*/ 8238 w 589923"/>
                <a:gd name="connsiteY59" fmla="*/ 253841 h 589923"/>
                <a:gd name="connsiteX60" fmla="*/ 15695 w 589923"/>
                <a:gd name="connsiteY60" fmla="*/ 253841 h 589923"/>
                <a:gd name="connsiteX61" fmla="*/ 84320 w 589923"/>
                <a:gd name="connsiteY61" fmla="*/ 253841 h 589923"/>
                <a:gd name="connsiteX62" fmla="*/ 89032 w 589923"/>
                <a:gd name="connsiteY62" fmla="*/ 253841 h 589923"/>
                <a:gd name="connsiteX63" fmla="*/ 89032 w 589923"/>
                <a:gd name="connsiteY63" fmla="*/ 258553 h 589923"/>
                <a:gd name="connsiteX64" fmla="*/ 89032 w 589923"/>
                <a:gd name="connsiteY64" fmla="*/ 272213 h 589923"/>
                <a:gd name="connsiteX65" fmla="*/ 89032 w 589923"/>
                <a:gd name="connsiteY65" fmla="*/ 276925 h 589923"/>
                <a:gd name="connsiteX66" fmla="*/ 84320 w 589923"/>
                <a:gd name="connsiteY66" fmla="*/ 276925 h 589923"/>
                <a:gd name="connsiteX67" fmla="*/ 8238 w 589923"/>
                <a:gd name="connsiteY67" fmla="*/ 276925 h 589923"/>
                <a:gd name="connsiteX68" fmla="*/ 7 w 589923"/>
                <a:gd name="connsiteY68" fmla="*/ 285157 h 589923"/>
                <a:gd name="connsiteX69" fmla="*/ 7 w 589923"/>
                <a:gd name="connsiteY69" fmla="*/ 403857 h 589923"/>
                <a:gd name="connsiteX70" fmla="*/ 8238 w 589923"/>
                <a:gd name="connsiteY70" fmla="*/ 412089 h 589923"/>
                <a:gd name="connsiteX71" fmla="*/ 14442 w 589923"/>
                <a:gd name="connsiteY71" fmla="*/ 412089 h 589923"/>
                <a:gd name="connsiteX72" fmla="*/ 14681 w 589923"/>
                <a:gd name="connsiteY72" fmla="*/ 412089 h 589923"/>
                <a:gd name="connsiteX73" fmla="*/ 14919 w 589923"/>
                <a:gd name="connsiteY73" fmla="*/ 412118 h 589923"/>
                <a:gd name="connsiteX74" fmla="*/ 15724 w 589923"/>
                <a:gd name="connsiteY74" fmla="*/ 412148 h 589923"/>
                <a:gd name="connsiteX75" fmla="*/ 84350 w 589923"/>
                <a:gd name="connsiteY75" fmla="*/ 412148 h 589923"/>
                <a:gd name="connsiteX76" fmla="*/ 89062 w 589923"/>
                <a:gd name="connsiteY76" fmla="*/ 412148 h 589923"/>
                <a:gd name="connsiteX77" fmla="*/ 89062 w 589923"/>
                <a:gd name="connsiteY77" fmla="*/ 416860 h 589923"/>
                <a:gd name="connsiteX78" fmla="*/ 89062 w 589923"/>
                <a:gd name="connsiteY78" fmla="*/ 581878 h 589923"/>
                <a:gd name="connsiteX79" fmla="*/ 97294 w 589923"/>
                <a:gd name="connsiteY79" fmla="*/ 590110 h 589923"/>
                <a:gd name="connsiteX80" fmla="*/ 136870 w 589923"/>
                <a:gd name="connsiteY80" fmla="*/ 590110 h 589923"/>
                <a:gd name="connsiteX81" fmla="*/ 145102 w 589923"/>
                <a:gd name="connsiteY81" fmla="*/ 581878 h 589923"/>
                <a:gd name="connsiteX82" fmla="*/ 145102 w 589923"/>
                <a:gd name="connsiteY82" fmla="*/ 545373 h 589923"/>
                <a:gd name="connsiteX83" fmla="*/ 145102 w 589923"/>
                <a:gd name="connsiteY83" fmla="*/ 540661 h 589923"/>
                <a:gd name="connsiteX84" fmla="*/ 149814 w 589923"/>
                <a:gd name="connsiteY84" fmla="*/ 540661 h 589923"/>
                <a:gd name="connsiteX85" fmla="*/ 440422 w 589923"/>
                <a:gd name="connsiteY85" fmla="*/ 540661 h 589923"/>
                <a:gd name="connsiteX86" fmla="*/ 445134 w 589923"/>
                <a:gd name="connsiteY86" fmla="*/ 540661 h 589923"/>
                <a:gd name="connsiteX87" fmla="*/ 445134 w 589923"/>
                <a:gd name="connsiteY87" fmla="*/ 545373 h 589923"/>
                <a:gd name="connsiteX88" fmla="*/ 445134 w 589923"/>
                <a:gd name="connsiteY88" fmla="*/ 581878 h 589923"/>
                <a:gd name="connsiteX89" fmla="*/ 453365 w 589923"/>
                <a:gd name="connsiteY89" fmla="*/ 590110 h 589923"/>
                <a:gd name="connsiteX90" fmla="*/ 492942 w 589923"/>
                <a:gd name="connsiteY90" fmla="*/ 590110 h 589923"/>
                <a:gd name="connsiteX91" fmla="*/ 501174 w 589923"/>
                <a:gd name="connsiteY91" fmla="*/ 581878 h 589923"/>
                <a:gd name="connsiteX92" fmla="*/ 501174 w 589923"/>
                <a:gd name="connsiteY92" fmla="*/ 416860 h 589923"/>
                <a:gd name="connsiteX93" fmla="*/ 501174 w 589923"/>
                <a:gd name="connsiteY93" fmla="*/ 412148 h 589923"/>
                <a:gd name="connsiteX94" fmla="*/ 505886 w 589923"/>
                <a:gd name="connsiteY94" fmla="*/ 412148 h 589923"/>
                <a:gd name="connsiteX95" fmla="*/ 581968 w 589923"/>
                <a:gd name="connsiteY95" fmla="*/ 412089 h 589923"/>
                <a:gd name="connsiteX96" fmla="*/ 590199 w 589923"/>
                <a:gd name="connsiteY96" fmla="*/ 403857 h 589923"/>
                <a:gd name="connsiteX97" fmla="*/ 590199 w 589923"/>
                <a:gd name="connsiteY97" fmla="*/ 285157 h 589923"/>
                <a:gd name="connsiteX98" fmla="*/ 581968 w 589923"/>
                <a:gd name="connsiteY98" fmla="*/ 276925 h 589923"/>
                <a:gd name="connsiteX99" fmla="*/ 505886 w 589923"/>
                <a:gd name="connsiteY99" fmla="*/ 276925 h 589923"/>
                <a:gd name="connsiteX100" fmla="*/ 501174 w 589923"/>
                <a:gd name="connsiteY100" fmla="*/ 276925 h 589923"/>
                <a:gd name="connsiteX101" fmla="*/ 501174 w 589923"/>
                <a:gd name="connsiteY101" fmla="*/ 272213 h 589923"/>
                <a:gd name="connsiteX102" fmla="*/ 501174 w 589923"/>
                <a:gd name="connsiteY102" fmla="*/ 258553 h 589923"/>
                <a:gd name="connsiteX103" fmla="*/ 573617 w 589923"/>
                <a:gd name="connsiteY103" fmla="*/ 213429 h 589923"/>
                <a:gd name="connsiteX104" fmla="*/ 573617 w 589923"/>
                <a:gd name="connsiteY104" fmla="*/ 232666 h 589923"/>
                <a:gd name="connsiteX105" fmla="*/ 573617 w 589923"/>
                <a:gd name="connsiteY105" fmla="*/ 237378 h 589923"/>
                <a:gd name="connsiteX106" fmla="*/ 568904 w 589923"/>
                <a:gd name="connsiteY106" fmla="*/ 237378 h 589923"/>
                <a:gd name="connsiteX107" fmla="*/ 550145 w 589923"/>
                <a:gd name="connsiteY107" fmla="*/ 237378 h 589923"/>
                <a:gd name="connsiteX108" fmla="*/ 538931 w 589923"/>
                <a:gd name="connsiteY108" fmla="*/ 237378 h 589923"/>
                <a:gd name="connsiteX109" fmla="*/ 546775 w 589923"/>
                <a:gd name="connsiteY109" fmla="*/ 229355 h 589923"/>
                <a:gd name="connsiteX110" fmla="*/ 565534 w 589923"/>
                <a:gd name="connsiteY110" fmla="*/ 210119 h 589923"/>
                <a:gd name="connsiteX111" fmla="*/ 573647 w 589923"/>
                <a:gd name="connsiteY111" fmla="*/ 201798 h 589923"/>
                <a:gd name="connsiteX112" fmla="*/ 573647 w 589923"/>
                <a:gd name="connsiteY112" fmla="*/ 213429 h 589923"/>
                <a:gd name="connsiteX113" fmla="*/ 441704 w 589923"/>
                <a:gd name="connsiteY113" fmla="*/ 47785 h 589923"/>
                <a:gd name="connsiteX114" fmla="*/ 473049 w 589923"/>
                <a:gd name="connsiteY114" fmla="*/ 16440 h 589923"/>
                <a:gd name="connsiteX115" fmla="*/ 504395 w 589923"/>
                <a:gd name="connsiteY115" fmla="*/ 47785 h 589923"/>
                <a:gd name="connsiteX116" fmla="*/ 473049 w 589923"/>
                <a:gd name="connsiteY116" fmla="*/ 79131 h 589923"/>
                <a:gd name="connsiteX117" fmla="*/ 441704 w 589923"/>
                <a:gd name="connsiteY117" fmla="*/ 47785 h 589923"/>
                <a:gd name="connsiteX118" fmla="*/ 484591 w 589923"/>
                <a:gd name="connsiteY118" fmla="*/ 94460 h 589923"/>
                <a:gd name="connsiteX119" fmla="*/ 484591 w 589923"/>
                <a:gd name="connsiteY119" fmla="*/ 99829 h 589923"/>
                <a:gd name="connsiteX120" fmla="*/ 484591 w 589923"/>
                <a:gd name="connsiteY120" fmla="*/ 113936 h 589923"/>
                <a:gd name="connsiteX121" fmla="*/ 484591 w 589923"/>
                <a:gd name="connsiteY121" fmla="*/ 118648 h 589923"/>
                <a:gd name="connsiteX122" fmla="*/ 479879 w 589923"/>
                <a:gd name="connsiteY122" fmla="*/ 118648 h 589923"/>
                <a:gd name="connsiteX123" fmla="*/ 466220 w 589923"/>
                <a:gd name="connsiteY123" fmla="*/ 118648 h 589923"/>
                <a:gd name="connsiteX124" fmla="*/ 461507 w 589923"/>
                <a:gd name="connsiteY124" fmla="*/ 118648 h 589923"/>
                <a:gd name="connsiteX125" fmla="*/ 461507 w 589923"/>
                <a:gd name="connsiteY125" fmla="*/ 113936 h 589923"/>
                <a:gd name="connsiteX126" fmla="*/ 461507 w 589923"/>
                <a:gd name="connsiteY126" fmla="*/ 99829 h 589923"/>
                <a:gd name="connsiteX127" fmla="*/ 461507 w 589923"/>
                <a:gd name="connsiteY127" fmla="*/ 94460 h 589923"/>
                <a:gd name="connsiteX128" fmla="*/ 466846 w 589923"/>
                <a:gd name="connsiteY128" fmla="*/ 95146 h 589923"/>
                <a:gd name="connsiteX129" fmla="*/ 469769 w 589923"/>
                <a:gd name="connsiteY129" fmla="*/ 95445 h 589923"/>
                <a:gd name="connsiteX130" fmla="*/ 469978 w 589923"/>
                <a:gd name="connsiteY130" fmla="*/ 95474 h 589923"/>
                <a:gd name="connsiteX131" fmla="*/ 470097 w 589923"/>
                <a:gd name="connsiteY131" fmla="*/ 95474 h 589923"/>
                <a:gd name="connsiteX132" fmla="*/ 473079 w 589923"/>
                <a:gd name="connsiteY132" fmla="*/ 95564 h 589923"/>
                <a:gd name="connsiteX133" fmla="*/ 476091 w 589923"/>
                <a:gd name="connsiteY133" fmla="*/ 95445 h 589923"/>
                <a:gd name="connsiteX134" fmla="*/ 476211 w 589923"/>
                <a:gd name="connsiteY134" fmla="*/ 95445 h 589923"/>
                <a:gd name="connsiteX135" fmla="*/ 476390 w 589923"/>
                <a:gd name="connsiteY135" fmla="*/ 95445 h 589923"/>
                <a:gd name="connsiteX136" fmla="*/ 479312 w 589923"/>
                <a:gd name="connsiteY136" fmla="*/ 95146 h 589923"/>
                <a:gd name="connsiteX137" fmla="*/ 484591 w 589923"/>
                <a:gd name="connsiteY137" fmla="*/ 94460 h 589923"/>
                <a:gd name="connsiteX138" fmla="*/ 365115 w 589923"/>
                <a:gd name="connsiteY138" fmla="*/ 136572 h 589923"/>
                <a:gd name="connsiteX139" fmla="*/ 366517 w 589923"/>
                <a:gd name="connsiteY139" fmla="*/ 135141 h 589923"/>
                <a:gd name="connsiteX140" fmla="*/ 368515 w 589923"/>
                <a:gd name="connsiteY140" fmla="*/ 135141 h 589923"/>
                <a:gd name="connsiteX141" fmla="*/ 453276 w 589923"/>
                <a:gd name="connsiteY141" fmla="*/ 135141 h 589923"/>
                <a:gd name="connsiteX142" fmla="*/ 467621 w 589923"/>
                <a:gd name="connsiteY142" fmla="*/ 135141 h 589923"/>
                <a:gd name="connsiteX143" fmla="*/ 478776 w 589923"/>
                <a:gd name="connsiteY143" fmla="*/ 135141 h 589923"/>
                <a:gd name="connsiteX144" fmla="*/ 471021 w 589923"/>
                <a:gd name="connsiteY144" fmla="*/ 143163 h 589923"/>
                <a:gd name="connsiteX145" fmla="*/ 381250 w 589923"/>
                <a:gd name="connsiteY145" fmla="*/ 235947 h 589923"/>
                <a:gd name="connsiteX146" fmla="*/ 379849 w 589923"/>
                <a:gd name="connsiteY146" fmla="*/ 237378 h 589923"/>
                <a:gd name="connsiteX147" fmla="*/ 377850 w 589923"/>
                <a:gd name="connsiteY147" fmla="*/ 237378 h 589923"/>
                <a:gd name="connsiteX148" fmla="*/ 277999 w 589923"/>
                <a:gd name="connsiteY148" fmla="*/ 237378 h 589923"/>
                <a:gd name="connsiteX149" fmla="*/ 266785 w 589923"/>
                <a:gd name="connsiteY149" fmla="*/ 237378 h 589923"/>
                <a:gd name="connsiteX150" fmla="*/ 274629 w 589923"/>
                <a:gd name="connsiteY150" fmla="*/ 229355 h 589923"/>
                <a:gd name="connsiteX151" fmla="*/ 365115 w 589923"/>
                <a:gd name="connsiteY151" fmla="*/ 136572 h 589923"/>
                <a:gd name="connsiteX152" fmla="*/ 467592 w 589923"/>
                <a:gd name="connsiteY152" fmla="*/ 293448 h 589923"/>
                <a:gd name="connsiteX153" fmla="*/ 478746 w 589923"/>
                <a:gd name="connsiteY153" fmla="*/ 293448 h 589923"/>
                <a:gd name="connsiteX154" fmla="*/ 470991 w 589923"/>
                <a:gd name="connsiteY154" fmla="*/ 301470 h 589923"/>
                <a:gd name="connsiteX155" fmla="*/ 381280 w 589923"/>
                <a:gd name="connsiteY155" fmla="*/ 394194 h 589923"/>
                <a:gd name="connsiteX156" fmla="*/ 379878 w 589923"/>
                <a:gd name="connsiteY156" fmla="*/ 395626 h 589923"/>
                <a:gd name="connsiteX157" fmla="*/ 377880 w 589923"/>
                <a:gd name="connsiteY157" fmla="*/ 395626 h 589923"/>
                <a:gd name="connsiteX158" fmla="*/ 278029 w 589923"/>
                <a:gd name="connsiteY158" fmla="*/ 395626 h 589923"/>
                <a:gd name="connsiteX159" fmla="*/ 266815 w 589923"/>
                <a:gd name="connsiteY159" fmla="*/ 395626 h 589923"/>
                <a:gd name="connsiteX160" fmla="*/ 274659 w 589923"/>
                <a:gd name="connsiteY160" fmla="*/ 387603 h 589923"/>
                <a:gd name="connsiteX161" fmla="*/ 365145 w 589923"/>
                <a:gd name="connsiteY161" fmla="*/ 294879 h 589923"/>
                <a:gd name="connsiteX162" fmla="*/ 366547 w 589923"/>
                <a:gd name="connsiteY162" fmla="*/ 293448 h 589923"/>
                <a:gd name="connsiteX163" fmla="*/ 368545 w 589923"/>
                <a:gd name="connsiteY163" fmla="*/ 293448 h 589923"/>
                <a:gd name="connsiteX164" fmla="*/ 467592 w 589923"/>
                <a:gd name="connsiteY164" fmla="*/ 293448 h 589923"/>
                <a:gd name="connsiteX165" fmla="*/ 461478 w 589923"/>
                <a:gd name="connsiteY165" fmla="*/ 276955 h 589923"/>
                <a:gd name="connsiteX166" fmla="*/ 461478 w 589923"/>
                <a:gd name="connsiteY166" fmla="*/ 272243 h 589923"/>
                <a:gd name="connsiteX167" fmla="*/ 461478 w 589923"/>
                <a:gd name="connsiteY167" fmla="*/ 258583 h 589923"/>
                <a:gd name="connsiteX168" fmla="*/ 461478 w 589923"/>
                <a:gd name="connsiteY168" fmla="*/ 253871 h 589923"/>
                <a:gd name="connsiteX169" fmla="*/ 466190 w 589923"/>
                <a:gd name="connsiteY169" fmla="*/ 253871 h 589923"/>
                <a:gd name="connsiteX170" fmla="*/ 479849 w 589923"/>
                <a:gd name="connsiteY170" fmla="*/ 253871 h 589923"/>
                <a:gd name="connsiteX171" fmla="*/ 484562 w 589923"/>
                <a:gd name="connsiteY171" fmla="*/ 253871 h 589923"/>
                <a:gd name="connsiteX172" fmla="*/ 484562 w 589923"/>
                <a:gd name="connsiteY172" fmla="*/ 258583 h 589923"/>
                <a:gd name="connsiteX173" fmla="*/ 484562 w 589923"/>
                <a:gd name="connsiteY173" fmla="*/ 272243 h 589923"/>
                <a:gd name="connsiteX174" fmla="*/ 484562 w 589923"/>
                <a:gd name="connsiteY174" fmla="*/ 276955 h 589923"/>
                <a:gd name="connsiteX175" fmla="*/ 479849 w 589923"/>
                <a:gd name="connsiteY175" fmla="*/ 276955 h 589923"/>
                <a:gd name="connsiteX176" fmla="*/ 466190 w 589923"/>
                <a:gd name="connsiteY176" fmla="*/ 276955 h 589923"/>
                <a:gd name="connsiteX177" fmla="*/ 461478 w 589923"/>
                <a:gd name="connsiteY177" fmla="*/ 276955 h 589923"/>
                <a:gd name="connsiteX178" fmla="*/ 445044 w 589923"/>
                <a:gd name="connsiteY178" fmla="*/ 258553 h 589923"/>
                <a:gd name="connsiteX179" fmla="*/ 445044 w 589923"/>
                <a:gd name="connsiteY179" fmla="*/ 272213 h 589923"/>
                <a:gd name="connsiteX180" fmla="*/ 445044 w 589923"/>
                <a:gd name="connsiteY180" fmla="*/ 276925 h 589923"/>
                <a:gd name="connsiteX181" fmla="*/ 440332 w 589923"/>
                <a:gd name="connsiteY181" fmla="*/ 276925 h 589923"/>
                <a:gd name="connsiteX182" fmla="*/ 149725 w 589923"/>
                <a:gd name="connsiteY182" fmla="*/ 276925 h 589923"/>
                <a:gd name="connsiteX183" fmla="*/ 145012 w 589923"/>
                <a:gd name="connsiteY183" fmla="*/ 276925 h 589923"/>
                <a:gd name="connsiteX184" fmla="*/ 145012 w 589923"/>
                <a:gd name="connsiteY184" fmla="*/ 272213 h 589923"/>
                <a:gd name="connsiteX185" fmla="*/ 145012 w 589923"/>
                <a:gd name="connsiteY185" fmla="*/ 258553 h 589923"/>
                <a:gd name="connsiteX186" fmla="*/ 145012 w 589923"/>
                <a:gd name="connsiteY186" fmla="*/ 253841 h 589923"/>
                <a:gd name="connsiteX187" fmla="*/ 149725 w 589923"/>
                <a:gd name="connsiteY187" fmla="*/ 253841 h 589923"/>
                <a:gd name="connsiteX188" fmla="*/ 247250 w 589923"/>
                <a:gd name="connsiteY188" fmla="*/ 253841 h 589923"/>
                <a:gd name="connsiteX189" fmla="*/ 383338 w 589923"/>
                <a:gd name="connsiteY189" fmla="*/ 253841 h 589923"/>
                <a:gd name="connsiteX190" fmla="*/ 440332 w 589923"/>
                <a:gd name="connsiteY190" fmla="*/ 253841 h 589923"/>
                <a:gd name="connsiteX191" fmla="*/ 445044 w 589923"/>
                <a:gd name="connsiteY191" fmla="*/ 253841 h 589923"/>
                <a:gd name="connsiteX192" fmla="*/ 445044 w 589923"/>
                <a:gd name="connsiteY192" fmla="*/ 258553 h 589923"/>
                <a:gd name="connsiteX193" fmla="*/ 261804 w 589923"/>
                <a:gd name="connsiteY193" fmla="*/ 47785 h 589923"/>
                <a:gd name="connsiteX194" fmla="*/ 273883 w 589923"/>
                <a:gd name="connsiteY194" fmla="*/ 23091 h 589923"/>
                <a:gd name="connsiteX195" fmla="*/ 294313 w 589923"/>
                <a:gd name="connsiteY195" fmla="*/ 15724 h 589923"/>
                <a:gd name="connsiteX196" fmla="*/ 326404 w 589923"/>
                <a:gd name="connsiteY196" fmla="*/ 47815 h 589923"/>
                <a:gd name="connsiteX197" fmla="*/ 294313 w 589923"/>
                <a:gd name="connsiteY197" fmla="*/ 79906 h 589923"/>
                <a:gd name="connsiteX198" fmla="*/ 273316 w 589923"/>
                <a:gd name="connsiteY198" fmla="*/ 72033 h 589923"/>
                <a:gd name="connsiteX199" fmla="*/ 261804 w 589923"/>
                <a:gd name="connsiteY199" fmla="*/ 47785 h 589923"/>
                <a:gd name="connsiteX200" fmla="*/ 304691 w 589923"/>
                <a:gd name="connsiteY200" fmla="*/ 94460 h 589923"/>
                <a:gd name="connsiteX201" fmla="*/ 304691 w 589923"/>
                <a:gd name="connsiteY201" fmla="*/ 99829 h 589923"/>
                <a:gd name="connsiteX202" fmla="*/ 304691 w 589923"/>
                <a:gd name="connsiteY202" fmla="*/ 113936 h 589923"/>
                <a:gd name="connsiteX203" fmla="*/ 304691 w 589923"/>
                <a:gd name="connsiteY203" fmla="*/ 118648 h 589923"/>
                <a:gd name="connsiteX204" fmla="*/ 299949 w 589923"/>
                <a:gd name="connsiteY204" fmla="*/ 118648 h 589923"/>
                <a:gd name="connsiteX205" fmla="*/ 286290 w 589923"/>
                <a:gd name="connsiteY205" fmla="*/ 118648 h 589923"/>
                <a:gd name="connsiteX206" fmla="*/ 281578 w 589923"/>
                <a:gd name="connsiteY206" fmla="*/ 118648 h 589923"/>
                <a:gd name="connsiteX207" fmla="*/ 281578 w 589923"/>
                <a:gd name="connsiteY207" fmla="*/ 113936 h 589923"/>
                <a:gd name="connsiteX208" fmla="*/ 281578 w 589923"/>
                <a:gd name="connsiteY208" fmla="*/ 99829 h 589923"/>
                <a:gd name="connsiteX209" fmla="*/ 281578 w 589923"/>
                <a:gd name="connsiteY209" fmla="*/ 94460 h 589923"/>
                <a:gd name="connsiteX210" fmla="*/ 286916 w 589923"/>
                <a:gd name="connsiteY210" fmla="*/ 95146 h 589923"/>
                <a:gd name="connsiteX211" fmla="*/ 289839 w 589923"/>
                <a:gd name="connsiteY211" fmla="*/ 95445 h 589923"/>
                <a:gd name="connsiteX212" fmla="*/ 290048 w 589923"/>
                <a:gd name="connsiteY212" fmla="*/ 95474 h 589923"/>
                <a:gd name="connsiteX213" fmla="*/ 290137 w 589923"/>
                <a:gd name="connsiteY213" fmla="*/ 95474 h 589923"/>
                <a:gd name="connsiteX214" fmla="*/ 293120 w 589923"/>
                <a:gd name="connsiteY214" fmla="*/ 95564 h 589923"/>
                <a:gd name="connsiteX215" fmla="*/ 296132 w 589923"/>
                <a:gd name="connsiteY215" fmla="*/ 95445 h 589923"/>
                <a:gd name="connsiteX216" fmla="*/ 296221 w 589923"/>
                <a:gd name="connsiteY216" fmla="*/ 95445 h 589923"/>
                <a:gd name="connsiteX217" fmla="*/ 296430 w 589923"/>
                <a:gd name="connsiteY217" fmla="*/ 95415 h 589923"/>
                <a:gd name="connsiteX218" fmla="*/ 299353 w 589923"/>
                <a:gd name="connsiteY218" fmla="*/ 95117 h 589923"/>
                <a:gd name="connsiteX219" fmla="*/ 304691 w 589923"/>
                <a:gd name="connsiteY219" fmla="*/ 94460 h 589923"/>
                <a:gd name="connsiteX220" fmla="*/ 229027 w 589923"/>
                <a:gd name="connsiteY220" fmla="*/ 136572 h 589923"/>
                <a:gd name="connsiteX221" fmla="*/ 230429 w 589923"/>
                <a:gd name="connsiteY221" fmla="*/ 135141 h 589923"/>
                <a:gd name="connsiteX222" fmla="*/ 232427 w 589923"/>
                <a:gd name="connsiteY222" fmla="*/ 135141 h 589923"/>
                <a:gd name="connsiteX223" fmla="*/ 273376 w 589923"/>
                <a:gd name="connsiteY223" fmla="*/ 135141 h 589923"/>
                <a:gd name="connsiteX224" fmla="*/ 312953 w 589923"/>
                <a:gd name="connsiteY224" fmla="*/ 135141 h 589923"/>
                <a:gd name="connsiteX225" fmla="*/ 332339 w 589923"/>
                <a:gd name="connsiteY225" fmla="*/ 135141 h 589923"/>
                <a:gd name="connsiteX226" fmla="*/ 343553 w 589923"/>
                <a:gd name="connsiteY226" fmla="*/ 135141 h 589923"/>
                <a:gd name="connsiteX227" fmla="*/ 335709 w 589923"/>
                <a:gd name="connsiteY227" fmla="*/ 143163 h 589923"/>
                <a:gd name="connsiteX228" fmla="*/ 245162 w 589923"/>
                <a:gd name="connsiteY228" fmla="*/ 235947 h 589923"/>
                <a:gd name="connsiteX229" fmla="*/ 243761 w 589923"/>
                <a:gd name="connsiteY229" fmla="*/ 237378 h 589923"/>
                <a:gd name="connsiteX230" fmla="*/ 241762 w 589923"/>
                <a:gd name="connsiteY230" fmla="*/ 237378 h 589923"/>
                <a:gd name="connsiteX231" fmla="*/ 141881 w 589923"/>
                <a:gd name="connsiteY231" fmla="*/ 237378 h 589923"/>
                <a:gd name="connsiteX232" fmla="*/ 130667 w 589923"/>
                <a:gd name="connsiteY232" fmla="*/ 237378 h 589923"/>
                <a:gd name="connsiteX233" fmla="*/ 138511 w 589923"/>
                <a:gd name="connsiteY233" fmla="*/ 229355 h 589923"/>
                <a:gd name="connsiteX234" fmla="*/ 229027 w 589923"/>
                <a:gd name="connsiteY234" fmla="*/ 136572 h 589923"/>
                <a:gd name="connsiteX235" fmla="*/ 84887 w 589923"/>
                <a:gd name="connsiteY235" fmla="*/ 47785 h 589923"/>
                <a:gd name="connsiteX236" fmla="*/ 116978 w 589923"/>
                <a:gd name="connsiteY236" fmla="*/ 15695 h 589923"/>
                <a:gd name="connsiteX237" fmla="*/ 149039 w 589923"/>
                <a:gd name="connsiteY237" fmla="*/ 47785 h 589923"/>
                <a:gd name="connsiteX238" fmla="*/ 116948 w 589923"/>
                <a:gd name="connsiteY238" fmla="*/ 79876 h 589923"/>
                <a:gd name="connsiteX239" fmla="*/ 84887 w 589923"/>
                <a:gd name="connsiteY239" fmla="*/ 47785 h 589923"/>
                <a:gd name="connsiteX240" fmla="*/ 128490 w 589923"/>
                <a:gd name="connsiteY240" fmla="*/ 94460 h 589923"/>
                <a:gd name="connsiteX241" fmla="*/ 128490 w 589923"/>
                <a:gd name="connsiteY241" fmla="*/ 99829 h 589923"/>
                <a:gd name="connsiteX242" fmla="*/ 128490 w 589923"/>
                <a:gd name="connsiteY242" fmla="*/ 113936 h 589923"/>
                <a:gd name="connsiteX243" fmla="*/ 128490 w 589923"/>
                <a:gd name="connsiteY243" fmla="*/ 118648 h 589923"/>
                <a:gd name="connsiteX244" fmla="*/ 123778 w 589923"/>
                <a:gd name="connsiteY244" fmla="*/ 118648 h 589923"/>
                <a:gd name="connsiteX245" fmla="*/ 110118 w 589923"/>
                <a:gd name="connsiteY245" fmla="*/ 118648 h 589923"/>
                <a:gd name="connsiteX246" fmla="*/ 105406 w 589923"/>
                <a:gd name="connsiteY246" fmla="*/ 118648 h 589923"/>
                <a:gd name="connsiteX247" fmla="*/ 105406 w 589923"/>
                <a:gd name="connsiteY247" fmla="*/ 113936 h 589923"/>
                <a:gd name="connsiteX248" fmla="*/ 105406 w 589923"/>
                <a:gd name="connsiteY248" fmla="*/ 99829 h 589923"/>
                <a:gd name="connsiteX249" fmla="*/ 105406 w 589923"/>
                <a:gd name="connsiteY249" fmla="*/ 94460 h 589923"/>
                <a:gd name="connsiteX250" fmla="*/ 110744 w 589923"/>
                <a:gd name="connsiteY250" fmla="*/ 95146 h 589923"/>
                <a:gd name="connsiteX251" fmla="*/ 113667 w 589923"/>
                <a:gd name="connsiteY251" fmla="*/ 95445 h 589923"/>
                <a:gd name="connsiteX252" fmla="*/ 113846 w 589923"/>
                <a:gd name="connsiteY252" fmla="*/ 95445 h 589923"/>
                <a:gd name="connsiteX253" fmla="*/ 113965 w 589923"/>
                <a:gd name="connsiteY253" fmla="*/ 95445 h 589923"/>
                <a:gd name="connsiteX254" fmla="*/ 116948 w 589923"/>
                <a:gd name="connsiteY254" fmla="*/ 95534 h 589923"/>
                <a:gd name="connsiteX255" fmla="*/ 119960 w 589923"/>
                <a:gd name="connsiteY255" fmla="*/ 95415 h 589923"/>
                <a:gd name="connsiteX256" fmla="*/ 120050 w 589923"/>
                <a:gd name="connsiteY256" fmla="*/ 95415 h 589923"/>
                <a:gd name="connsiteX257" fmla="*/ 120258 w 589923"/>
                <a:gd name="connsiteY257" fmla="*/ 95385 h 589923"/>
                <a:gd name="connsiteX258" fmla="*/ 123181 w 589923"/>
                <a:gd name="connsiteY258" fmla="*/ 95087 h 589923"/>
                <a:gd name="connsiteX259" fmla="*/ 128490 w 589923"/>
                <a:gd name="connsiteY259" fmla="*/ 94460 h 589923"/>
                <a:gd name="connsiteX260" fmla="*/ 16380 w 589923"/>
                <a:gd name="connsiteY260" fmla="*/ 178893 h 589923"/>
                <a:gd name="connsiteX261" fmla="*/ 16380 w 589923"/>
                <a:gd name="connsiteY261" fmla="*/ 139853 h 589923"/>
                <a:gd name="connsiteX262" fmla="*/ 16380 w 589923"/>
                <a:gd name="connsiteY262" fmla="*/ 135141 h 589923"/>
                <a:gd name="connsiteX263" fmla="*/ 21093 w 589923"/>
                <a:gd name="connsiteY263" fmla="*/ 135141 h 589923"/>
                <a:gd name="connsiteX264" fmla="*/ 59178 w 589923"/>
                <a:gd name="connsiteY264" fmla="*/ 135141 h 589923"/>
                <a:gd name="connsiteX265" fmla="*/ 70392 w 589923"/>
                <a:gd name="connsiteY265" fmla="*/ 135141 h 589923"/>
                <a:gd name="connsiteX266" fmla="*/ 62548 w 589923"/>
                <a:gd name="connsiteY266" fmla="*/ 143163 h 589923"/>
                <a:gd name="connsiteX267" fmla="*/ 24493 w 589923"/>
                <a:gd name="connsiteY267" fmla="*/ 182173 h 589923"/>
                <a:gd name="connsiteX268" fmla="*/ 16380 w 589923"/>
                <a:gd name="connsiteY268" fmla="*/ 190494 h 589923"/>
                <a:gd name="connsiteX269" fmla="*/ 16380 w 589923"/>
                <a:gd name="connsiteY269" fmla="*/ 178893 h 589923"/>
                <a:gd name="connsiteX270" fmla="*/ 28549 w 589923"/>
                <a:gd name="connsiteY270" fmla="*/ 237378 h 589923"/>
                <a:gd name="connsiteX271" fmla="*/ 23837 w 589923"/>
                <a:gd name="connsiteY271" fmla="*/ 237378 h 589923"/>
                <a:gd name="connsiteX272" fmla="*/ 23837 w 589923"/>
                <a:gd name="connsiteY272" fmla="*/ 232666 h 589923"/>
                <a:gd name="connsiteX273" fmla="*/ 23837 w 589923"/>
                <a:gd name="connsiteY273" fmla="*/ 208359 h 589923"/>
                <a:gd name="connsiteX274" fmla="*/ 23837 w 589923"/>
                <a:gd name="connsiteY274" fmla="*/ 206421 h 589923"/>
                <a:gd name="connsiteX275" fmla="*/ 25179 w 589923"/>
                <a:gd name="connsiteY275" fmla="*/ 205049 h 589923"/>
                <a:gd name="connsiteX276" fmla="*/ 91985 w 589923"/>
                <a:gd name="connsiteY276" fmla="*/ 136572 h 589923"/>
                <a:gd name="connsiteX277" fmla="*/ 93387 w 589923"/>
                <a:gd name="connsiteY277" fmla="*/ 135141 h 589923"/>
                <a:gd name="connsiteX278" fmla="*/ 95385 w 589923"/>
                <a:gd name="connsiteY278" fmla="*/ 135141 h 589923"/>
                <a:gd name="connsiteX279" fmla="*/ 97174 w 589923"/>
                <a:gd name="connsiteY279" fmla="*/ 135141 h 589923"/>
                <a:gd name="connsiteX280" fmla="*/ 136751 w 589923"/>
                <a:gd name="connsiteY280" fmla="*/ 135141 h 589923"/>
                <a:gd name="connsiteX281" fmla="*/ 196251 w 589923"/>
                <a:gd name="connsiteY281" fmla="*/ 135141 h 589923"/>
                <a:gd name="connsiteX282" fmla="*/ 207464 w 589923"/>
                <a:gd name="connsiteY282" fmla="*/ 135141 h 589923"/>
                <a:gd name="connsiteX283" fmla="*/ 199621 w 589923"/>
                <a:gd name="connsiteY283" fmla="*/ 143163 h 589923"/>
                <a:gd name="connsiteX284" fmla="*/ 109074 w 589923"/>
                <a:gd name="connsiteY284" fmla="*/ 235947 h 589923"/>
                <a:gd name="connsiteX285" fmla="*/ 107673 w 589923"/>
                <a:gd name="connsiteY285" fmla="*/ 237378 h 589923"/>
                <a:gd name="connsiteX286" fmla="*/ 105674 w 589923"/>
                <a:gd name="connsiteY286" fmla="*/ 237378 h 589923"/>
                <a:gd name="connsiteX287" fmla="*/ 97145 w 589923"/>
                <a:gd name="connsiteY287" fmla="*/ 237378 h 589923"/>
                <a:gd name="connsiteX288" fmla="*/ 28549 w 589923"/>
                <a:gd name="connsiteY288" fmla="*/ 237378 h 589923"/>
                <a:gd name="connsiteX289" fmla="*/ 128490 w 589923"/>
                <a:gd name="connsiteY289" fmla="*/ 253841 h 589923"/>
                <a:gd name="connsiteX290" fmla="*/ 128490 w 589923"/>
                <a:gd name="connsiteY290" fmla="*/ 258553 h 589923"/>
                <a:gd name="connsiteX291" fmla="*/ 128490 w 589923"/>
                <a:gd name="connsiteY291" fmla="*/ 272213 h 589923"/>
                <a:gd name="connsiteX292" fmla="*/ 128490 w 589923"/>
                <a:gd name="connsiteY292" fmla="*/ 276925 h 589923"/>
                <a:gd name="connsiteX293" fmla="*/ 123778 w 589923"/>
                <a:gd name="connsiteY293" fmla="*/ 276925 h 589923"/>
                <a:gd name="connsiteX294" fmla="*/ 110118 w 589923"/>
                <a:gd name="connsiteY294" fmla="*/ 276925 h 589923"/>
                <a:gd name="connsiteX295" fmla="*/ 105406 w 589923"/>
                <a:gd name="connsiteY295" fmla="*/ 276925 h 589923"/>
                <a:gd name="connsiteX296" fmla="*/ 105406 w 589923"/>
                <a:gd name="connsiteY296" fmla="*/ 272213 h 589923"/>
                <a:gd name="connsiteX297" fmla="*/ 105406 w 589923"/>
                <a:gd name="connsiteY297" fmla="*/ 258553 h 589923"/>
                <a:gd name="connsiteX298" fmla="*/ 105406 w 589923"/>
                <a:gd name="connsiteY298" fmla="*/ 253841 h 589923"/>
                <a:gd name="connsiteX299" fmla="*/ 110118 w 589923"/>
                <a:gd name="connsiteY299" fmla="*/ 253841 h 589923"/>
                <a:gd name="connsiteX300" fmla="*/ 111132 w 589923"/>
                <a:gd name="connsiteY300" fmla="*/ 253841 h 589923"/>
                <a:gd name="connsiteX301" fmla="*/ 123778 w 589923"/>
                <a:gd name="connsiteY301" fmla="*/ 253841 h 589923"/>
                <a:gd name="connsiteX302" fmla="*/ 128490 w 589923"/>
                <a:gd name="connsiteY302" fmla="*/ 253841 h 589923"/>
                <a:gd name="connsiteX303" fmla="*/ 16380 w 589923"/>
                <a:gd name="connsiteY303" fmla="*/ 337200 h 589923"/>
                <a:gd name="connsiteX304" fmla="*/ 16380 w 589923"/>
                <a:gd name="connsiteY304" fmla="*/ 298130 h 589923"/>
                <a:gd name="connsiteX305" fmla="*/ 16380 w 589923"/>
                <a:gd name="connsiteY305" fmla="*/ 293418 h 589923"/>
                <a:gd name="connsiteX306" fmla="*/ 21093 w 589923"/>
                <a:gd name="connsiteY306" fmla="*/ 293418 h 589923"/>
                <a:gd name="connsiteX307" fmla="*/ 59238 w 589923"/>
                <a:gd name="connsiteY307" fmla="*/ 293418 h 589923"/>
                <a:gd name="connsiteX308" fmla="*/ 70452 w 589923"/>
                <a:gd name="connsiteY308" fmla="*/ 293418 h 589923"/>
                <a:gd name="connsiteX309" fmla="*/ 62608 w 589923"/>
                <a:gd name="connsiteY309" fmla="*/ 301441 h 589923"/>
                <a:gd name="connsiteX310" fmla="*/ 24463 w 589923"/>
                <a:gd name="connsiteY310" fmla="*/ 340510 h 589923"/>
                <a:gd name="connsiteX311" fmla="*/ 16351 w 589923"/>
                <a:gd name="connsiteY311" fmla="*/ 348831 h 589923"/>
                <a:gd name="connsiteX312" fmla="*/ 16351 w 589923"/>
                <a:gd name="connsiteY312" fmla="*/ 337200 h 589923"/>
                <a:gd name="connsiteX313" fmla="*/ 28549 w 589923"/>
                <a:gd name="connsiteY313" fmla="*/ 395655 h 589923"/>
                <a:gd name="connsiteX314" fmla="*/ 23837 w 589923"/>
                <a:gd name="connsiteY314" fmla="*/ 395655 h 589923"/>
                <a:gd name="connsiteX315" fmla="*/ 23837 w 589923"/>
                <a:gd name="connsiteY315" fmla="*/ 390943 h 589923"/>
                <a:gd name="connsiteX316" fmla="*/ 23837 w 589923"/>
                <a:gd name="connsiteY316" fmla="*/ 366696 h 589923"/>
                <a:gd name="connsiteX317" fmla="*/ 23837 w 589923"/>
                <a:gd name="connsiteY317" fmla="*/ 364758 h 589923"/>
                <a:gd name="connsiteX318" fmla="*/ 25179 w 589923"/>
                <a:gd name="connsiteY318" fmla="*/ 363386 h 589923"/>
                <a:gd name="connsiteX319" fmla="*/ 91985 w 589923"/>
                <a:gd name="connsiteY319" fmla="*/ 294909 h 589923"/>
                <a:gd name="connsiteX320" fmla="*/ 93387 w 589923"/>
                <a:gd name="connsiteY320" fmla="*/ 293478 h 589923"/>
                <a:gd name="connsiteX321" fmla="*/ 95385 w 589923"/>
                <a:gd name="connsiteY321" fmla="*/ 293478 h 589923"/>
                <a:gd name="connsiteX322" fmla="*/ 196221 w 589923"/>
                <a:gd name="connsiteY322" fmla="*/ 293478 h 589923"/>
                <a:gd name="connsiteX323" fmla="*/ 207435 w 589923"/>
                <a:gd name="connsiteY323" fmla="*/ 293478 h 589923"/>
                <a:gd name="connsiteX324" fmla="*/ 199591 w 589923"/>
                <a:gd name="connsiteY324" fmla="*/ 301500 h 589923"/>
                <a:gd name="connsiteX325" fmla="*/ 109104 w 589923"/>
                <a:gd name="connsiteY325" fmla="*/ 394224 h 589923"/>
                <a:gd name="connsiteX326" fmla="*/ 107702 w 589923"/>
                <a:gd name="connsiteY326" fmla="*/ 395655 h 589923"/>
                <a:gd name="connsiteX327" fmla="*/ 105704 w 589923"/>
                <a:gd name="connsiteY327" fmla="*/ 395655 h 589923"/>
                <a:gd name="connsiteX328" fmla="*/ 97115 w 589923"/>
                <a:gd name="connsiteY328" fmla="*/ 395655 h 589923"/>
                <a:gd name="connsiteX329" fmla="*/ 28549 w 589923"/>
                <a:gd name="connsiteY329" fmla="*/ 395655 h 589923"/>
                <a:gd name="connsiteX330" fmla="*/ 128490 w 589923"/>
                <a:gd name="connsiteY330" fmla="*/ 416831 h 589923"/>
                <a:gd name="connsiteX331" fmla="*/ 128490 w 589923"/>
                <a:gd name="connsiteY331" fmla="*/ 568964 h 589923"/>
                <a:gd name="connsiteX332" fmla="*/ 128490 w 589923"/>
                <a:gd name="connsiteY332" fmla="*/ 573676 h 589923"/>
                <a:gd name="connsiteX333" fmla="*/ 123778 w 589923"/>
                <a:gd name="connsiteY333" fmla="*/ 573676 h 589923"/>
                <a:gd name="connsiteX334" fmla="*/ 110118 w 589923"/>
                <a:gd name="connsiteY334" fmla="*/ 573676 h 589923"/>
                <a:gd name="connsiteX335" fmla="*/ 105406 w 589923"/>
                <a:gd name="connsiteY335" fmla="*/ 573676 h 589923"/>
                <a:gd name="connsiteX336" fmla="*/ 105406 w 589923"/>
                <a:gd name="connsiteY336" fmla="*/ 568964 h 589923"/>
                <a:gd name="connsiteX337" fmla="*/ 105406 w 589923"/>
                <a:gd name="connsiteY337" fmla="*/ 416890 h 589923"/>
                <a:gd name="connsiteX338" fmla="*/ 105406 w 589923"/>
                <a:gd name="connsiteY338" fmla="*/ 412178 h 589923"/>
                <a:gd name="connsiteX339" fmla="*/ 110118 w 589923"/>
                <a:gd name="connsiteY339" fmla="*/ 412178 h 589923"/>
                <a:gd name="connsiteX340" fmla="*/ 111132 w 589923"/>
                <a:gd name="connsiteY340" fmla="*/ 412178 h 589923"/>
                <a:gd name="connsiteX341" fmla="*/ 111937 w 589923"/>
                <a:gd name="connsiteY341" fmla="*/ 412148 h 589923"/>
                <a:gd name="connsiteX342" fmla="*/ 112176 w 589923"/>
                <a:gd name="connsiteY342" fmla="*/ 412118 h 589923"/>
                <a:gd name="connsiteX343" fmla="*/ 112415 w 589923"/>
                <a:gd name="connsiteY343" fmla="*/ 412118 h 589923"/>
                <a:gd name="connsiteX344" fmla="*/ 123778 w 589923"/>
                <a:gd name="connsiteY344" fmla="*/ 412118 h 589923"/>
                <a:gd name="connsiteX345" fmla="*/ 128490 w 589923"/>
                <a:gd name="connsiteY345" fmla="*/ 412118 h 589923"/>
                <a:gd name="connsiteX346" fmla="*/ 128490 w 589923"/>
                <a:gd name="connsiteY346" fmla="*/ 416831 h 589923"/>
                <a:gd name="connsiteX347" fmla="*/ 141941 w 589923"/>
                <a:gd name="connsiteY347" fmla="*/ 395655 h 589923"/>
                <a:gd name="connsiteX348" fmla="*/ 130727 w 589923"/>
                <a:gd name="connsiteY348" fmla="*/ 395655 h 589923"/>
                <a:gd name="connsiteX349" fmla="*/ 138570 w 589923"/>
                <a:gd name="connsiteY349" fmla="*/ 387633 h 589923"/>
                <a:gd name="connsiteX350" fmla="*/ 229117 w 589923"/>
                <a:gd name="connsiteY350" fmla="*/ 294849 h 589923"/>
                <a:gd name="connsiteX351" fmla="*/ 230519 w 589923"/>
                <a:gd name="connsiteY351" fmla="*/ 293418 h 589923"/>
                <a:gd name="connsiteX352" fmla="*/ 232517 w 589923"/>
                <a:gd name="connsiteY352" fmla="*/ 293418 h 589923"/>
                <a:gd name="connsiteX353" fmla="*/ 332398 w 589923"/>
                <a:gd name="connsiteY353" fmla="*/ 293418 h 589923"/>
                <a:gd name="connsiteX354" fmla="*/ 343612 w 589923"/>
                <a:gd name="connsiteY354" fmla="*/ 293418 h 589923"/>
                <a:gd name="connsiteX355" fmla="*/ 335768 w 589923"/>
                <a:gd name="connsiteY355" fmla="*/ 301441 h 589923"/>
                <a:gd name="connsiteX356" fmla="*/ 245222 w 589923"/>
                <a:gd name="connsiteY356" fmla="*/ 394224 h 589923"/>
                <a:gd name="connsiteX357" fmla="*/ 243820 w 589923"/>
                <a:gd name="connsiteY357" fmla="*/ 395655 h 589923"/>
                <a:gd name="connsiteX358" fmla="*/ 241822 w 589923"/>
                <a:gd name="connsiteY358" fmla="*/ 395655 h 589923"/>
                <a:gd name="connsiteX359" fmla="*/ 141941 w 589923"/>
                <a:gd name="connsiteY359" fmla="*/ 395655 h 589923"/>
                <a:gd name="connsiteX360" fmla="*/ 445044 w 589923"/>
                <a:gd name="connsiteY360" fmla="*/ 486053 h 589923"/>
                <a:gd name="connsiteX361" fmla="*/ 445044 w 589923"/>
                <a:gd name="connsiteY361" fmla="*/ 519486 h 589923"/>
                <a:gd name="connsiteX362" fmla="*/ 445044 w 589923"/>
                <a:gd name="connsiteY362" fmla="*/ 524198 h 589923"/>
                <a:gd name="connsiteX363" fmla="*/ 440332 w 589923"/>
                <a:gd name="connsiteY363" fmla="*/ 524198 h 589923"/>
                <a:gd name="connsiteX364" fmla="*/ 149725 w 589923"/>
                <a:gd name="connsiteY364" fmla="*/ 524198 h 589923"/>
                <a:gd name="connsiteX365" fmla="*/ 145012 w 589923"/>
                <a:gd name="connsiteY365" fmla="*/ 524198 h 589923"/>
                <a:gd name="connsiteX366" fmla="*/ 145012 w 589923"/>
                <a:gd name="connsiteY366" fmla="*/ 519486 h 589923"/>
                <a:gd name="connsiteX367" fmla="*/ 145012 w 589923"/>
                <a:gd name="connsiteY367" fmla="*/ 486053 h 589923"/>
                <a:gd name="connsiteX368" fmla="*/ 145012 w 589923"/>
                <a:gd name="connsiteY368" fmla="*/ 481340 h 589923"/>
                <a:gd name="connsiteX369" fmla="*/ 149725 w 589923"/>
                <a:gd name="connsiteY369" fmla="*/ 481340 h 589923"/>
                <a:gd name="connsiteX370" fmla="*/ 440332 w 589923"/>
                <a:gd name="connsiteY370" fmla="*/ 481340 h 589923"/>
                <a:gd name="connsiteX371" fmla="*/ 445044 w 589923"/>
                <a:gd name="connsiteY371" fmla="*/ 481340 h 589923"/>
                <a:gd name="connsiteX372" fmla="*/ 445044 w 589923"/>
                <a:gd name="connsiteY372" fmla="*/ 486053 h 589923"/>
                <a:gd name="connsiteX373" fmla="*/ 445044 w 589923"/>
                <a:gd name="connsiteY373" fmla="*/ 416890 h 589923"/>
                <a:gd name="connsiteX374" fmla="*/ 445044 w 589923"/>
                <a:gd name="connsiteY374" fmla="*/ 460165 h 589923"/>
                <a:gd name="connsiteX375" fmla="*/ 445044 w 589923"/>
                <a:gd name="connsiteY375" fmla="*/ 464878 h 589923"/>
                <a:gd name="connsiteX376" fmla="*/ 440332 w 589923"/>
                <a:gd name="connsiteY376" fmla="*/ 464878 h 589923"/>
                <a:gd name="connsiteX377" fmla="*/ 149725 w 589923"/>
                <a:gd name="connsiteY377" fmla="*/ 464878 h 589923"/>
                <a:gd name="connsiteX378" fmla="*/ 145012 w 589923"/>
                <a:gd name="connsiteY378" fmla="*/ 464878 h 589923"/>
                <a:gd name="connsiteX379" fmla="*/ 145012 w 589923"/>
                <a:gd name="connsiteY379" fmla="*/ 460165 h 589923"/>
                <a:gd name="connsiteX380" fmla="*/ 145012 w 589923"/>
                <a:gd name="connsiteY380" fmla="*/ 416831 h 589923"/>
                <a:gd name="connsiteX381" fmla="*/ 145012 w 589923"/>
                <a:gd name="connsiteY381" fmla="*/ 412118 h 589923"/>
                <a:gd name="connsiteX382" fmla="*/ 383368 w 589923"/>
                <a:gd name="connsiteY382" fmla="*/ 412178 h 589923"/>
                <a:gd name="connsiteX383" fmla="*/ 440362 w 589923"/>
                <a:gd name="connsiteY383" fmla="*/ 412178 h 589923"/>
                <a:gd name="connsiteX384" fmla="*/ 445074 w 589923"/>
                <a:gd name="connsiteY384" fmla="*/ 412178 h 589923"/>
                <a:gd name="connsiteX385" fmla="*/ 445074 w 589923"/>
                <a:gd name="connsiteY385" fmla="*/ 416890 h 589923"/>
                <a:gd name="connsiteX386" fmla="*/ 484591 w 589923"/>
                <a:gd name="connsiteY386" fmla="*/ 416890 h 589923"/>
                <a:gd name="connsiteX387" fmla="*/ 484591 w 589923"/>
                <a:gd name="connsiteY387" fmla="*/ 568964 h 589923"/>
                <a:gd name="connsiteX388" fmla="*/ 484591 w 589923"/>
                <a:gd name="connsiteY388" fmla="*/ 573676 h 589923"/>
                <a:gd name="connsiteX389" fmla="*/ 479879 w 589923"/>
                <a:gd name="connsiteY389" fmla="*/ 573676 h 589923"/>
                <a:gd name="connsiteX390" fmla="*/ 466220 w 589923"/>
                <a:gd name="connsiteY390" fmla="*/ 573676 h 589923"/>
                <a:gd name="connsiteX391" fmla="*/ 461507 w 589923"/>
                <a:gd name="connsiteY391" fmla="*/ 573676 h 589923"/>
                <a:gd name="connsiteX392" fmla="*/ 461507 w 589923"/>
                <a:gd name="connsiteY392" fmla="*/ 568964 h 589923"/>
                <a:gd name="connsiteX393" fmla="*/ 461507 w 589923"/>
                <a:gd name="connsiteY393" fmla="*/ 532489 h 589923"/>
                <a:gd name="connsiteX394" fmla="*/ 461507 w 589923"/>
                <a:gd name="connsiteY394" fmla="*/ 532370 h 589923"/>
                <a:gd name="connsiteX395" fmla="*/ 461507 w 589923"/>
                <a:gd name="connsiteY395" fmla="*/ 532370 h 589923"/>
                <a:gd name="connsiteX396" fmla="*/ 461507 w 589923"/>
                <a:gd name="connsiteY396" fmla="*/ 473258 h 589923"/>
                <a:gd name="connsiteX397" fmla="*/ 461507 w 589923"/>
                <a:gd name="connsiteY397" fmla="*/ 473258 h 589923"/>
                <a:gd name="connsiteX398" fmla="*/ 461507 w 589923"/>
                <a:gd name="connsiteY398" fmla="*/ 473139 h 589923"/>
                <a:gd name="connsiteX399" fmla="*/ 461507 w 589923"/>
                <a:gd name="connsiteY399" fmla="*/ 416920 h 589923"/>
                <a:gd name="connsiteX400" fmla="*/ 461507 w 589923"/>
                <a:gd name="connsiteY400" fmla="*/ 412208 h 589923"/>
                <a:gd name="connsiteX401" fmla="*/ 466220 w 589923"/>
                <a:gd name="connsiteY401" fmla="*/ 412208 h 589923"/>
                <a:gd name="connsiteX402" fmla="*/ 479879 w 589923"/>
                <a:gd name="connsiteY402" fmla="*/ 412208 h 589923"/>
                <a:gd name="connsiteX403" fmla="*/ 484591 w 589923"/>
                <a:gd name="connsiteY403" fmla="*/ 412208 h 589923"/>
                <a:gd name="connsiteX404" fmla="*/ 484591 w 589923"/>
                <a:gd name="connsiteY404" fmla="*/ 416890 h 589923"/>
                <a:gd name="connsiteX405" fmla="*/ 573617 w 589923"/>
                <a:gd name="connsiteY405" fmla="*/ 371736 h 589923"/>
                <a:gd name="connsiteX406" fmla="*/ 573617 w 589923"/>
                <a:gd name="connsiteY406" fmla="*/ 390913 h 589923"/>
                <a:gd name="connsiteX407" fmla="*/ 573617 w 589923"/>
                <a:gd name="connsiteY407" fmla="*/ 395626 h 589923"/>
                <a:gd name="connsiteX408" fmla="*/ 568904 w 589923"/>
                <a:gd name="connsiteY408" fmla="*/ 395626 h 589923"/>
                <a:gd name="connsiteX409" fmla="*/ 550175 w 589923"/>
                <a:gd name="connsiteY409" fmla="*/ 395626 h 589923"/>
                <a:gd name="connsiteX410" fmla="*/ 538961 w 589923"/>
                <a:gd name="connsiteY410" fmla="*/ 395626 h 589923"/>
                <a:gd name="connsiteX411" fmla="*/ 546805 w 589923"/>
                <a:gd name="connsiteY411" fmla="*/ 387603 h 589923"/>
                <a:gd name="connsiteX412" fmla="*/ 565505 w 589923"/>
                <a:gd name="connsiteY412" fmla="*/ 368426 h 589923"/>
                <a:gd name="connsiteX413" fmla="*/ 573617 w 589923"/>
                <a:gd name="connsiteY413" fmla="*/ 360105 h 589923"/>
                <a:gd name="connsiteX414" fmla="*/ 573617 w 589923"/>
                <a:gd name="connsiteY414" fmla="*/ 371736 h 589923"/>
                <a:gd name="connsiteX415" fmla="*/ 501203 w 589923"/>
                <a:gd name="connsiteY415" fmla="*/ 294879 h 589923"/>
                <a:gd name="connsiteX416" fmla="*/ 502605 w 589923"/>
                <a:gd name="connsiteY416" fmla="*/ 293448 h 589923"/>
                <a:gd name="connsiteX417" fmla="*/ 504603 w 589923"/>
                <a:gd name="connsiteY417" fmla="*/ 293448 h 589923"/>
                <a:gd name="connsiteX418" fmla="*/ 561478 w 589923"/>
                <a:gd name="connsiteY418" fmla="*/ 293448 h 589923"/>
                <a:gd name="connsiteX419" fmla="*/ 566191 w 589923"/>
                <a:gd name="connsiteY419" fmla="*/ 293448 h 589923"/>
                <a:gd name="connsiteX420" fmla="*/ 566191 w 589923"/>
                <a:gd name="connsiteY420" fmla="*/ 298160 h 589923"/>
                <a:gd name="connsiteX421" fmla="*/ 566191 w 589923"/>
                <a:gd name="connsiteY421" fmla="*/ 342240 h 589923"/>
                <a:gd name="connsiteX422" fmla="*/ 566191 w 589923"/>
                <a:gd name="connsiteY422" fmla="*/ 344179 h 589923"/>
                <a:gd name="connsiteX423" fmla="*/ 564848 w 589923"/>
                <a:gd name="connsiteY423" fmla="*/ 345551 h 589923"/>
                <a:gd name="connsiteX424" fmla="*/ 517368 w 589923"/>
                <a:gd name="connsiteY424" fmla="*/ 394224 h 589923"/>
                <a:gd name="connsiteX425" fmla="*/ 515966 w 589923"/>
                <a:gd name="connsiteY425" fmla="*/ 395655 h 589923"/>
                <a:gd name="connsiteX426" fmla="*/ 513968 w 589923"/>
                <a:gd name="connsiteY426" fmla="*/ 395655 h 589923"/>
                <a:gd name="connsiteX427" fmla="*/ 492793 w 589923"/>
                <a:gd name="connsiteY427" fmla="*/ 395655 h 589923"/>
                <a:gd name="connsiteX428" fmla="*/ 453246 w 589923"/>
                <a:gd name="connsiteY428" fmla="*/ 395655 h 589923"/>
                <a:gd name="connsiteX429" fmla="*/ 414087 w 589923"/>
                <a:gd name="connsiteY429" fmla="*/ 395655 h 589923"/>
                <a:gd name="connsiteX430" fmla="*/ 402873 w 589923"/>
                <a:gd name="connsiteY430" fmla="*/ 395655 h 589923"/>
                <a:gd name="connsiteX431" fmla="*/ 410717 w 589923"/>
                <a:gd name="connsiteY431" fmla="*/ 387633 h 589923"/>
                <a:gd name="connsiteX432" fmla="*/ 501203 w 589923"/>
                <a:gd name="connsiteY432" fmla="*/ 294879 h 589923"/>
                <a:gd name="connsiteX433" fmla="*/ 492823 w 589923"/>
                <a:gd name="connsiteY433" fmla="*/ 237378 h 589923"/>
                <a:gd name="connsiteX434" fmla="*/ 453246 w 589923"/>
                <a:gd name="connsiteY434" fmla="*/ 237378 h 589923"/>
                <a:gd name="connsiteX435" fmla="*/ 414027 w 589923"/>
                <a:gd name="connsiteY435" fmla="*/ 237378 h 589923"/>
                <a:gd name="connsiteX436" fmla="*/ 402843 w 589923"/>
                <a:gd name="connsiteY436" fmla="*/ 237378 h 589923"/>
                <a:gd name="connsiteX437" fmla="*/ 410687 w 589923"/>
                <a:gd name="connsiteY437" fmla="*/ 229355 h 589923"/>
                <a:gd name="connsiteX438" fmla="*/ 501233 w 589923"/>
                <a:gd name="connsiteY438" fmla="*/ 136572 h 589923"/>
                <a:gd name="connsiteX439" fmla="*/ 502635 w 589923"/>
                <a:gd name="connsiteY439" fmla="*/ 135141 h 589923"/>
                <a:gd name="connsiteX440" fmla="*/ 504633 w 589923"/>
                <a:gd name="connsiteY440" fmla="*/ 135141 h 589923"/>
                <a:gd name="connsiteX441" fmla="*/ 561508 w 589923"/>
                <a:gd name="connsiteY441" fmla="*/ 135141 h 589923"/>
                <a:gd name="connsiteX442" fmla="*/ 566220 w 589923"/>
                <a:gd name="connsiteY442" fmla="*/ 135141 h 589923"/>
                <a:gd name="connsiteX443" fmla="*/ 566220 w 589923"/>
                <a:gd name="connsiteY443" fmla="*/ 139853 h 589923"/>
                <a:gd name="connsiteX444" fmla="*/ 566220 w 589923"/>
                <a:gd name="connsiteY444" fmla="*/ 183933 h 589923"/>
                <a:gd name="connsiteX445" fmla="*/ 566220 w 589923"/>
                <a:gd name="connsiteY445" fmla="*/ 185872 h 589923"/>
                <a:gd name="connsiteX446" fmla="*/ 564878 w 589923"/>
                <a:gd name="connsiteY446" fmla="*/ 187244 h 589923"/>
                <a:gd name="connsiteX447" fmla="*/ 517368 w 589923"/>
                <a:gd name="connsiteY447" fmla="*/ 235947 h 589923"/>
                <a:gd name="connsiteX448" fmla="*/ 515966 w 589923"/>
                <a:gd name="connsiteY448" fmla="*/ 237378 h 589923"/>
                <a:gd name="connsiteX449" fmla="*/ 513968 w 589923"/>
                <a:gd name="connsiteY449" fmla="*/ 237378 h 589923"/>
                <a:gd name="connsiteX450" fmla="*/ 492823 w 589923"/>
                <a:gd name="connsiteY450" fmla="*/ 237378 h 5899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Lst>
              <a:rect l="l" t="t" r="r" b="b"/>
              <a:pathLst>
                <a:path w="589923" h="589923">
                  <a:moveTo>
                    <a:pt x="501054" y="258553"/>
                  </a:moveTo>
                  <a:lnTo>
                    <a:pt x="501054" y="253841"/>
                  </a:lnTo>
                  <a:lnTo>
                    <a:pt x="505767" y="253841"/>
                  </a:lnTo>
                  <a:lnTo>
                    <a:pt x="519366" y="253841"/>
                  </a:lnTo>
                  <a:lnTo>
                    <a:pt x="581818" y="253841"/>
                  </a:lnTo>
                  <a:cubicBezTo>
                    <a:pt x="586352" y="253841"/>
                    <a:pt x="590050" y="250143"/>
                    <a:pt x="590050" y="245610"/>
                  </a:cubicBezTo>
                  <a:lnTo>
                    <a:pt x="590050" y="126909"/>
                  </a:lnTo>
                  <a:cubicBezTo>
                    <a:pt x="590050" y="122376"/>
                    <a:pt x="586352" y="118678"/>
                    <a:pt x="581818" y="118678"/>
                  </a:cubicBezTo>
                  <a:lnTo>
                    <a:pt x="574362" y="118678"/>
                  </a:lnTo>
                  <a:lnTo>
                    <a:pt x="505737" y="118678"/>
                  </a:lnTo>
                  <a:lnTo>
                    <a:pt x="501025" y="118678"/>
                  </a:lnTo>
                  <a:lnTo>
                    <a:pt x="501025" y="113965"/>
                  </a:lnTo>
                  <a:lnTo>
                    <a:pt x="501025" y="88824"/>
                  </a:lnTo>
                  <a:lnTo>
                    <a:pt x="501025" y="86557"/>
                  </a:lnTo>
                  <a:lnTo>
                    <a:pt x="502814" y="85125"/>
                  </a:lnTo>
                  <a:cubicBezTo>
                    <a:pt x="514267" y="75969"/>
                    <a:pt x="520828" y="62369"/>
                    <a:pt x="520828" y="47785"/>
                  </a:cubicBezTo>
                  <a:cubicBezTo>
                    <a:pt x="520828" y="21421"/>
                    <a:pt x="499384" y="7"/>
                    <a:pt x="473019" y="7"/>
                  </a:cubicBezTo>
                  <a:cubicBezTo>
                    <a:pt x="446655" y="7"/>
                    <a:pt x="425241" y="21451"/>
                    <a:pt x="425241" y="47785"/>
                  </a:cubicBezTo>
                  <a:cubicBezTo>
                    <a:pt x="425241" y="62369"/>
                    <a:pt x="431802" y="75969"/>
                    <a:pt x="443255" y="85125"/>
                  </a:cubicBezTo>
                  <a:lnTo>
                    <a:pt x="445044" y="86557"/>
                  </a:lnTo>
                  <a:lnTo>
                    <a:pt x="445044" y="88824"/>
                  </a:lnTo>
                  <a:lnTo>
                    <a:pt x="445044" y="113965"/>
                  </a:lnTo>
                  <a:lnTo>
                    <a:pt x="445044" y="118678"/>
                  </a:lnTo>
                  <a:lnTo>
                    <a:pt x="440332" y="118678"/>
                  </a:lnTo>
                  <a:lnTo>
                    <a:pt x="363058" y="118678"/>
                  </a:lnTo>
                  <a:lnTo>
                    <a:pt x="325897" y="118678"/>
                  </a:lnTo>
                  <a:lnTo>
                    <a:pt x="321184" y="118678"/>
                  </a:lnTo>
                  <a:lnTo>
                    <a:pt x="321184" y="113965"/>
                  </a:lnTo>
                  <a:lnTo>
                    <a:pt x="321184" y="88824"/>
                  </a:lnTo>
                  <a:lnTo>
                    <a:pt x="321184" y="86557"/>
                  </a:lnTo>
                  <a:lnTo>
                    <a:pt x="322944" y="85125"/>
                  </a:lnTo>
                  <a:cubicBezTo>
                    <a:pt x="334396" y="75969"/>
                    <a:pt x="340958" y="62369"/>
                    <a:pt x="340958" y="47785"/>
                  </a:cubicBezTo>
                  <a:cubicBezTo>
                    <a:pt x="340958" y="21421"/>
                    <a:pt x="319514" y="7"/>
                    <a:pt x="293179" y="7"/>
                  </a:cubicBezTo>
                  <a:cubicBezTo>
                    <a:pt x="266815" y="7"/>
                    <a:pt x="245371" y="21451"/>
                    <a:pt x="245371" y="47785"/>
                  </a:cubicBezTo>
                  <a:cubicBezTo>
                    <a:pt x="245371" y="62369"/>
                    <a:pt x="251932" y="75969"/>
                    <a:pt x="263385" y="85125"/>
                  </a:cubicBezTo>
                  <a:lnTo>
                    <a:pt x="265174" y="86557"/>
                  </a:lnTo>
                  <a:lnTo>
                    <a:pt x="265174" y="88824"/>
                  </a:lnTo>
                  <a:lnTo>
                    <a:pt x="265174" y="113965"/>
                  </a:lnTo>
                  <a:lnTo>
                    <a:pt x="265174" y="118678"/>
                  </a:lnTo>
                  <a:lnTo>
                    <a:pt x="260462" y="118678"/>
                  </a:lnTo>
                  <a:lnTo>
                    <a:pt x="227029" y="118678"/>
                  </a:lnTo>
                  <a:lnTo>
                    <a:pt x="149755" y="118678"/>
                  </a:lnTo>
                  <a:lnTo>
                    <a:pt x="145042" y="118678"/>
                  </a:lnTo>
                  <a:lnTo>
                    <a:pt x="145042" y="113965"/>
                  </a:lnTo>
                  <a:lnTo>
                    <a:pt x="145042" y="88824"/>
                  </a:lnTo>
                  <a:lnTo>
                    <a:pt x="145042" y="86557"/>
                  </a:lnTo>
                  <a:lnTo>
                    <a:pt x="146832" y="85125"/>
                  </a:lnTo>
                  <a:cubicBezTo>
                    <a:pt x="158284" y="75969"/>
                    <a:pt x="164846" y="62369"/>
                    <a:pt x="164846" y="47785"/>
                  </a:cubicBezTo>
                  <a:cubicBezTo>
                    <a:pt x="164846" y="21421"/>
                    <a:pt x="143402" y="7"/>
                    <a:pt x="117037" y="7"/>
                  </a:cubicBezTo>
                  <a:cubicBezTo>
                    <a:pt x="90673" y="7"/>
                    <a:pt x="69229" y="21451"/>
                    <a:pt x="69229" y="47785"/>
                  </a:cubicBezTo>
                  <a:cubicBezTo>
                    <a:pt x="69229" y="62369"/>
                    <a:pt x="75790" y="75969"/>
                    <a:pt x="87243" y="85125"/>
                  </a:cubicBezTo>
                  <a:lnTo>
                    <a:pt x="89032" y="86557"/>
                  </a:lnTo>
                  <a:lnTo>
                    <a:pt x="89032" y="88824"/>
                  </a:lnTo>
                  <a:lnTo>
                    <a:pt x="89032" y="113965"/>
                  </a:lnTo>
                  <a:lnTo>
                    <a:pt x="89032" y="118678"/>
                  </a:lnTo>
                  <a:lnTo>
                    <a:pt x="84320" y="118678"/>
                  </a:lnTo>
                  <a:lnTo>
                    <a:pt x="8238" y="118678"/>
                  </a:lnTo>
                  <a:cubicBezTo>
                    <a:pt x="3705" y="118678"/>
                    <a:pt x="7" y="122376"/>
                    <a:pt x="7" y="126909"/>
                  </a:cubicBezTo>
                  <a:lnTo>
                    <a:pt x="7" y="245610"/>
                  </a:lnTo>
                  <a:cubicBezTo>
                    <a:pt x="7" y="250143"/>
                    <a:pt x="3705" y="253841"/>
                    <a:pt x="8238" y="253841"/>
                  </a:cubicBezTo>
                  <a:lnTo>
                    <a:pt x="15695" y="253841"/>
                  </a:lnTo>
                  <a:lnTo>
                    <a:pt x="84320" y="253841"/>
                  </a:lnTo>
                  <a:lnTo>
                    <a:pt x="89032" y="253841"/>
                  </a:lnTo>
                  <a:lnTo>
                    <a:pt x="89032" y="258553"/>
                  </a:lnTo>
                  <a:lnTo>
                    <a:pt x="89032" y="272213"/>
                  </a:lnTo>
                  <a:lnTo>
                    <a:pt x="89032" y="276925"/>
                  </a:lnTo>
                  <a:lnTo>
                    <a:pt x="84320" y="276925"/>
                  </a:lnTo>
                  <a:lnTo>
                    <a:pt x="8238" y="276925"/>
                  </a:lnTo>
                  <a:cubicBezTo>
                    <a:pt x="3705" y="276925"/>
                    <a:pt x="7" y="280623"/>
                    <a:pt x="7" y="285157"/>
                  </a:cubicBezTo>
                  <a:lnTo>
                    <a:pt x="7" y="403857"/>
                  </a:lnTo>
                  <a:cubicBezTo>
                    <a:pt x="7" y="408390"/>
                    <a:pt x="3705" y="412089"/>
                    <a:pt x="8238" y="412089"/>
                  </a:cubicBezTo>
                  <a:lnTo>
                    <a:pt x="14442" y="412089"/>
                  </a:lnTo>
                  <a:lnTo>
                    <a:pt x="14681" y="412089"/>
                  </a:lnTo>
                  <a:lnTo>
                    <a:pt x="14919" y="412118"/>
                  </a:lnTo>
                  <a:cubicBezTo>
                    <a:pt x="15217" y="412148"/>
                    <a:pt x="15456" y="412148"/>
                    <a:pt x="15724" y="412148"/>
                  </a:cubicBezTo>
                  <a:lnTo>
                    <a:pt x="84350" y="412148"/>
                  </a:lnTo>
                  <a:lnTo>
                    <a:pt x="89062" y="412148"/>
                  </a:lnTo>
                  <a:lnTo>
                    <a:pt x="89062" y="416860"/>
                  </a:lnTo>
                  <a:lnTo>
                    <a:pt x="89062" y="581878"/>
                  </a:lnTo>
                  <a:cubicBezTo>
                    <a:pt x="89062" y="586411"/>
                    <a:pt x="92760" y="590110"/>
                    <a:pt x="97294" y="590110"/>
                  </a:cubicBezTo>
                  <a:lnTo>
                    <a:pt x="136870" y="590110"/>
                  </a:lnTo>
                  <a:cubicBezTo>
                    <a:pt x="141404" y="590110"/>
                    <a:pt x="145102" y="586411"/>
                    <a:pt x="145102" y="581878"/>
                  </a:cubicBezTo>
                  <a:lnTo>
                    <a:pt x="145102" y="545373"/>
                  </a:lnTo>
                  <a:lnTo>
                    <a:pt x="145102" y="540661"/>
                  </a:lnTo>
                  <a:lnTo>
                    <a:pt x="149814" y="540661"/>
                  </a:lnTo>
                  <a:lnTo>
                    <a:pt x="440422" y="540661"/>
                  </a:lnTo>
                  <a:lnTo>
                    <a:pt x="445134" y="540661"/>
                  </a:lnTo>
                  <a:lnTo>
                    <a:pt x="445134" y="545373"/>
                  </a:lnTo>
                  <a:lnTo>
                    <a:pt x="445134" y="581878"/>
                  </a:lnTo>
                  <a:cubicBezTo>
                    <a:pt x="445134" y="586411"/>
                    <a:pt x="448832" y="590110"/>
                    <a:pt x="453365" y="590110"/>
                  </a:cubicBezTo>
                  <a:lnTo>
                    <a:pt x="492942" y="590110"/>
                  </a:lnTo>
                  <a:cubicBezTo>
                    <a:pt x="497475" y="590110"/>
                    <a:pt x="501174" y="586411"/>
                    <a:pt x="501174" y="581878"/>
                  </a:cubicBezTo>
                  <a:lnTo>
                    <a:pt x="501174" y="416860"/>
                  </a:lnTo>
                  <a:lnTo>
                    <a:pt x="501174" y="412148"/>
                  </a:lnTo>
                  <a:lnTo>
                    <a:pt x="505886" y="412148"/>
                  </a:lnTo>
                  <a:lnTo>
                    <a:pt x="581968" y="412089"/>
                  </a:lnTo>
                  <a:cubicBezTo>
                    <a:pt x="586501" y="412089"/>
                    <a:pt x="590199" y="408390"/>
                    <a:pt x="590199" y="403857"/>
                  </a:cubicBezTo>
                  <a:lnTo>
                    <a:pt x="590199" y="285157"/>
                  </a:lnTo>
                  <a:cubicBezTo>
                    <a:pt x="590199" y="280623"/>
                    <a:pt x="586501" y="276925"/>
                    <a:pt x="581968" y="276925"/>
                  </a:cubicBezTo>
                  <a:lnTo>
                    <a:pt x="505886" y="276925"/>
                  </a:lnTo>
                  <a:lnTo>
                    <a:pt x="501174" y="276925"/>
                  </a:lnTo>
                  <a:lnTo>
                    <a:pt x="501174" y="272213"/>
                  </a:lnTo>
                  <a:lnTo>
                    <a:pt x="501174" y="258553"/>
                  </a:lnTo>
                  <a:close/>
                  <a:moveTo>
                    <a:pt x="573617" y="213429"/>
                  </a:moveTo>
                  <a:lnTo>
                    <a:pt x="573617" y="232666"/>
                  </a:lnTo>
                  <a:lnTo>
                    <a:pt x="573617" y="237378"/>
                  </a:lnTo>
                  <a:lnTo>
                    <a:pt x="568904" y="237378"/>
                  </a:lnTo>
                  <a:lnTo>
                    <a:pt x="550145" y="237378"/>
                  </a:lnTo>
                  <a:lnTo>
                    <a:pt x="538931" y="237378"/>
                  </a:lnTo>
                  <a:lnTo>
                    <a:pt x="546775" y="229355"/>
                  </a:lnTo>
                  <a:lnTo>
                    <a:pt x="565534" y="210119"/>
                  </a:lnTo>
                  <a:lnTo>
                    <a:pt x="573647" y="201798"/>
                  </a:lnTo>
                  <a:lnTo>
                    <a:pt x="573647" y="213429"/>
                  </a:lnTo>
                  <a:close/>
                  <a:moveTo>
                    <a:pt x="441704" y="47785"/>
                  </a:moveTo>
                  <a:cubicBezTo>
                    <a:pt x="441704" y="30517"/>
                    <a:pt x="455751" y="16440"/>
                    <a:pt x="473049" y="16440"/>
                  </a:cubicBezTo>
                  <a:cubicBezTo>
                    <a:pt x="490318" y="16440"/>
                    <a:pt x="504395" y="30487"/>
                    <a:pt x="504395" y="47785"/>
                  </a:cubicBezTo>
                  <a:cubicBezTo>
                    <a:pt x="504395" y="57717"/>
                    <a:pt x="494940" y="79131"/>
                    <a:pt x="473049" y="79131"/>
                  </a:cubicBezTo>
                  <a:cubicBezTo>
                    <a:pt x="446088" y="79101"/>
                    <a:pt x="441704" y="57687"/>
                    <a:pt x="441704" y="47785"/>
                  </a:cubicBezTo>
                  <a:close/>
                  <a:moveTo>
                    <a:pt x="484591" y="94460"/>
                  </a:moveTo>
                  <a:lnTo>
                    <a:pt x="484591" y="99829"/>
                  </a:lnTo>
                  <a:lnTo>
                    <a:pt x="484591" y="113936"/>
                  </a:lnTo>
                  <a:lnTo>
                    <a:pt x="484591" y="118648"/>
                  </a:lnTo>
                  <a:lnTo>
                    <a:pt x="479879" y="118648"/>
                  </a:lnTo>
                  <a:lnTo>
                    <a:pt x="466220" y="118648"/>
                  </a:lnTo>
                  <a:lnTo>
                    <a:pt x="461507" y="118648"/>
                  </a:lnTo>
                  <a:lnTo>
                    <a:pt x="461507" y="113936"/>
                  </a:lnTo>
                  <a:lnTo>
                    <a:pt x="461507" y="99829"/>
                  </a:lnTo>
                  <a:lnTo>
                    <a:pt x="461507" y="94460"/>
                  </a:lnTo>
                  <a:lnTo>
                    <a:pt x="466846" y="95146"/>
                  </a:lnTo>
                  <a:cubicBezTo>
                    <a:pt x="467830" y="95266"/>
                    <a:pt x="468814" y="95385"/>
                    <a:pt x="469769" y="95445"/>
                  </a:cubicBezTo>
                  <a:lnTo>
                    <a:pt x="469978" y="95474"/>
                  </a:lnTo>
                  <a:lnTo>
                    <a:pt x="470097" y="95474"/>
                  </a:lnTo>
                  <a:cubicBezTo>
                    <a:pt x="471200" y="95534"/>
                    <a:pt x="472184" y="95564"/>
                    <a:pt x="473079" y="95564"/>
                  </a:cubicBezTo>
                  <a:cubicBezTo>
                    <a:pt x="473974" y="95564"/>
                    <a:pt x="474928" y="95534"/>
                    <a:pt x="476091" y="95445"/>
                  </a:cubicBezTo>
                  <a:lnTo>
                    <a:pt x="476211" y="95445"/>
                  </a:lnTo>
                  <a:lnTo>
                    <a:pt x="476390" y="95445"/>
                  </a:lnTo>
                  <a:cubicBezTo>
                    <a:pt x="477374" y="95385"/>
                    <a:pt x="478358" y="95266"/>
                    <a:pt x="479312" y="95146"/>
                  </a:cubicBezTo>
                  <a:lnTo>
                    <a:pt x="484591" y="94460"/>
                  </a:lnTo>
                  <a:close/>
                  <a:moveTo>
                    <a:pt x="365115" y="136572"/>
                  </a:moveTo>
                  <a:lnTo>
                    <a:pt x="366517" y="135141"/>
                  </a:lnTo>
                  <a:lnTo>
                    <a:pt x="368515" y="135141"/>
                  </a:lnTo>
                  <a:lnTo>
                    <a:pt x="453276" y="135141"/>
                  </a:lnTo>
                  <a:lnTo>
                    <a:pt x="467621" y="135141"/>
                  </a:lnTo>
                  <a:lnTo>
                    <a:pt x="478776" y="135141"/>
                  </a:lnTo>
                  <a:lnTo>
                    <a:pt x="471021" y="143163"/>
                  </a:lnTo>
                  <a:lnTo>
                    <a:pt x="381250" y="235947"/>
                  </a:lnTo>
                  <a:lnTo>
                    <a:pt x="379849" y="237378"/>
                  </a:lnTo>
                  <a:lnTo>
                    <a:pt x="377850" y="237378"/>
                  </a:lnTo>
                  <a:lnTo>
                    <a:pt x="277999" y="237378"/>
                  </a:lnTo>
                  <a:lnTo>
                    <a:pt x="266785" y="237378"/>
                  </a:lnTo>
                  <a:lnTo>
                    <a:pt x="274629" y="229355"/>
                  </a:lnTo>
                  <a:lnTo>
                    <a:pt x="365115" y="136572"/>
                  </a:lnTo>
                  <a:close/>
                  <a:moveTo>
                    <a:pt x="467592" y="293448"/>
                  </a:moveTo>
                  <a:lnTo>
                    <a:pt x="478746" y="293448"/>
                  </a:lnTo>
                  <a:lnTo>
                    <a:pt x="470991" y="301470"/>
                  </a:lnTo>
                  <a:lnTo>
                    <a:pt x="381280" y="394194"/>
                  </a:lnTo>
                  <a:lnTo>
                    <a:pt x="379878" y="395626"/>
                  </a:lnTo>
                  <a:lnTo>
                    <a:pt x="377880" y="395626"/>
                  </a:lnTo>
                  <a:lnTo>
                    <a:pt x="278029" y="395626"/>
                  </a:lnTo>
                  <a:lnTo>
                    <a:pt x="266815" y="395626"/>
                  </a:lnTo>
                  <a:lnTo>
                    <a:pt x="274659" y="387603"/>
                  </a:lnTo>
                  <a:lnTo>
                    <a:pt x="365145" y="294879"/>
                  </a:lnTo>
                  <a:lnTo>
                    <a:pt x="366547" y="293448"/>
                  </a:lnTo>
                  <a:lnTo>
                    <a:pt x="368545" y="293448"/>
                  </a:lnTo>
                  <a:lnTo>
                    <a:pt x="467592" y="293448"/>
                  </a:lnTo>
                  <a:close/>
                  <a:moveTo>
                    <a:pt x="461478" y="276955"/>
                  </a:moveTo>
                  <a:lnTo>
                    <a:pt x="461478" y="272243"/>
                  </a:lnTo>
                  <a:lnTo>
                    <a:pt x="461478" y="258583"/>
                  </a:lnTo>
                  <a:lnTo>
                    <a:pt x="461478" y="253871"/>
                  </a:lnTo>
                  <a:lnTo>
                    <a:pt x="466190" y="253871"/>
                  </a:lnTo>
                  <a:lnTo>
                    <a:pt x="479849" y="253871"/>
                  </a:lnTo>
                  <a:lnTo>
                    <a:pt x="484562" y="253871"/>
                  </a:lnTo>
                  <a:lnTo>
                    <a:pt x="484562" y="258583"/>
                  </a:lnTo>
                  <a:lnTo>
                    <a:pt x="484562" y="272243"/>
                  </a:lnTo>
                  <a:lnTo>
                    <a:pt x="484562" y="276955"/>
                  </a:lnTo>
                  <a:lnTo>
                    <a:pt x="479849" y="276955"/>
                  </a:lnTo>
                  <a:lnTo>
                    <a:pt x="466190" y="276955"/>
                  </a:lnTo>
                  <a:lnTo>
                    <a:pt x="461478" y="276955"/>
                  </a:lnTo>
                  <a:close/>
                  <a:moveTo>
                    <a:pt x="445044" y="258553"/>
                  </a:moveTo>
                  <a:lnTo>
                    <a:pt x="445044" y="272213"/>
                  </a:lnTo>
                  <a:lnTo>
                    <a:pt x="445044" y="276925"/>
                  </a:lnTo>
                  <a:lnTo>
                    <a:pt x="440332" y="276925"/>
                  </a:lnTo>
                  <a:lnTo>
                    <a:pt x="149725" y="276925"/>
                  </a:lnTo>
                  <a:lnTo>
                    <a:pt x="145012" y="276925"/>
                  </a:lnTo>
                  <a:lnTo>
                    <a:pt x="145012" y="272213"/>
                  </a:lnTo>
                  <a:lnTo>
                    <a:pt x="145012" y="258553"/>
                  </a:lnTo>
                  <a:lnTo>
                    <a:pt x="145012" y="253841"/>
                  </a:lnTo>
                  <a:lnTo>
                    <a:pt x="149725" y="253841"/>
                  </a:lnTo>
                  <a:lnTo>
                    <a:pt x="247250" y="253841"/>
                  </a:lnTo>
                  <a:lnTo>
                    <a:pt x="383338" y="253841"/>
                  </a:lnTo>
                  <a:lnTo>
                    <a:pt x="440332" y="253841"/>
                  </a:lnTo>
                  <a:lnTo>
                    <a:pt x="445044" y="253841"/>
                  </a:lnTo>
                  <a:lnTo>
                    <a:pt x="445044" y="258553"/>
                  </a:lnTo>
                  <a:close/>
                  <a:moveTo>
                    <a:pt x="261804" y="47785"/>
                  </a:moveTo>
                  <a:cubicBezTo>
                    <a:pt x="261804" y="37764"/>
                    <a:pt x="266546" y="28817"/>
                    <a:pt x="273883" y="23091"/>
                  </a:cubicBezTo>
                  <a:cubicBezTo>
                    <a:pt x="279430" y="18498"/>
                    <a:pt x="286558" y="15724"/>
                    <a:pt x="294313" y="15724"/>
                  </a:cubicBezTo>
                  <a:cubicBezTo>
                    <a:pt x="311998" y="15724"/>
                    <a:pt x="326404" y="30100"/>
                    <a:pt x="326404" y="47815"/>
                  </a:cubicBezTo>
                  <a:cubicBezTo>
                    <a:pt x="326404" y="65531"/>
                    <a:pt x="312028" y="79906"/>
                    <a:pt x="294313" y="79906"/>
                  </a:cubicBezTo>
                  <a:cubicBezTo>
                    <a:pt x="286290" y="79906"/>
                    <a:pt x="278953" y="76924"/>
                    <a:pt x="273316" y="72033"/>
                  </a:cubicBezTo>
                  <a:cubicBezTo>
                    <a:pt x="265980" y="65978"/>
                    <a:pt x="261804" y="57240"/>
                    <a:pt x="261804" y="47785"/>
                  </a:cubicBezTo>
                  <a:close/>
                  <a:moveTo>
                    <a:pt x="304691" y="94460"/>
                  </a:moveTo>
                  <a:lnTo>
                    <a:pt x="304691" y="99829"/>
                  </a:lnTo>
                  <a:lnTo>
                    <a:pt x="304691" y="113936"/>
                  </a:lnTo>
                  <a:lnTo>
                    <a:pt x="304691" y="118648"/>
                  </a:lnTo>
                  <a:lnTo>
                    <a:pt x="299949" y="118648"/>
                  </a:lnTo>
                  <a:lnTo>
                    <a:pt x="286290" y="118648"/>
                  </a:lnTo>
                  <a:lnTo>
                    <a:pt x="281578" y="118648"/>
                  </a:lnTo>
                  <a:lnTo>
                    <a:pt x="281578" y="113936"/>
                  </a:lnTo>
                  <a:lnTo>
                    <a:pt x="281578" y="99829"/>
                  </a:lnTo>
                  <a:lnTo>
                    <a:pt x="281578" y="94460"/>
                  </a:lnTo>
                  <a:lnTo>
                    <a:pt x="286916" y="95146"/>
                  </a:lnTo>
                  <a:cubicBezTo>
                    <a:pt x="287900" y="95266"/>
                    <a:pt x="288885" y="95385"/>
                    <a:pt x="289839" y="95445"/>
                  </a:cubicBezTo>
                  <a:lnTo>
                    <a:pt x="290048" y="95474"/>
                  </a:lnTo>
                  <a:lnTo>
                    <a:pt x="290137" y="95474"/>
                  </a:lnTo>
                  <a:cubicBezTo>
                    <a:pt x="291271" y="95534"/>
                    <a:pt x="292225" y="95564"/>
                    <a:pt x="293120" y="95564"/>
                  </a:cubicBezTo>
                  <a:cubicBezTo>
                    <a:pt x="294014" y="95564"/>
                    <a:pt x="294969" y="95534"/>
                    <a:pt x="296132" y="95445"/>
                  </a:cubicBezTo>
                  <a:lnTo>
                    <a:pt x="296221" y="95445"/>
                  </a:lnTo>
                  <a:lnTo>
                    <a:pt x="296430" y="95415"/>
                  </a:lnTo>
                  <a:cubicBezTo>
                    <a:pt x="297385" y="95355"/>
                    <a:pt x="298369" y="95236"/>
                    <a:pt x="299353" y="95117"/>
                  </a:cubicBezTo>
                  <a:lnTo>
                    <a:pt x="304691" y="94460"/>
                  </a:lnTo>
                  <a:close/>
                  <a:moveTo>
                    <a:pt x="229027" y="136572"/>
                  </a:moveTo>
                  <a:lnTo>
                    <a:pt x="230429" y="135141"/>
                  </a:lnTo>
                  <a:lnTo>
                    <a:pt x="232427" y="135141"/>
                  </a:lnTo>
                  <a:lnTo>
                    <a:pt x="273376" y="135141"/>
                  </a:lnTo>
                  <a:lnTo>
                    <a:pt x="312953" y="135141"/>
                  </a:lnTo>
                  <a:lnTo>
                    <a:pt x="332339" y="135141"/>
                  </a:lnTo>
                  <a:lnTo>
                    <a:pt x="343553" y="135141"/>
                  </a:lnTo>
                  <a:lnTo>
                    <a:pt x="335709" y="143163"/>
                  </a:lnTo>
                  <a:lnTo>
                    <a:pt x="245162" y="235947"/>
                  </a:lnTo>
                  <a:lnTo>
                    <a:pt x="243761" y="237378"/>
                  </a:lnTo>
                  <a:lnTo>
                    <a:pt x="241762" y="237378"/>
                  </a:lnTo>
                  <a:lnTo>
                    <a:pt x="141881" y="237378"/>
                  </a:lnTo>
                  <a:lnTo>
                    <a:pt x="130667" y="237378"/>
                  </a:lnTo>
                  <a:lnTo>
                    <a:pt x="138511" y="229355"/>
                  </a:lnTo>
                  <a:lnTo>
                    <a:pt x="229027" y="136572"/>
                  </a:lnTo>
                  <a:close/>
                  <a:moveTo>
                    <a:pt x="84887" y="47785"/>
                  </a:moveTo>
                  <a:cubicBezTo>
                    <a:pt x="84887" y="30100"/>
                    <a:pt x="99262" y="15695"/>
                    <a:pt x="116978" y="15695"/>
                  </a:cubicBezTo>
                  <a:cubicBezTo>
                    <a:pt x="134693" y="15695"/>
                    <a:pt x="149039" y="30100"/>
                    <a:pt x="149039" y="47785"/>
                  </a:cubicBezTo>
                  <a:cubicBezTo>
                    <a:pt x="149039" y="65471"/>
                    <a:pt x="134663" y="79876"/>
                    <a:pt x="116948" y="79876"/>
                  </a:cubicBezTo>
                  <a:cubicBezTo>
                    <a:pt x="99232" y="79876"/>
                    <a:pt x="84887" y="65471"/>
                    <a:pt x="84887" y="47785"/>
                  </a:cubicBezTo>
                  <a:close/>
                  <a:moveTo>
                    <a:pt x="128490" y="94460"/>
                  </a:moveTo>
                  <a:lnTo>
                    <a:pt x="128490" y="99829"/>
                  </a:lnTo>
                  <a:lnTo>
                    <a:pt x="128490" y="113936"/>
                  </a:lnTo>
                  <a:lnTo>
                    <a:pt x="128490" y="118648"/>
                  </a:lnTo>
                  <a:lnTo>
                    <a:pt x="123778" y="118648"/>
                  </a:lnTo>
                  <a:lnTo>
                    <a:pt x="110118" y="118648"/>
                  </a:lnTo>
                  <a:lnTo>
                    <a:pt x="105406" y="118648"/>
                  </a:lnTo>
                  <a:lnTo>
                    <a:pt x="105406" y="113936"/>
                  </a:lnTo>
                  <a:lnTo>
                    <a:pt x="105406" y="99829"/>
                  </a:lnTo>
                  <a:lnTo>
                    <a:pt x="105406" y="94460"/>
                  </a:lnTo>
                  <a:lnTo>
                    <a:pt x="110744" y="95146"/>
                  </a:lnTo>
                  <a:cubicBezTo>
                    <a:pt x="111699" y="95266"/>
                    <a:pt x="112683" y="95355"/>
                    <a:pt x="113667" y="95445"/>
                  </a:cubicBezTo>
                  <a:lnTo>
                    <a:pt x="113846" y="95445"/>
                  </a:lnTo>
                  <a:lnTo>
                    <a:pt x="113965" y="95445"/>
                  </a:lnTo>
                  <a:cubicBezTo>
                    <a:pt x="115099" y="95504"/>
                    <a:pt x="116053" y="95534"/>
                    <a:pt x="116948" y="95534"/>
                  </a:cubicBezTo>
                  <a:cubicBezTo>
                    <a:pt x="117843" y="95534"/>
                    <a:pt x="118797" y="95504"/>
                    <a:pt x="119960" y="95415"/>
                  </a:cubicBezTo>
                  <a:lnTo>
                    <a:pt x="120050" y="95415"/>
                  </a:lnTo>
                  <a:lnTo>
                    <a:pt x="120258" y="95385"/>
                  </a:lnTo>
                  <a:cubicBezTo>
                    <a:pt x="121213" y="95325"/>
                    <a:pt x="122197" y="95206"/>
                    <a:pt x="123181" y="95087"/>
                  </a:cubicBezTo>
                  <a:lnTo>
                    <a:pt x="128490" y="94460"/>
                  </a:lnTo>
                  <a:close/>
                  <a:moveTo>
                    <a:pt x="16380" y="178893"/>
                  </a:moveTo>
                  <a:lnTo>
                    <a:pt x="16380" y="139853"/>
                  </a:lnTo>
                  <a:lnTo>
                    <a:pt x="16380" y="135141"/>
                  </a:lnTo>
                  <a:lnTo>
                    <a:pt x="21093" y="135141"/>
                  </a:lnTo>
                  <a:lnTo>
                    <a:pt x="59178" y="135141"/>
                  </a:lnTo>
                  <a:lnTo>
                    <a:pt x="70392" y="135141"/>
                  </a:lnTo>
                  <a:lnTo>
                    <a:pt x="62548" y="143163"/>
                  </a:lnTo>
                  <a:lnTo>
                    <a:pt x="24493" y="182173"/>
                  </a:lnTo>
                  <a:lnTo>
                    <a:pt x="16380" y="190494"/>
                  </a:lnTo>
                  <a:lnTo>
                    <a:pt x="16380" y="178893"/>
                  </a:lnTo>
                  <a:close/>
                  <a:moveTo>
                    <a:pt x="28549" y="237378"/>
                  </a:moveTo>
                  <a:lnTo>
                    <a:pt x="23837" y="237378"/>
                  </a:lnTo>
                  <a:lnTo>
                    <a:pt x="23837" y="232666"/>
                  </a:lnTo>
                  <a:lnTo>
                    <a:pt x="23837" y="208359"/>
                  </a:lnTo>
                  <a:lnTo>
                    <a:pt x="23837" y="206421"/>
                  </a:lnTo>
                  <a:lnTo>
                    <a:pt x="25179" y="205049"/>
                  </a:lnTo>
                  <a:lnTo>
                    <a:pt x="91985" y="136572"/>
                  </a:lnTo>
                  <a:lnTo>
                    <a:pt x="93387" y="135141"/>
                  </a:lnTo>
                  <a:lnTo>
                    <a:pt x="95385" y="135141"/>
                  </a:lnTo>
                  <a:lnTo>
                    <a:pt x="97174" y="135141"/>
                  </a:lnTo>
                  <a:lnTo>
                    <a:pt x="136751" y="135141"/>
                  </a:lnTo>
                  <a:lnTo>
                    <a:pt x="196251" y="135141"/>
                  </a:lnTo>
                  <a:lnTo>
                    <a:pt x="207464" y="135141"/>
                  </a:lnTo>
                  <a:lnTo>
                    <a:pt x="199621" y="143163"/>
                  </a:lnTo>
                  <a:lnTo>
                    <a:pt x="109074" y="235947"/>
                  </a:lnTo>
                  <a:lnTo>
                    <a:pt x="107673" y="237378"/>
                  </a:lnTo>
                  <a:lnTo>
                    <a:pt x="105674" y="237378"/>
                  </a:lnTo>
                  <a:lnTo>
                    <a:pt x="97145" y="237378"/>
                  </a:lnTo>
                  <a:lnTo>
                    <a:pt x="28549" y="237378"/>
                  </a:lnTo>
                  <a:close/>
                  <a:moveTo>
                    <a:pt x="128490" y="253841"/>
                  </a:moveTo>
                  <a:lnTo>
                    <a:pt x="128490" y="258553"/>
                  </a:lnTo>
                  <a:lnTo>
                    <a:pt x="128490" y="272213"/>
                  </a:lnTo>
                  <a:lnTo>
                    <a:pt x="128490" y="276925"/>
                  </a:lnTo>
                  <a:lnTo>
                    <a:pt x="123778" y="276925"/>
                  </a:lnTo>
                  <a:lnTo>
                    <a:pt x="110118" y="276925"/>
                  </a:lnTo>
                  <a:lnTo>
                    <a:pt x="105406" y="276925"/>
                  </a:lnTo>
                  <a:lnTo>
                    <a:pt x="105406" y="272213"/>
                  </a:lnTo>
                  <a:lnTo>
                    <a:pt x="105406" y="258553"/>
                  </a:lnTo>
                  <a:lnTo>
                    <a:pt x="105406" y="253841"/>
                  </a:lnTo>
                  <a:lnTo>
                    <a:pt x="110118" y="253841"/>
                  </a:lnTo>
                  <a:lnTo>
                    <a:pt x="111132" y="253841"/>
                  </a:lnTo>
                  <a:lnTo>
                    <a:pt x="123778" y="253841"/>
                  </a:lnTo>
                  <a:lnTo>
                    <a:pt x="128490" y="253841"/>
                  </a:lnTo>
                  <a:close/>
                  <a:moveTo>
                    <a:pt x="16380" y="337200"/>
                  </a:moveTo>
                  <a:lnTo>
                    <a:pt x="16380" y="298130"/>
                  </a:lnTo>
                  <a:lnTo>
                    <a:pt x="16380" y="293418"/>
                  </a:lnTo>
                  <a:lnTo>
                    <a:pt x="21093" y="293418"/>
                  </a:lnTo>
                  <a:lnTo>
                    <a:pt x="59238" y="293418"/>
                  </a:lnTo>
                  <a:lnTo>
                    <a:pt x="70452" y="293418"/>
                  </a:lnTo>
                  <a:lnTo>
                    <a:pt x="62608" y="301441"/>
                  </a:lnTo>
                  <a:lnTo>
                    <a:pt x="24463" y="340510"/>
                  </a:lnTo>
                  <a:lnTo>
                    <a:pt x="16351" y="348831"/>
                  </a:lnTo>
                  <a:lnTo>
                    <a:pt x="16351" y="337200"/>
                  </a:lnTo>
                  <a:close/>
                  <a:moveTo>
                    <a:pt x="28549" y="395655"/>
                  </a:moveTo>
                  <a:lnTo>
                    <a:pt x="23837" y="395655"/>
                  </a:lnTo>
                  <a:lnTo>
                    <a:pt x="23837" y="390943"/>
                  </a:lnTo>
                  <a:lnTo>
                    <a:pt x="23837" y="366696"/>
                  </a:lnTo>
                  <a:lnTo>
                    <a:pt x="23837" y="364758"/>
                  </a:lnTo>
                  <a:lnTo>
                    <a:pt x="25179" y="363386"/>
                  </a:lnTo>
                  <a:lnTo>
                    <a:pt x="91985" y="294909"/>
                  </a:lnTo>
                  <a:lnTo>
                    <a:pt x="93387" y="293478"/>
                  </a:lnTo>
                  <a:lnTo>
                    <a:pt x="95385" y="293478"/>
                  </a:lnTo>
                  <a:lnTo>
                    <a:pt x="196221" y="293478"/>
                  </a:lnTo>
                  <a:lnTo>
                    <a:pt x="207435" y="293478"/>
                  </a:lnTo>
                  <a:lnTo>
                    <a:pt x="199591" y="301500"/>
                  </a:lnTo>
                  <a:lnTo>
                    <a:pt x="109104" y="394224"/>
                  </a:lnTo>
                  <a:lnTo>
                    <a:pt x="107702" y="395655"/>
                  </a:lnTo>
                  <a:lnTo>
                    <a:pt x="105704" y="395655"/>
                  </a:lnTo>
                  <a:lnTo>
                    <a:pt x="97115" y="395655"/>
                  </a:lnTo>
                  <a:lnTo>
                    <a:pt x="28549" y="395655"/>
                  </a:lnTo>
                  <a:close/>
                  <a:moveTo>
                    <a:pt x="128490" y="416831"/>
                  </a:moveTo>
                  <a:lnTo>
                    <a:pt x="128490" y="568964"/>
                  </a:lnTo>
                  <a:lnTo>
                    <a:pt x="128490" y="573676"/>
                  </a:lnTo>
                  <a:lnTo>
                    <a:pt x="123778" y="573676"/>
                  </a:lnTo>
                  <a:lnTo>
                    <a:pt x="110118" y="573676"/>
                  </a:lnTo>
                  <a:lnTo>
                    <a:pt x="105406" y="573676"/>
                  </a:lnTo>
                  <a:lnTo>
                    <a:pt x="105406" y="568964"/>
                  </a:lnTo>
                  <a:lnTo>
                    <a:pt x="105406" y="416890"/>
                  </a:lnTo>
                  <a:lnTo>
                    <a:pt x="105406" y="412178"/>
                  </a:lnTo>
                  <a:lnTo>
                    <a:pt x="110118" y="412178"/>
                  </a:lnTo>
                  <a:lnTo>
                    <a:pt x="111132" y="412178"/>
                  </a:lnTo>
                  <a:cubicBezTo>
                    <a:pt x="111401" y="412178"/>
                    <a:pt x="111669" y="412178"/>
                    <a:pt x="111937" y="412148"/>
                  </a:cubicBezTo>
                  <a:lnTo>
                    <a:pt x="112176" y="412118"/>
                  </a:lnTo>
                  <a:lnTo>
                    <a:pt x="112415" y="412118"/>
                  </a:lnTo>
                  <a:lnTo>
                    <a:pt x="123778" y="412118"/>
                  </a:lnTo>
                  <a:lnTo>
                    <a:pt x="128490" y="412118"/>
                  </a:lnTo>
                  <a:lnTo>
                    <a:pt x="128490" y="416831"/>
                  </a:lnTo>
                  <a:close/>
                  <a:moveTo>
                    <a:pt x="141941" y="395655"/>
                  </a:moveTo>
                  <a:lnTo>
                    <a:pt x="130727" y="395655"/>
                  </a:lnTo>
                  <a:lnTo>
                    <a:pt x="138570" y="387633"/>
                  </a:lnTo>
                  <a:lnTo>
                    <a:pt x="229117" y="294849"/>
                  </a:lnTo>
                  <a:lnTo>
                    <a:pt x="230519" y="293418"/>
                  </a:lnTo>
                  <a:lnTo>
                    <a:pt x="232517" y="293418"/>
                  </a:lnTo>
                  <a:lnTo>
                    <a:pt x="332398" y="293418"/>
                  </a:lnTo>
                  <a:lnTo>
                    <a:pt x="343612" y="293418"/>
                  </a:lnTo>
                  <a:lnTo>
                    <a:pt x="335768" y="301441"/>
                  </a:lnTo>
                  <a:lnTo>
                    <a:pt x="245222" y="394224"/>
                  </a:lnTo>
                  <a:lnTo>
                    <a:pt x="243820" y="395655"/>
                  </a:lnTo>
                  <a:lnTo>
                    <a:pt x="241822" y="395655"/>
                  </a:lnTo>
                  <a:lnTo>
                    <a:pt x="141941" y="395655"/>
                  </a:lnTo>
                  <a:close/>
                  <a:moveTo>
                    <a:pt x="445044" y="486053"/>
                  </a:moveTo>
                  <a:lnTo>
                    <a:pt x="445044" y="519486"/>
                  </a:lnTo>
                  <a:lnTo>
                    <a:pt x="445044" y="524198"/>
                  </a:lnTo>
                  <a:lnTo>
                    <a:pt x="440332" y="524198"/>
                  </a:lnTo>
                  <a:lnTo>
                    <a:pt x="149725" y="524198"/>
                  </a:lnTo>
                  <a:lnTo>
                    <a:pt x="145012" y="524198"/>
                  </a:lnTo>
                  <a:lnTo>
                    <a:pt x="145012" y="519486"/>
                  </a:lnTo>
                  <a:lnTo>
                    <a:pt x="145012" y="486053"/>
                  </a:lnTo>
                  <a:lnTo>
                    <a:pt x="145012" y="481340"/>
                  </a:lnTo>
                  <a:lnTo>
                    <a:pt x="149725" y="481340"/>
                  </a:lnTo>
                  <a:lnTo>
                    <a:pt x="440332" y="481340"/>
                  </a:lnTo>
                  <a:lnTo>
                    <a:pt x="445044" y="481340"/>
                  </a:lnTo>
                  <a:lnTo>
                    <a:pt x="445044" y="486053"/>
                  </a:lnTo>
                  <a:close/>
                  <a:moveTo>
                    <a:pt x="445044" y="416890"/>
                  </a:moveTo>
                  <a:lnTo>
                    <a:pt x="445044" y="460165"/>
                  </a:lnTo>
                  <a:lnTo>
                    <a:pt x="445044" y="464878"/>
                  </a:lnTo>
                  <a:lnTo>
                    <a:pt x="440332" y="464878"/>
                  </a:lnTo>
                  <a:lnTo>
                    <a:pt x="149725" y="464878"/>
                  </a:lnTo>
                  <a:lnTo>
                    <a:pt x="145012" y="464878"/>
                  </a:lnTo>
                  <a:lnTo>
                    <a:pt x="145012" y="460165"/>
                  </a:lnTo>
                  <a:lnTo>
                    <a:pt x="145012" y="416831"/>
                  </a:lnTo>
                  <a:lnTo>
                    <a:pt x="145012" y="412118"/>
                  </a:lnTo>
                  <a:lnTo>
                    <a:pt x="383368" y="412178"/>
                  </a:lnTo>
                  <a:lnTo>
                    <a:pt x="440362" y="412178"/>
                  </a:lnTo>
                  <a:lnTo>
                    <a:pt x="445074" y="412178"/>
                  </a:lnTo>
                  <a:lnTo>
                    <a:pt x="445074" y="416890"/>
                  </a:lnTo>
                  <a:close/>
                  <a:moveTo>
                    <a:pt x="484591" y="416890"/>
                  </a:moveTo>
                  <a:lnTo>
                    <a:pt x="484591" y="568964"/>
                  </a:lnTo>
                  <a:lnTo>
                    <a:pt x="484591" y="573676"/>
                  </a:lnTo>
                  <a:lnTo>
                    <a:pt x="479879" y="573676"/>
                  </a:lnTo>
                  <a:lnTo>
                    <a:pt x="466220" y="573676"/>
                  </a:lnTo>
                  <a:lnTo>
                    <a:pt x="461507" y="573676"/>
                  </a:lnTo>
                  <a:lnTo>
                    <a:pt x="461507" y="568964"/>
                  </a:lnTo>
                  <a:lnTo>
                    <a:pt x="461507" y="532489"/>
                  </a:lnTo>
                  <a:lnTo>
                    <a:pt x="461507" y="532370"/>
                  </a:lnTo>
                  <a:lnTo>
                    <a:pt x="461507" y="532370"/>
                  </a:lnTo>
                  <a:lnTo>
                    <a:pt x="461507" y="473258"/>
                  </a:lnTo>
                  <a:lnTo>
                    <a:pt x="461507" y="473258"/>
                  </a:lnTo>
                  <a:lnTo>
                    <a:pt x="461507" y="473139"/>
                  </a:lnTo>
                  <a:lnTo>
                    <a:pt x="461507" y="416920"/>
                  </a:lnTo>
                  <a:lnTo>
                    <a:pt x="461507" y="412208"/>
                  </a:lnTo>
                  <a:lnTo>
                    <a:pt x="466220" y="412208"/>
                  </a:lnTo>
                  <a:lnTo>
                    <a:pt x="479879" y="412208"/>
                  </a:lnTo>
                  <a:lnTo>
                    <a:pt x="484591" y="412208"/>
                  </a:lnTo>
                  <a:lnTo>
                    <a:pt x="484591" y="416890"/>
                  </a:lnTo>
                  <a:close/>
                  <a:moveTo>
                    <a:pt x="573617" y="371736"/>
                  </a:moveTo>
                  <a:lnTo>
                    <a:pt x="573617" y="390913"/>
                  </a:lnTo>
                  <a:lnTo>
                    <a:pt x="573617" y="395626"/>
                  </a:lnTo>
                  <a:lnTo>
                    <a:pt x="568904" y="395626"/>
                  </a:lnTo>
                  <a:lnTo>
                    <a:pt x="550175" y="395626"/>
                  </a:lnTo>
                  <a:lnTo>
                    <a:pt x="538961" y="395626"/>
                  </a:lnTo>
                  <a:lnTo>
                    <a:pt x="546805" y="387603"/>
                  </a:lnTo>
                  <a:lnTo>
                    <a:pt x="565505" y="368426"/>
                  </a:lnTo>
                  <a:lnTo>
                    <a:pt x="573617" y="360105"/>
                  </a:lnTo>
                  <a:lnTo>
                    <a:pt x="573617" y="371736"/>
                  </a:lnTo>
                  <a:close/>
                  <a:moveTo>
                    <a:pt x="501203" y="294879"/>
                  </a:moveTo>
                  <a:lnTo>
                    <a:pt x="502605" y="293448"/>
                  </a:lnTo>
                  <a:lnTo>
                    <a:pt x="504603" y="293448"/>
                  </a:lnTo>
                  <a:lnTo>
                    <a:pt x="561478" y="293448"/>
                  </a:lnTo>
                  <a:lnTo>
                    <a:pt x="566191" y="293448"/>
                  </a:lnTo>
                  <a:lnTo>
                    <a:pt x="566191" y="298160"/>
                  </a:lnTo>
                  <a:lnTo>
                    <a:pt x="566191" y="342240"/>
                  </a:lnTo>
                  <a:lnTo>
                    <a:pt x="566191" y="344179"/>
                  </a:lnTo>
                  <a:lnTo>
                    <a:pt x="564848" y="345551"/>
                  </a:lnTo>
                  <a:lnTo>
                    <a:pt x="517368" y="394224"/>
                  </a:lnTo>
                  <a:lnTo>
                    <a:pt x="515966" y="395655"/>
                  </a:lnTo>
                  <a:lnTo>
                    <a:pt x="513968" y="395655"/>
                  </a:lnTo>
                  <a:lnTo>
                    <a:pt x="492793" y="395655"/>
                  </a:lnTo>
                  <a:lnTo>
                    <a:pt x="453246" y="395655"/>
                  </a:lnTo>
                  <a:lnTo>
                    <a:pt x="414087" y="395655"/>
                  </a:lnTo>
                  <a:lnTo>
                    <a:pt x="402873" y="395655"/>
                  </a:lnTo>
                  <a:lnTo>
                    <a:pt x="410717" y="387633"/>
                  </a:lnTo>
                  <a:lnTo>
                    <a:pt x="501203" y="294879"/>
                  </a:lnTo>
                  <a:close/>
                  <a:moveTo>
                    <a:pt x="492823" y="237378"/>
                  </a:moveTo>
                  <a:lnTo>
                    <a:pt x="453246" y="237378"/>
                  </a:lnTo>
                  <a:lnTo>
                    <a:pt x="414027" y="237378"/>
                  </a:lnTo>
                  <a:lnTo>
                    <a:pt x="402843" y="237378"/>
                  </a:lnTo>
                  <a:lnTo>
                    <a:pt x="410687" y="229355"/>
                  </a:lnTo>
                  <a:lnTo>
                    <a:pt x="501233" y="136572"/>
                  </a:lnTo>
                  <a:lnTo>
                    <a:pt x="502635" y="135141"/>
                  </a:lnTo>
                  <a:lnTo>
                    <a:pt x="504633" y="135141"/>
                  </a:lnTo>
                  <a:lnTo>
                    <a:pt x="561508" y="135141"/>
                  </a:lnTo>
                  <a:lnTo>
                    <a:pt x="566220" y="135141"/>
                  </a:lnTo>
                  <a:lnTo>
                    <a:pt x="566220" y="139853"/>
                  </a:lnTo>
                  <a:lnTo>
                    <a:pt x="566220" y="183933"/>
                  </a:lnTo>
                  <a:lnTo>
                    <a:pt x="566220" y="185872"/>
                  </a:lnTo>
                  <a:lnTo>
                    <a:pt x="564878" y="187244"/>
                  </a:lnTo>
                  <a:lnTo>
                    <a:pt x="517368" y="235947"/>
                  </a:lnTo>
                  <a:lnTo>
                    <a:pt x="515966" y="237378"/>
                  </a:lnTo>
                  <a:lnTo>
                    <a:pt x="513968" y="237378"/>
                  </a:lnTo>
                  <a:lnTo>
                    <a:pt x="492823" y="237378"/>
                  </a:lnTo>
                  <a:close/>
                </a:path>
              </a:pathLst>
            </a:custGeom>
            <a:grpFill/>
            <a:ln w="298" cap="flat">
              <a:noFill/>
              <a:prstDash val="solid"/>
              <a:miter/>
            </a:ln>
          </p:spPr>
          <p:txBody>
            <a:bodyPr rtlCol="0" anchor="ctr"/>
            <a:lstStyle/>
            <a:p>
              <a:endParaRPr lang="da-DK" baseline="30000" noProof="0"/>
            </a:p>
          </p:txBody>
        </p:sp>
        <p:sp>
          <p:nvSpPr>
            <p:cNvPr id="44" name="Freeform: Shape 3">
              <a:extLst>
                <a:ext uri="{FF2B5EF4-FFF2-40B4-BE49-F238E27FC236}">
                  <a16:creationId xmlns:a16="http://schemas.microsoft.com/office/drawing/2014/main" id="{47452665-3FB4-7669-7C30-27E948FD9F6F}"/>
                </a:ext>
              </a:extLst>
            </p:cNvPr>
            <p:cNvSpPr/>
            <p:nvPr/>
          </p:nvSpPr>
          <p:spPr>
            <a:xfrm>
              <a:off x="1046840" y="2028991"/>
              <a:ext cx="64420" cy="64420"/>
            </a:xfrm>
            <a:custGeom>
              <a:avLst/>
              <a:gdLst>
                <a:gd name="connsiteX0" fmla="*/ 32315 w 64420"/>
                <a:gd name="connsiteY0" fmla="*/ 64405 h 64420"/>
                <a:gd name="connsiteX1" fmla="*/ 224 w 64420"/>
                <a:gd name="connsiteY1" fmla="*/ 32315 h 64420"/>
                <a:gd name="connsiteX2" fmla="*/ 32315 w 64420"/>
                <a:gd name="connsiteY2" fmla="*/ 224 h 64420"/>
                <a:gd name="connsiteX3" fmla="*/ 64406 w 64420"/>
                <a:gd name="connsiteY3" fmla="*/ 32315 h 64420"/>
                <a:gd name="connsiteX4" fmla="*/ 32315 w 64420"/>
                <a:gd name="connsiteY4" fmla="*/ 64405 h 64420"/>
                <a:gd name="connsiteX5" fmla="*/ 32315 w 64420"/>
                <a:gd name="connsiteY5" fmla="*/ 3624 h 64420"/>
                <a:gd name="connsiteX6" fmla="*/ 3624 w 64420"/>
                <a:gd name="connsiteY6" fmla="*/ 32315 h 64420"/>
                <a:gd name="connsiteX7" fmla="*/ 32315 w 64420"/>
                <a:gd name="connsiteY7" fmla="*/ 61005 h 64420"/>
                <a:gd name="connsiteX8" fmla="*/ 61005 w 64420"/>
                <a:gd name="connsiteY8" fmla="*/ 32315 h 64420"/>
                <a:gd name="connsiteX9" fmla="*/ 32315 w 64420"/>
                <a:gd name="connsiteY9" fmla="*/ 3624 h 64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4420" h="64420">
                  <a:moveTo>
                    <a:pt x="32315" y="64405"/>
                  </a:moveTo>
                  <a:cubicBezTo>
                    <a:pt x="14629" y="64405"/>
                    <a:pt x="224" y="50030"/>
                    <a:pt x="224" y="32315"/>
                  </a:cubicBezTo>
                  <a:cubicBezTo>
                    <a:pt x="224" y="14599"/>
                    <a:pt x="14599" y="224"/>
                    <a:pt x="32315" y="224"/>
                  </a:cubicBezTo>
                  <a:cubicBezTo>
                    <a:pt x="50030" y="224"/>
                    <a:pt x="64406" y="14599"/>
                    <a:pt x="64406" y="32315"/>
                  </a:cubicBezTo>
                  <a:cubicBezTo>
                    <a:pt x="64406" y="50030"/>
                    <a:pt x="50000" y="64405"/>
                    <a:pt x="32315" y="64405"/>
                  </a:cubicBezTo>
                  <a:close/>
                  <a:moveTo>
                    <a:pt x="32315" y="3624"/>
                  </a:moveTo>
                  <a:cubicBezTo>
                    <a:pt x="16478" y="3624"/>
                    <a:pt x="3624" y="16508"/>
                    <a:pt x="3624" y="32315"/>
                  </a:cubicBezTo>
                  <a:cubicBezTo>
                    <a:pt x="3624" y="48121"/>
                    <a:pt x="16508" y="61005"/>
                    <a:pt x="32315" y="61005"/>
                  </a:cubicBezTo>
                  <a:cubicBezTo>
                    <a:pt x="48151" y="61005"/>
                    <a:pt x="61005" y="48121"/>
                    <a:pt x="61005" y="32315"/>
                  </a:cubicBezTo>
                  <a:cubicBezTo>
                    <a:pt x="61005" y="16508"/>
                    <a:pt x="48151" y="3624"/>
                    <a:pt x="32315" y="3624"/>
                  </a:cubicBezTo>
                  <a:close/>
                </a:path>
              </a:pathLst>
            </a:custGeom>
            <a:grpFill/>
            <a:ln w="9525" cap="flat">
              <a:noFill/>
              <a:prstDash val="solid"/>
              <a:miter/>
            </a:ln>
          </p:spPr>
          <p:txBody>
            <a:bodyPr rtlCol="0" anchor="ctr"/>
            <a:lstStyle/>
            <a:p>
              <a:endParaRPr lang="da-DK" baseline="30000" noProof="0"/>
            </a:p>
          </p:txBody>
        </p:sp>
        <p:sp>
          <p:nvSpPr>
            <p:cNvPr id="56" name="Freeform: Shape 4">
              <a:extLst>
                <a:ext uri="{FF2B5EF4-FFF2-40B4-BE49-F238E27FC236}">
                  <a16:creationId xmlns:a16="http://schemas.microsoft.com/office/drawing/2014/main" id="{4111C7DF-A6F9-0F2F-57C7-BB00CDFDF546}"/>
                </a:ext>
              </a:extLst>
            </p:cNvPr>
            <p:cNvSpPr/>
            <p:nvPr/>
          </p:nvSpPr>
          <p:spPr>
            <a:xfrm>
              <a:off x="690739" y="2028991"/>
              <a:ext cx="64420" cy="64420"/>
            </a:xfrm>
            <a:custGeom>
              <a:avLst/>
              <a:gdLst>
                <a:gd name="connsiteX0" fmla="*/ 32315 w 64420"/>
                <a:gd name="connsiteY0" fmla="*/ 64405 h 64420"/>
                <a:gd name="connsiteX1" fmla="*/ 224 w 64420"/>
                <a:gd name="connsiteY1" fmla="*/ 32315 h 64420"/>
                <a:gd name="connsiteX2" fmla="*/ 32315 w 64420"/>
                <a:gd name="connsiteY2" fmla="*/ 224 h 64420"/>
                <a:gd name="connsiteX3" fmla="*/ 64405 w 64420"/>
                <a:gd name="connsiteY3" fmla="*/ 32315 h 64420"/>
                <a:gd name="connsiteX4" fmla="*/ 32315 w 64420"/>
                <a:gd name="connsiteY4" fmla="*/ 64405 h 64420"/>
                <a:gd name="connsiteX5" fmla="*/ 32315 w 64420"/>
                <a:gd name="connsiteY5" fmla="*/ 3624 h 64420"/>
                <a:gd name="connsiteX6" fmla="*/ 3624 w 64420"/>
                <a:gd name="connsiteY6" fmla="*/ 32315 h 64420"/>
                <a:gd name="connsiteX7" fmla="*/ 32315 w 64420"/>
                <a:gd name="connsiteY7" fmla="*/ 61005 h 64420"/>
                <a:gd name="connsiteX8" fmla="*/ 61006 w 64420"/>
                <a:gd name="connsiteY8" fmla="*/ 32315 h 64420"/>
                <a:gd name="connsiteX9" fmla="*/ 32315 w 64420"/>
                <a:gd name="connsiteY9" fmla="*/ 3624 h 64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4420" h="64420">
                  <a:moveTo>
                    <a:pt x="32315" y="64405"/>
                  </a:moveTo>
                  <a:cubicBezTo>
                    <a:pt x="14629" y="64405"/>
                    <a:pt x="224" y="50030"/>
                    <a:pt x="224" y="32315"/>
                  </a:cubicBezTo>
                  <a:cubicBezTo>
                    <a:pt x="224" y="14599"/>
                    <a:pt x="14599" y="224"/>
                    <a:pt x="32315" y="224"/>
                  </a:cubicBezTo>
                  <a:cubicBezTo>
                    <a:pt x="50000" y="224"/>
                    <a:pt x="64405" y="14599"/>
                    <a:pt x="64405" y="32315"/>
                  </a:cubicBezTo>
                  <a:cubicBezTo>
                    <a:pt x="64405" y="50030"/>
                    <a:pt x="50000" y="64405"/>
                    <a:pt x="32315" y="64405"/>
                  </a:cubicBezTo>
                  <a:close/>
                  <a:moveTo>
                    <a:pt x="32315" y="3624"/>
                  </a:moveTo>
                  <a:cubicBezTo>
                    <a:pt x="16478" y="3624"/>
                    <a:pt x="3624" y="16508"/>
                    <a:pt x="3624" y="32315"/>
                  </a:cubicBezTo>
                  <a:cubicBezTo>
                    <a:pt x="3624" y="48121"/>
                    <a:pt x="16508" y="61005"/>
                    <a:pt x="32315" y="61005"/>
                  </a:cubicBezTo>
                  <a:cubicBezTo>
                    <a:pt x="48151" y="61005"/>
                    <a:pt x="61006" y="48121"/>
                    <a:pt x="61006" y="32315"/>
                  </a:cubicBezTo>
                  <a:cubicBezTo>
                    <a:pt x="61006" y="16508"/>
                    <a:pt x="48151" y="3624"/>
                    <a:pt x="32315" y="3624"/>
                  </a:cubicBezTo>
                  <a:close/>
                </a:path>
              </a:pathLst>
            </a:custGeom>
            <a:grpFill/>
            <a:ln w="9525" cap="flat">
              <a:noFill/>
              <a:prstDash val="solid"/>
              <a:miter/>
            </a:ln>
          </p:spPr>
          <p:txBody>
            <a:bodyPr rtlCol="0" anchor="ctr"/>
            <a:lstStyle/>
            <a:p>
              <a:endParaRPr lang="da-DK" baseline="30000" noProof="0"/>
            </a:p>
          </p:txBody>
        </p:sp>
      </p:grpSp>
      <p:grpSp>
        <p:nvGrpSpPr>
          <p:cNvPr id="10" name="Group 9">
            <a:extLst>
              <a:ext uri="{FF2B5EF4-FFF2-40B4-BE49-F238E27FC236}">
                <a16:creationId xmlns:a16="http://schemas.microsoft.com/office/drawing/2014/main" id="{BADFE0DD-1B45-1F91-2D12-6B268059DC98}"/>
              </a:ext>
              <a:ext uri="{C183D7F6-B498-43B3-948B-1728B52AA6E4}">
                <adec:decorative xmlns:adec="http://schemas.microsoft.com/office/drawing/2017/decorative" val="1"/>
              </a:ext>
            </a:extLst>
          </p:cNvPr>
          <p:cNvGrpSpPr/>
          <p:nvPr/>
        </p:nvGrpSpPr>
        <p:grpSpPr>
          <a:xfrm>
            <a:off x="4425908" y="1672600"/>
            <a:ext cx="198341" cy="259314"/>
            <a:chOff x="8757994" y="2024065"/>
            <a:chExt cx="407987" cy="533401"/>
          </a:xfrm>
          <a:solidFill>
            <a:schemeClr val="bg1"/>
          </a:solidFill>
        </p:grpSpPr>
        <p:sp>
          <p:nvSpPr>
            <p:cNvPr id="11" name="Freeform 247">
              <a:extLst>
                <a:ext uri="{FF2B5EF4-FFF2-40B4-BE49-F238E27FC236}">
                  <a16:creationId xmlns:a16="http://schemas.microsoft.com/office/drawing/2014/main" id="{0C7C5FF3-40B2-32DC-2718-B2E4F8E6B431}"/>
                </a:ext>
              </a:extLst>
            </p:cNvPr>
            <p:cNvSpPr>
              <a:spLocks/>
            </p:cNvSpPr>
            <p:nvPr/>
          </p:nvSpPr>
          <p:spPr bwMode="auto">
            <a:xfrm>
              <a:off x="9023106" y="2065340"/>
              <a:ext cx="103187" cy="103188"/>
            </a:xfrm>
            <a:custGeom>
              <a:avLst/>
              <a:gdLst>
                <a:gd name="T0" fmla="*/ 36 w 40"/>
                <a:gd name="T1" fmla="*/ 32 h 40"/>
                <a:gd name="T2" fmla="*/ 16 w 40"/>
                <a:gd name="T3" fmla="*/ 32 h 40"/>
                <a:gd name="T4" fmla="*/ 8 w 40"/>
                <a:gd name="T5" fmla="*/ 24 h 40"/>
                <a:gd name="T6" fmla="*/ 8 w 40"/>
                <a:gd name="T7" fmla="*/ 4 h 40"/>
                <a:gd name="T8" fmla="*/ 4 w 40"/>
                <a:gd name="T9" fmla="*/ 0 h 40"/>
                <a:gd name="T10" fmla="*/ 0 w 40"/>
                <a:gd name="T11" fmla="*/ 4 h 40"/>
                <a:gd name="T12" fmla="*/ 0 w 40"/>
                <a:gd name="T13" fmla="*/ 24 h 40"/>
                <a:gd name="T14" fmla="*/ 16 w 40"/>
                <a:gd name="T15" fmla="*/ 40 h 40"/>
                <a:gd name="T16" fmla="*/ 36 w 40"/>
                <a:gd name="T17" fmla="*/ 40 h 40"/>
                <a:gd name="T18" fmla="*/ 40 w 40"/>
                <a:gd name="T19" fmla="*/ 36 h 40"/>
                <a:gd name="T20" fmla="*/ 36 w 40"/>
                <a:gd name="T21" fmla="*/ 32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36" y="32"/>
                  </a:moveTo>
                  <a:cubicBezTo>
                    <a:pt x="16" y="32"/>
                    <a:pt x="16" y="32"/>
                    <a:pt x="16" y="32"/>
                  </a:cubicBezTo>
                  <a:cubicBezTo>
                    <a:pt x="12" y="32"/>
                    <a:pt x="8" y="28"/>
                    <a:pt x="8" y="24"/>
                  </a:cubicBezTo>
                  <a:cubicBezTo>
                    <a:pt x="8" y="4"/>
                    <a:pt x="8" y="4"/>
                    <a:pt x="8" y="4"/>
                  </a:cubicBezTo>
                  <a:cubicBezTo>
                    <a:pt x="8" y="2"/>
                    <a:pt x="6" y="0"/>
                    <a:pt x="4" y="0"/>
                  </a:cubicBez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2" name="Freeform 248">
              <a:extLst>
                <a:ext uri="{FF2B5EF4-FFF2-40B4-BE49-F238E27FC236}">
                  <a16:creationId xmlns:a16="http://schemas.microsoft.com/office/drawing/2014/main" id="{0E200F23-E0C2-50CA-A5C2-7CF596D2E78F}"/>
                </a:ext>
              </a:extLst>
            </p:cNvPr>
            <p:cNvSpPr>
              <a:spLocks noEditPoints="1"/>
            </p:cNvSpPr>
            <p:nvPr/>
          </p:nvSpPr>
          <p:spPr bwMode="auto">
            <a:xfrm>
              <a:off x="8757994" y="2024065"/>
              <a:ext cx="407987"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188 h 208"/>
                <a:gd name="T12" fmla="*/ 20 w 160"/>
                <a:gd name="T13" fmla="*/ 208 h 208"/>
                <a:gd name="T14" fmla="*/ 140 w 160"/>
                <a:gd name="T15" fmla="*/ 208 h 208"/>
                <a:gd name="T16" fmla="*/ 160 w 160"/>
                <a:gd name="T17" fmla="*/ 188 h 208"/>
                <a:gd name="T18" fmla="*/ 160 w 160"/>
                <a:gd name="T19" fmla="*/ 51 h 208"/>
                <a:gd name="T20" fmla="*/ 154 w 160"/>
                <a:gd name="T21" fmla="*/ 36 h 208"/>
                <a:gd name="T22" fmla="*/ 152 w 160"/>
                <a:gd name="T23" fmla="*/ 188 h 208"/>
                <a:gd name="T24" fmla="*/ 140 w 160"/>
                <a:gd name="T25" fmla="*/ 200 h 208"/>
                <a:gd name="T26" fmla="*/ 20 w 160"/>
                <a:gd name="T27" fmla="*/ 200 h 208"/>
                <a:gd name="T28" fmla="*/ 8 w 160"/>
                <a:gd name="T29" fmla="*/ 188 h 208"/>
                <a:gd name="T30" fmla="*/ 8 w 160"/>
                <a:gd name="T31" fmla="*/ 20 h 208"/>
                <a:gd name="T32" fmla="*/ 20 w 160"/>
                <a:gd name="T33" fmla="*/ 8 h 208"/>
                <a:gd name="T34" fmla="*/ 109 w 160"/>
                <a:gd name="T35" fmla="*/ 8 h 208"/>
                <a:gd name="T36" fmla="*/ 118 w 160"/>
                <a:gd name="T37" fmla="*/ 12 h 208"/>
                <a:gd name="T38" fmla="*/ 148 w 160"/>
                <a:gd name="T39" fmla="*/ 42 h 208"/>
                <a:gd name="T40" fmla="*/ 152 w 160"/>
                <a:gd name="T41" fmla="*/ 51 h 208"/>
                <a:gd name="T42" fmla="*/ 152 w 160"/>
                <a:gd name="T43" fmla="*/ 18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moveTo>
                    <a:pt x="152" y="188"/>
                  </a:moveTo>
                  <a:cubicBezTo>
                    <a:pt x="152" y="195"/>
                    <a:pt x="147" y="200"/>
                    <a:pt x="140" y="200"/>
                  </a:cubicBezTo>
                  <a:cubicBezTo>
                    <a:pt x="20" y="200"/>
                    <a:pt x="20" y="200"/>
                    <a:pt x="20" y="200"/>
                  </a:cubicBezTo>
                  <a:cubicBezTo>
                    <a:pt x="13" y="200"/>
                    <a:pt x="8" y="195"/>
                    <a:pt x="8" y="188"/>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lnTo>
                    <a:pt x="152" y="18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3" name="Freeform 249">
              <a:extLst>
                <a:ext uri="{FF2B5EF4-FFF2-40B4-BE49-F238E27FC236}">
                  <a16:creationId xmlns:a16="http://schemas.microsoft.com/office/drawing/2014/main" id="{D94C0C75-FC1F-B92E-D2AF-6EC62AA5A3EE}"/>
                </a:ext>
              </a:extLst>
            </p:cNvPr>
            <p:cNvSpPr>
              <a:spLocks/>
            </p:cNvSpPr>
            <p:nvPr/>
          </p:nvSpPr>
          <p:spPr bwMode="auto">
            <a:xfrm>
              <a:off x="8838956" y="2230440"/>
              <a:ext cx="82550" cy="80963"/>
            </a:xfrm>
            <a:custGeom>
              <a:avLst/>
              <a:gdLst>
                <a:gd name="T0" fmla="*/ 25 w 32"/>
                <a:gd name="T1" fmla="*/ 31 h 32"/>
                <a:gd name="T2" fmla="*/ 28 w 32"/>
                <a:gd name="T3" fmla="*/ 32 h 32"/>
                <a:gd name="T4" fmla="*/ 31 w 32"/>
                <a:gd name="T5" fmla="*/ 31 h 32"/>
                <a:gd name="T6" fmla="*/ 31 w 32"/>
                <a:gd name="T7" fmla="*/ 25 h 32"/>
                <a:gd name="T8" fmla="*/ 22 w 32"/>
                <a:gd name="T9" fmla="*/ 16 h 32"/>
                <a:gd name="T10" fmla="*/ 31 w 32"/>
                <a:gd name="T11" fmla="*/ 7 h 32"/>
                <a:gd name="T12" fmla="*/ 31 w 32"/>
                <a:gd name="T13" fmla="*/ 1 h 32"/>
                <a:gd name="T14" fmla="*/ 25 w 32"/>
                <a:gd name="T15" fmla="*/ 1 h 32"/>
                <a:gd name="T16" fmla="*/ 16 w 32"/>
                <a:gd name="T17" fmla="*/ 10 h 32"/>
                <a:gd name="T18" fmla="*/ 7 w 32"/>
                <a:gd name="T19" fmla="*/ 1 h 32"/>
                <a:gd name="T20" fmla="*/ 1 w 32"/>
                <a:gd name="T21" fmla="*/ 1 h 32"/>
                <a:gd name="T22" fmla="*/ 1 w 32"/>
                <a:gd name="T23" fmla="*/ 7 h 32"/>
                <a:gd name="T24" fmla="*/ 10 w 32"/>
                <a:gd name="T25" fmla="*/ 16 h 32"/>
                <a:gd name="T26" fmla="*/ 1 w 32"/>
                <a:gd name="T27" fmla="*/ 25 h 32"/>
                <a:gd name="T28" fmla="*/ 1 w 32"/>
                <a:gd name="T29" fmla="*/ 31 h 32"/>
                <a:gd name="T30" fmla="*/ 4 w 32"/>
                <a:gd name="T31" fmla="*/ 32 h 32"/>
                <a:gd name="T32" fmla="*/ 7 w 32"/>
                <a:gd name="T33" fmla="*/ 31 h 32"/>
                <a:gd name="T34" fmla="*/ 16 w 32"/>
                <a:gd name="T35" fmla="*/ 22 h 32"/>
                <a:gd name="T36" fmla="*/ 25 w 32"/>
                <a:gd name="T37" fmla="*/ 31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32" h="32">
                  <a:moveTo>
                    <a:pt x="25" y="31"/>
                  </a:moveTo>
                  <a:cubicBezTo>
                    <a:pt x="26" y="32"/>
                    <a:pt x="27" y="32"/>
                    <a:pt x="28" y="32"/>
                  </a:cubicBezTo>
                  <a:cubicBezTo>
                    <a:pt x="29" y="32"/>
                    <a:pt x="30" y="32"/>
                    <a:pt x="31" y="31"/>
                  </a:cubicBezTo>
                  <a:cubicBezTo>
                    <a:pt x="32" y="29"/>
                    <a:pt x="32" y="27"/>
                    <a:pt x="31" y="25"/>
                  </a:cubicBezTo>
                  <a:cubicBezTo>
                    <a:pt x="22" y="16"/>
                    <a:pt x="22" y="16"/>
                    <a:pt x="22" y="16"/>
                  </a:cubicBezTo>
                  <a:cubicBezTo>
                    <a:pt x="31" y="7"/>
                    <a:pt x="31" y="7"/>
                    <a:pt x="31" y="7"/>
                  </a:cubicBezTo>
                  <a:cubicBezTo>
                    <a:pt x="32" y="5"/>
                    <a:pt x="32" y="3"/>
                    <a:pt x="31" y="1"/>
                  </a:cubicBezTo>
                  <a:cubicBezTo>
                    <a:pt x="29" y="0"/>
                    <a:pt x="27" y="0"/>
                    <a:pt x="25" y="1"/>
                  </a:cubicBezTo>
                  <a:cubicBezTo>
                    <a:pt x="16" y="10"/>
                    <a:pt x="16" y="10"/>
                    <a:pt x="16" y="10"/>
                  </a:cubicBezTo>
                  <a:cubicBezTo>
                    <a:pt x="7" y="1"/>
                    <a:pt x="7" y="1"/>
                    <a:pt x="7" y="1"/>
                  </a:cubicBezTo>
                  <a:cubicBezTo>
                    <a:pt x="5" y="0"/>
                    <a:pt x="3" y="0"/>
                    <a:pt x="1" y="1"/>
                  </a:cubicBezTo>
                  <a:cubicBezTo>
                    <a:pt x="0" y="3"/>
                    <a:pt x="0" y="5"/>
                    <a:pt x="1" y="7"/>
                  </a:cubicBezTo>
                  <a:cubicBezTo>
                    <a:pt x="10" y="16"/>
                    <a:pt x="10" y="16"/>
                    <a:pt x="10" y="16"/>
                  </a:cubicBezTo>
                  <a:cubicBezTo>
                    <a:pt x="1" y="25"/>
                    <a:pt x="1" y="25"/>
                    <a:pt x="1" y="25"/>
                  </a:cubicBezTo>
                  <a:cubicBezTo>
                    <a:pt x="0" y="27"/>
                    <a:pt x="0" y="29"/>
                    <a:pt x="1" y="31"/>
                  </a:cubicBezTo>
                  <a:cubicBezTo>
                    <a:pt x="2" y="32"/>
                    <a:pt x="3" y="32"/>
                    <a:pt x="4" y="32"/>
                  </a:cubicBezTo>
                  <a:cubicBezTo>
                    <a:pt x="5" y="32"/>
                    <a:pt x="6" y="32"/>
                    <a:pt x="7" y="31"/>
                  </a:cubicBezTo>
                  <a:cubicBezTo>
                    <a:pt x="16" y="22"/>
                    <a:pt x="16" y="22"/>
                    <a:pt x="16" y="22"/>
                  </a:cubicBezTo>
                  <a:lnTo>
                    <a:pt x="25" y="31"/>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4" name="Freeform 250">
              <a:extLst>
                <a:ext uri="{FF2B5EF4-FFF2-40B4-BE49-F238E27FC236}">
                  <a16:creationId xmlns:a16="http://schemas.microsoft.com/office/drawing/2014/main" id="{C25B1175-FA46-1824-1269-A43DB1DC3E5F}"/>
                </a:ext>
              </a:extLst>
            </p:cNvPr>
            <p:cNvSpPr>
              <a:spLocks/>
            </p:cNvSpPr>
            <p:nvPr/>
          </p:nvSpPr>
          <p:spPr bwMode="auto">
            <a:xfrm>
              <a:off x="9002469" y="2230440"/>
              <a:ext cx="82550" cy="80963"/>
            </a:xfrm>
            <a:custGeom>
              <a:avLst/>
              <a:gdLst>
                <a:gd name="T0" fmla="*/ 31 w 32"/>
                <a:gd name="T1" fmla="*/ 1 h 32"/>
                <a:gd name="T2" fmla="*/ 25 w 32"/>
                <a:gd name="T3" fmla="*/ 1 h 32"/>
                <a:gd name="T4" fmla="*/ 16 w 32"/>
                <a:gd name="T5" fmla="*/ 10 h 32"/>
                <a:gd name="T6" fmla="*/ 7 w 32"/>
                <a:gd name="T7" fmla="*/ 1 h 32"/>
                <a:gd name="T8" fmla="*/ 1 w 32"/>
                <a:gd name="T9" fmla="*/ 1 h 32"/>
                <a:gd name="T10" fmla="*/ 1 w 32"/>
                <a:gd name="T11" fmla="*/ 7 h 32"/>
                <a:gd name="T12" fmla="*/ 10 w 32"/>
                <a:gd name="T13" fmla="*/ 16 h 32"/>
                <a:gd name="T14" fmla="*/ 1 w 32"/>
                <a:gd name="T15" fmla="*/ 25 h 32"/>
                <a:gd name="T16" fmla="*/ 1 w 32"/>
                <a:gd name="T17" fmla="*/ 31 h 32"/>
                <a:gd name="T18" fmla="*/ 4 w 32"/>
                <a:gd name="T19" fmla="*/ 32 h 32"/>
                <a:gd name="T20" fmla="*/ 7 w 32"/>
                <a:gd name="T21" fmla="*/ 31 h 32"/>
                <a:gd name="T22" fmla="*/ 16 w 32"/>
                <a:gd name="T23" fmla="*/ 22 h 32"/>
                <a:gd name="T24" fmla="*/ 25 w 32"/>
                <a:gd name="T25" fmla="*/ 31 h 32"/>
                <a:gd name="T26" fmla="*/ 28 w 32"/>
                <a:gd name="T27" fmla="*/ 32 h 32"/>
                <a:gd name="T28" fmla="*/ 31 w 32"/>
                <a:gd name="T29" fmla="*/ 31 h 32"/>
                <a:gd name="T30" fmla="*/ 31 w 32"/>
                <a:gd name="T31" fmla="*/ 25 h 32"/>
                <a:gd name="T32" fmla="*/ 22 w 32"/>
                <a:gd name="T33" fmla="*/ 16 h 32"/>
                <a:gd name="T34" fmla="*/ 31 w 32"/>
                <a:gd name="T35" fmla="*/ 7 h 32"/>
                <a:gd name="T36" fmla="*/ 31 w 32"/>
                <a:gd name="T37" fmla="*/ 1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32" h="32">
                  <a:moveTo>
                    <a:pt x="31" y="1"/>
                  </a:moveTo>
                  <a:cubicBezTo>
                    <a:pt x="29" y="0"/>
                    <a:pt x="27" y="0"/>
                    <a:pt x="25" y="1"/>
                  </a:cubicBezTo>
                  <a:cubicBezTo>
                    <a:pt x="16" y="10"/>
                    <a:pt x="16" y="10"/>
                    <a:pt x="16" y="10"/>
                  </a:cubicBezTo>
                  <a:cubicBezTo>
                    <a:pt x="7" y="1"/>
                    <a:pt x="7" y="1"/>
                    <a:pt x="7" y="1"/>
                  </a:cubicBezTo>
                  <a:cubicBezTo>
                    <a:pt x="5" y="0"/>
                    <a:pt x="3" y="0"/>
                    <a:pt x="1" y="1"/>
                  </a:cubicBezTo>
                  <a:cubicBezTo>
                    <a:pt x="0" y="3"/>
                    <a:pt x="0" y="5"/>
                    <a:pt x="1" y="7"/>
                  </a:cubicBezTo>
                  <a:cubicBezTo>
                    <a:pt x="10" y="16"/>
                    <a:pt x="10" y="16"/>
                    <a:pt x="10" y="16"/>
                  </a:cubicBezTo>
                  <a:cubicBezTo>
                    <a:pt x="1" y="25"/>
                    <a:pt x="1" y="25"/>
                    <a:pt x="1" y="25"/>
                  </a:cubicBezTo>
                  <a:cubicBezTo>
                    <a:pt x="0" y="27"/>
                    <a:pt x="0" y="29"/>
                    <a:pt x="1" y="31"/>
                  </a:cubicBezTo>
                  <a:cubicBezTo>
                    <a:pt x="2" y="32"/>
                    <a:pt x="3" y="32"/>
                    <a:pt x="4" y="32"/>
                  </a:cubicBezTo>
                  <a:cubicBezTo>
                    <a:pt x="5" y="32"/>
                    <a:pt x="6" y="32"/>
                    <a:pt x="7" y="31"/>
                  </a:cubicBezTo>
                  <a:cubicBezTo>
                    <a:pt x="16" y="22"/>
                    <a:pt x="16" y="22"/>
                    <a:pt x="16" y="22"/>
                  </a:cubicBezTo>
                  <a:cubicBezTo>
                    <a:pt x="25" y="31"/>
                    <a:pt x="25" y="31"/>
                    <a:pt x="25" y="31"/>
                  </a:cubicBezTo>
                  <a:cubicBezTo>
                    <a:pt x="26" y="32"/>
                    <a:pt x="27" y="32"/>
                    <a:pt x="28" y="32"/>
                  </a:cubicBezTo>
                  <a:cubicBezTo>
                    <a:pt x="29" y="32"/>
                    <a:pt x="30" y="32"/>
                    <a:pt x="31" y="31"/>
                  </a:cubicBezTo>
                  <a:cubicBezTo>
                    <a:pt x="32" y="29"/>
                    <a:pt x="32" y="27"/>
                    <a:pt x="31" y="25"/>
                  </a:cubicBezTo>
                  <a:cubicBezTo>
                    <a:pt x="22" y="16"/>
                    <a:pt x="22" y="16"/>
                    <a:pt x="22" y="16"/>
                  </a:cubicBezTo>
                  <a:cubicBezTo>
                    <a:pt x="31" y="7"/>
                    <a:pt x="31" y="7"/>
                    <a:pt x="31" y="7"/>
                  </a:cubicBezTo>
                  <a:cubicBezTo>
                    <a:pt x="32" y="5"/>
                    <a:pt x="32" y="3"/>
                    <a:pt x="31" y="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15" name="Freeform 251">
              <a:extLst>
                <a:ext uri="{FF2B5EF4-FFF2-40B4-BE49-F238E27FC236}">
                  <a16:creationId xmlns:a16="http://schemas.microsoft.com/office/drawing/2014/main" id="{6C6F6049-9402-F3E5-78A1-E25932226FDA}"/>
                </a:ext>
              </a:extLst>
            </p:cNvPr>
            <p:cNvSpPr>
              <a:spLocks/>
            </p:cNvSpPr>
            <p:nvPr/>
          </p:nvSpPr>
          <p:spPr bwMode="auto">
            <a:xfrm>
              <a:off x="8859594" y="2373315"/>
              <a:ext cx="204787" cy="61913"/>
            </a:xfrm>
            <a:custGeom>
              <a:avLst/>
              <a:gdLst>
                <a:gd name="T0" fmla="*/ 40 w 80"/>
                <a:gd name="T1" fmla="*/ 0 h 24"/>
                <a:gd name="T2" fmla="*/ 1 w 80"/>
                <a:gd name="T3" fmla="*/ 17 h 24"/>
                <a:gd name="T4" fmla="*/ 1 w 80"/>
                <a:gd name="T5" fmla="*/ 23 h 24"/>
                <a:gd name="T6" fmla="*/ 7 w 80"/>
                <a:gd name="T7" fmla="*/ 23 h 24"/>
                <a:gd name="T8" fmla="*/ 40 w 80"/>
                <a:gd name="T9" fmla="*/ 8 h 24"/>
                <a:gd name="T10" fmla="*/ 73 w 80"/>
                <a:gd name="T11" fmla="*/ 23 h 24"/>
                <a:gd name="T12" fmla="*/ 76 w 80"/>
                <a:gd name="T13" fmla="*/ 24 h 24"/>
                <a:gd name="T14" fmla="*/ 79 w 80"/>
                <a:gd name="T15" fmla="*/ 23 h 24"/>
                <a:gd name="T16" fmla="*/ 79 w 80"/>
                <a:gd name="T17" fmla="*/ 17 h 24"/>
                <a:gd name="T18" fmla="*/ 40 w 80"/>
                <a:gd name="T19" fmla="*/ 0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0" h="24">
                  <a:moveTo>
                    <a:pt x="40" y="0"/>
                  </a:moveTo>
                  <a:cubicBezTo>
                    <a:pt x="25" y="0"/>
                    <a:pt x="11" y="6"/>
                    <a:pt x="1" y="17"/>
                  </a:cubicBezTo>
                  <a:cubicBezTo>
                    <a:pt x="0" y="19"/>
                    <a:pt x="0" y="21"/>
                    <a:pt x="1" y="23"/>
                  </a:cubicBezTo>
                  <a:cubicBezTo>
                    <a:pt x="3" y="24"/>
                    <a:pt x="5" y="24"/>
                    <a:pt x="7" y="23"/>
                  </a:cubicBezTo>
                  <a:cubicBezTo>
                    <a:pt x="16" y="13"/>
                    <a:pt x="28" y="8"/>
                    <a:pt x="40" y="8"/>
                  </a:cubicBezTo>
                  <a:cubicBezTo>
                    <a:pt x="52" y="8"/>
                    <a:pt x="64" y="13"/>
                    <a:pt x="73" y="23"/>
                  </a:cubicBezTo>
                  <a:cubicBezTo>
                    <a:pt x="74" y="24"/>
                    <a:pt x="75" y="24"/>
                    <a:pt x="76" y="24"/>
                  </a:cubicBezTo>
                  <a:cubicBezTo>
                    <a:pt x="77" y="24"/>
                    <a:pt x="78" y="24"/>
                    <a:pt x="79" y="23"/>
                  </a:cubicBezTo>
                  <a:cubicBezTo>
                    <a:pt x="80" y="21"/>
                    <a:pt x="80" y="19"/>
                    <a:pt x="79" y="17"/>
                  </a:cubicBezTo>
                  <a:cubicBezTo>
                    <a:pt x="69" y="6"/>
                    <a:pt x="55" y="0"/>
                    <a:pt x="4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Tree>
    <p:extLst>
      <p:ext uri="{BB962C8B-B14F-4D97-AF65-F5344CB8AC3E}">
        <p14:creationId xmlns:p14="http://schemas.microsoft.com/office/powerpoint/2010/main" val="2021540148"/>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8EC293C-BF22-A179-22A9-2FD712921DD8}"/>
            </a:ext>
          </a:extLst>
        </p:cNvPr>
        <p:cNvGrpSpPr/>
        <p:nvPr/>
      </p:nvGrpSpPr>
      <p:grpSpPr>
        <a:xfrm>
          <a:off x="0" y="0"/>
          <a:ext cx="0" cy="0"/>
          <a:chOff x="0" y="0"/>
          <a:chExt cx="0" cy="0"/>
        </a:xfrm>
      </p:grpSpPr>
      <p:sp>
        <p:nvSpPr>
          <p:cNvPr id="16" name="Title 2">
            <a:extLst>
              <a:ext uri="{FF2B5EF4-FFF2-40B4-BE49-F238E27FC236}">
                <a16:creationId xmlns:a16="http://schemas.microsoft.com/office/drawing/2014/main" id="{EC997431-B901-F691-23CA-146B90680010}"/>
              </a:ext>
            </a:extLst>
          </p:cNvPr>
          <p:cNvSpPr txBox="1">
            <a:spLocks noGrp="1"/>
          </p:cNvSpPr>
          <p:nvPr>
            <p:ph type="title" idx="4294967295"/>
          </p:nvPr>
        </p:nvSpPr>
        <p:spPr>
          <a:xfrm>
            <a:off x="1507880" y="637161"/>
            <a:ext cx="10134474" cy="792465"/>
          </a:xfrm>
          <a:prstGeom prst="rect">
            <a:avLst/>
          </a:prstGeom>
          <a:noFill/>
          <a:ln>
            <a:noFill/>
            <a:prstDash/>
          </a:ln>
          <a:effectLst/>
        </p:spPr>
        <p:txBody>
          <a:bodyPr rot="0" spcFirstLastPara="0" vertOverflow="overflow" horzOverflow="overflow" vert="horz" wrap="square" lIns="0" tIns="0" rIns="103931" bIns="0" numCol="1" spcCol="0" rtlCol="0" fromWordArt="0" anchor="ctr" anchorCtr="0" forceAA="0" compatLnSpc="1">
            <a:prstTxWarp prst="textNoShape">
              <a:avLst/>
            </a:prstTxWarp>
            <a:noAutofit/>
          </a:bodyPr>
          <a:lstStyle>
            <a:lvl1pPr marL="0" algn="l" defTabSz="1039307" rtl="0" eaLnBrk="1" latinLnBrk="0" hangingPunct="1">
              <a:lnSpc>
                <a:spcPct val="100000"/>
              </a:lnSpc>
              <a:spcBef>
                <a:spcPct val="0"/>
              </a:spcBef>
              <a:buNone/>
              <a:tabLst>
                <a:tab pos="0" algn="l"/>
                <a:tab pos="2874963" algn="l"/>
              </a:tabLst>
              <a:defRPr lang="en-GB" sz="2800" b="0" kern="1200" cap="none" spc="0" baseline="0" dirty="0">
                <a:solidFill>
                  <a:schemeClr val="accent1"/>
                </a:solidFill>
                <a:latin typeface="+mj-lt"/>
                <a:ea typeface="+mj-ea"/>
                <a:cs typeface="+mj-cs"/>
              </a:defRPr>
            </a:lvl1pPr>
          </a:lstStyle>
          <a:p>
            <a:pPr marL="0" marR="0" lvl="0" indent="0" algn="l" defTabSz="1039307" rtl="0" eaLnBrk="1" fontAlgn="auto" latinLnBrk="0" hangingPunct="1">
              <a:lnSpc>
                <a:spcPct val="100000"/>
              </a:lnSpc>
              <a:spcBef>
                <a:spcPct val="0"/>
              </a:spcBef>
              <a:spcAft>
                <a:spcPts val="0"/>
              </a:spcAft>
              <a:buClrTx/>
              <a:buSzTx/>
              <a:buFontTx/>
              <a:buNone/>
              <a:tabLst>
                <a:tab pos="0" algn="l"/>
                <a:tab pos="2874963" algn="l"/>
              </a:tabLst>
              <a:defRPr/>
            </a:pPr>
            <a:r>
              <a:rPr kumimoji="0" lang="da-DK" sz="2200" b="0" i="0" u="none" strike="noStrike" kern="1200" cap="none" spc="0" normalizeH="0" baseline="0" noProof="0" dirty="0">
                <a:ln>
                  <a:noFill/>
                </a:ln>
                <a:solidFill>
                  <a:schemeClr val="tx1"/>
                </a:solidFill>
                <a:effectLst/>
                <a:uLnTx/>
                <a:uFillTx/>
                <a:latin typeface="+mj-lt"/>
                <a:ea typeface="+mj-ea"/>
                <a:cs typeface="+mj-cs"/>
              </a:rPr>
              <a:t>Udfordring 03 | Begrænset kontrol og styring af digitale løsninger</a:t>
            </a:r>
          </a:p>
        </p:txBody>
      </p:sp>
      <p:sp>
        <p:nvSpPr>
          <p:cNvPr id="6" name="Rektangel 8">
            <a:extLst>
              <a:ext uri="{FF2B5EF4-FFF2-40B4-BE49-F238E27FC236}">
                <a16:creationId xmlns:a16="http://schemas.microsoft.com/office/drawing/2014/main" id="{821DDCA8-65D3-9F7C-1656-F5B5E0A6C384}"/>
              </a:ext>
            </a:extLst>
          </p:cNvPr>
          <p:cNvSpPr/>
          <p:nvPr/>
        </p:nvSpPr>
        <p:spPr>
          <a:xfrm>
            <a:off x="554355" y="1649648"/>
            <a:ext cx="3508745" cy="4566239"/>
          </a:xfrm>
          <a:prstGeom prst="roundRect">
            <a:avLst>
              <a:gd name="adj" fmla="val 2683"/>
            </a:avLst>
          </a:prstGeom>
          <a:solidFill>
            <a:srgbClr val="E7EDEE"/>
          </a:solidFill>
          <a:ln>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indent="-171450">
              <a:spcAft>
                <a:spcPts val="600"/>
              </a:spcAft>
              <a:buClr>
                <a:srgbClr val="000000"/>
              </a:buClr>
              <a:buFont typeface="Arial" panose="020B0604020202020204" pitchFamily="34" charset="0"/>
              <a:buChar char="•"/>
            </a:pPr>
            <a:r>
              <a:rPr lang="da-DK" sz="1100" noProof="0" dirty="0">
                <a:solidFill>
                  <a:schemeClr val="accent3"/>
                </a:solidFill>
                <a:latin typeface="Arial" panose="020B0604020202020204" pitchFamily="34" charset="0"/>
              </a:rPr>
              <a:t>Den offentlige sektor er afhængig af digitale løsninger til at understøtte kritiske funktioner som identitetsstyring, kommunikation og </a:t>
            </a:r>
            <a:r>
              <a:rPr lang="da-DK" sz="1100" noProof="0" dirty="0" err="1">
                <a:solidFill>
                  <a:schemeClr val="accent3"/>
                </a:solidFill>
                <a:latin typeface="Arial" panose="020B0604020202020204" pitchFamily="34" charset="0"/>
              </a:rPr>
              <a:t>og</a:t>
            </a:r>
            <a:r>
              <a:rPr lang="da-DK" sz="1100" noProof="0" dirty="0">
                <a:solidFill>
                  <a:schemeClr val="accent3"/>
                </a:solidFill>
                <a:latin typeface="Arial" panose="020B0604020202020204" pitchFamily="34" charset="0"/>
              </a:rPr>
              <a:t> bagvedliggende leverandørkæder. datahåndtering inkl. følsomme informationer. En </a:t>
            </a:r>
            <a:r>
              <a:rPr lang="da-DK" sz="1100" b="1" noProof="0" dirty="0">
                <a:solidFill>
                  <a:schemeClr val="accent3"/>
                </a:solidFill>
                <a:latin typeface="Arial" panose="020B0604020202020204" pitchFamily="34" charset="0"/>
              </a:rPr>
              <a:t>betydelig andel af de digitale løsninger er </a:t>
            </a:r>
            <a:r>
              <a:rPr lang="da-DK" sz="1100" b="1" noProof="0" dirty="0" err="1">
                <a:solidFill>
                  <a:schemeClr val="accent3"/>
                </a:solidFill>
                <a:latin typeface="Arial" panose="020B0604020202020204" pitchFamily="34" charset="0"/>
              </a:rPr>
              <a:t>proprietære</a:t>
            </a:r>
            <a:r>
              <a:rPr lang="da-DK" sz="1100" b="1" noProof="0" dirty="0">
                <a:solidFill>
                  <a:schemeClr val="accent3"/>
                </a:solidFill>
                <a:latin typeface="Arial" panose="020B0604020202020204" pitchFamily="34" charset="0"/>
              </a:rPr>
              <a:t> løsninger </a:t>
            </a:r>
            <a:r>
              <a:rPr lang="da-DK" sz="1100" noProof="0" dirty="0">
                <a:solidFill>
                  <a:schemeClr val="accent3"/>
                </a:solidFill>
                <a:latin typeface="Arial" panose="020B0604020202020204" pitchFamily="34" charset="0"/>
              </a:rPr>
              <a:t>med afhængighed af specifikke enkeltleverandører, som begrænser indsigt løsningernes opbygning. Desuden kan visse forhold være svære at kontrollere.  </a:t>
            </a:r>
          </a:p>
          <a:p>
            <a:pPr marL="171450" indent="-171450">
              <a:spcAft>
                <a:spcPts val="600"/>
              </a:spcAft>
              <a:buClr>
                <a:srgbClr val="000000"/>
              </a:buClr>
              <a:buFont typeface="Arial" panose="020B0604020202020204" pitchFamily="34" charset="0"/>
              <a:buChar char="•"/>
            </a:pPr>
            <a:r>
              <a:rPr lang="da-DK" sz="1100" noProof="0" dirty="0" err="1">
                <a:solidFill>
                  <a:schemeClr val="accent3"/>
                </a:solidFill>
                <a:latin typeface="Arial" panose="020B0604020202020204" pitchFamily="34" charset="0"/>
              </a:rPr>
              <a:t>Proprietære</a:t>
            </a:r>
            <a:r>
              <a:rPr lang="da-DK" sz="1100" noProof="0" dirty="0">
                <a:solidFill>
                  <a:schemeClr val="accent3"/>
                </a:solidFill>
                <a:latin typeface="Arial" panose="020B0604020202020204" pitchFamily="34" charset="0"/>
              </a:rPr>
              <a:t> it‑løsninger udbydes af leverandører i og uden for EU. Flere løsninger integrerer open source‑komponenter, men den samlede </a:t>
            </a:r>
            <a:r>
              <a:rPr lang="da-DK" sz="1100" noProof="0" dirty="0" err="1">
                <a:solidFill>
                  <a:schemeClr val="accent3"/>
                </a:solidFill>
                <a:latin typeface="Arial" panose="020B0604020202020204" pitchFamily="34" charset="0"/>
              </a:rPr>
              <a:t>enterprise</a:t>
            </a:r>
            <a:r>
              <a:rPr lang="da-DK" sz="1100" noProof="0" dirty="0">
                <a:solidFill>
                  <a:schemeClr val="accent3"/>
                </a:solidFill>
                <a:latin typeface="Arial" panose="020B0604020202020204" pitchFamily="34" charset="0"/>
              </a:rPr>
              <a:t>‑pakke er typisk proprietær.</a:t>
            </a:r>
          </a:p>
          <a:p>
            <a:pPr marL="171450" indent="-171450">
              <a:spcAft>
                <a:spcPts val="600"/>
              </a:spcAft>
              <a:buClr>
                <a:srgbClr val="000000"/>
              </a:buClr>
              <a:buFont typeface="Arial" panose="020B0604020202020204" pitchFamily="34" charset="0"/>
              <a:buChar char="•"/>
            </a:pPr>
            <a:r>
              <a:rPr lang="da-DK" sz="1100" noProof="0" dirty="0">
                <a:solidFill>
                  <a:schemeClr val="accent3"/>
                </a:solidFill>
                <a:latin typeface="Arial" panose="020B0604020202020204" pitchFamily="34" charset="0"/>
              </a:rPr>
              <a:t>Digitale løsninger – både software og hardware – kan desuden indeholde funktioner**, der </a:t>
            </a:r>
            <a:r>
              <a:rPr lang="da-DK" sz="1100" b="1" noProof="0" dirty="0">
                <a:solidFill>
                  <a:schemeClr val="accent3"/>
                </a:solidFill>
                <a:latin typeface="Arial" panose="020B0604020202020204" pitchFamily="34" charset="0"/>
              </a:rPr>
              <a:t>indsamler data uden vores viden</a:t>
            </a:r>
            <a:r>
              <a:rPr lang="da-DK" sz="1100" noProof="0" dirty="0">
                <a:solidFill>
                  <a:schemeClr val="accent3"/>
                </a:solidFill>
                <a:latin typeface="Arial" panose="020B0604020202020204" pitchFamily="34" charset="0"/>
              </a:rPr>
              <a:t>. </a:t>
            </a:r>
          </a:p>
          <a:p>
            <a:pPr marL="171450" indent="-171450">
              <a:spcAft>
                <a:spcPts val="600"/>
              </a:spcAft>
              <a:buClr>
                <a:srgbClr val="000000"/>
              </a:buClr>
              <a:buFont typeface="Arial" panose="020B0604020202020204" pitchFamily="34" charset="0"/>
              <a:buChar char="•"/>
            </a:pPr>
            <a:endParaRPr lang="da-DK" sz="1100" noProof="0" dirty="0">
              <a:solidFill>
                <a:schemeClr val="accent3"/>
              </a:solidFill>
              <a:latin typeface="Arial" panose="020B0604020202020204" pitchFamily="34" charset="0"/>
            </a:endParaRPr>
          </a:p>
          <a:p>
            <a:pPr marL="171450" indent="-171450">
              <a:spcAft>
                <a:spcPts val="600"/>
              </a:spcAft>
              <a:buClr>
                <a:srgbClr val="000000"/>
              </a:buClr>
              <a:buFont typeface="Arial" panose="020B0604020202020204" pitchFamily="34" charset="0"/>
              <a:buChar char="•"/>
            </a:pPr>
            <a:endParaRPr lang="da-DK" sz="1100" noProof="0" dirty="0">
              <a:solidFill>
                <a:schemeClr val="accent3"/>
              </a:solidFill>
              <a:latin typeface="Arial" panose="020B0604020202020204" pitchFamily="34" charset="0"/>
            </a:endParaRPr>
          </a:p>
          <a:p>
            <a:pPr marL="171450" indent="-171450">
              <a:spcAft>
                <a:spcPts val="600"/>
              </a:spcAft>
              <a:buClr>
                <a:srgbClr val="000000"/>
              </a:buClr>
              <a:buFont typeface="Arial" panose="020B0604020202020204" pitchFamily="34" charset="0"/>
              <a:buChar char="•"/>
            </a:pPr>
            <a:endParaRPr lang="da-DK" sz="1100" noProof="0" dirty="0">
              <a:solidFill>
                <a:schemeClr val="accent3"/>
              </a:solidFill>
              <a:latin typeface="Arial" panose="020B0604020202020204" pitchFamily="34" charset="0"/>
            </a:endParaRPr>
          </a:p>
          <a:p>
            <a:pPr marL="171450" indent="-171450">
              <a:spcAft>
                <a:spcPts val="600"/>
              </a:spcAft>
              <a:buClr>
                <a:srgbClr val="000000"/>
              </a:buClr>
              <a:buFont typeface="Arial" panose="020B0604020202020204" pitchFamily="34" charset="0"/>
              <a:buChar char="•"/>
            </a:pPr>
            <a:endParaRPr lang="da-DK" sz="1100" noProof="0" dirty="0">
              <a:solidFill>
                <a:schemeClr val="accent3"/>
              </a:solidFill>
              <a:latin typeface="Arial" panose="020B0604020202020204" pitchFamily="34" charset="0"/>
            </a:endParaRPr>
          </a:p>
        </p:txBody>
      </p:sp>
      <p:sp>
        <p:nvSpPr>
          <p:cNvPr id="9" name="Rektangel 8">
            <a:extLst>
              <a:ext uri="{FF2B5EF4-FFF2-40B4-BE49-F238E27FC236}">
                <a16:creationId xmlns:a16="http://schemas.microsoft.com/office/drawing/2014/main" id="{B8DEF1FE-9224-4FE8-5BEF-8765FDB4AE96}"/>
              </a:ext>
            </a:extLst>
          </p:cNvPr>
          <p:cNvSpPr/>
          <p:nvPr/>
        </p:nvSpPr>
        <p:spPr>
          <a:xfrm>
            <a:off x="4343102" y="1649648"/>
            <a:ext cx="3508745" cy="4566240"/>
          </a:xfrm>
          <a:prstGeom prst="roundRect">
            <a:avLst>
              <a:gd name="adj" fmla="val 2683"/>
            </a:avLst>
          </a:prstGeom>
          <a:solidFill>
            <a:srgbClr val="E7EDEE"/>
          </a:solidFill>
          <a:ln>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indent="-171450">
              <a:spcAft>
                <a:spcPts val="600"/>
              </a:spcAft>
              <a:buClr>
                <a:srgbClr val="000000"/>
              </a:buClr>
              <a:buFont typeface="Arial" panose="020B0604020202020204" pitchFamily="34" charset="0"/>
              <a:buChar char="•"/>
            </a:pPr>
            <a:r>
              <a:rPr lang="da-DK" sz="1100" b="1" noProof="0" dirty="0">
                <a:solidFill>
                  <a:schemeClr val="accent3"/>
                </a:solidFill>
                <a:latin typeface="Arial" panose="020B0604020202020204" pitchFamily="34" charset="0"/>
              </a:rPr>
              <a:t>Reduceret strategisk handlefrihed</a:t>
            </a:r>
            <a:r>
              <a:rPr lang="da-DK" sz="1100" noProof="0" dirty="0">
                <a:solidFill>
                  <a:schemeClr val="accent3"/>
                </a:solidFill>
                <a:latin typeface="Arial" panose="020B0604020202020204" pitchFamily="34" charset="0"/>
              </a:rPr>
              <a:t>. Hvis leverandører af specialiseret software ejer koden, begrænser det myndighederne mulighed for tilpasning til nye behov.</a:t>
            </a:r>
          </a:p>
          <a:p>
            <a:pPr marL="171450" indent="-171450">
              <a:spcAft>
                <a:spcPts val="600"/>
              </a:spcAft>
              <a:buClr>
                <a:srgbClr val="000000"/>
              </a:buClr>
              <a:buFont typeface="Arial" panose="020B0604020202020204" pitchFamily="34" charset="0"/>
              <a:buChar char="•"/>
            </a:pPr>
            <a:r>
              <a:rPr lang="da-DK" sz="1100" b="1" noProof="0" dirty="0">
                <a:solidFill>
                  <a:schemeClr val="accent3"/>
                </a:solidFill>
                <a:latin typeface="Arial" panose="020B0604020202020204" pitchFamily="34" charset="0"/>
              </a:rPr>
              <a:t>Geopolitisk sårbarhed. </a:t>
            </a:r>
            <a:r>
              <a:rPr lang="da-DK" sz="1100" noProof="0" dirty="0">
                <a:solidFill>
                  <a:schemeClr val="accent3"/>
                </a:solidFill>
                <a:latin typeface="Arial" panose="020B0604020202020204" pitchFamily="34" charset="0"/>
              </a:rPr>
              <a:t>Globale </a:t>
            </a:r>
            <a:r>
              <a:rPr lang="da-DK" sz="1100" noProof="0" dirty="0" err="1">
                <a:solidFill>
                  <a:schemeClr val="accent3"/>
                </a:solidFill>
                <a:latin typeface="Arial" panose="020B0604020202020204" pitchFamily="34" charset="0"/>
              </a:rPr>
              <a:t>tech</a:t>
            </a:r>
            <a:r>
              <a:rPr lang="da-DK" sz="1100" noProof="0" dirty="0">
                <a:solidFill>
                  <a:schemeClr val="accent3"/>
                </a:solidFill>
                <a:latin typeface="Arial" panose="020B0604020202020204" pitchFamily="34" charset="0"/>
              </a:rPr>
              <a:t>-leverandører kan udøve en form for indirekte udenrigs- og sikkerhedspolitik som følge af geopolitiske spændinger. Danmark vil være særdeles eksponeret, da alle samfundsfunktioner stort set er digitale, og både digitale løsninger og it-infrastruktur leveres af ikke-europæiske leverandører eller er baseret på teknologier fra ikke-europæiske lande***.</a:t>
            </a:r>
          </a:p>
          <a:p>
            <a:pPr marL="171450" indent="-171450">
              <a:spcAft>
                <a:spcPts val="600"/>
              </a:spcAft>
              <a:buClr>
                <a:srgbClr val="000000"/>
              </a:buClr>
              <a:buFont typeface="Arial" panose="020B0604020202020204" pitchFamily="34" charset="0"/>
              <a:buChar char="•"/>
            </a:pPr>
            <a:r>
              <a:rPr lang="da-DK" sz="1100" b="1" noProof="0" dirty="0">
                <a:solidFill>
                  <a:schemeClr val="accent3"/>
                </a:solidFill>
                <a:latin typeface="Arial" panose="020B0604020202020204" pitchFamily="34" charset="0"/>
              </a:rPr>
              <a:t>Etiske og demokratiske sårbarheder</a:t>
            </a:r>
            <a:r>
              <a:rPr lang="da-DK" sz="1100" noProof="0" dirty="0">
                <a:solidFill>
                  <a:schemeClr val="accent3"/>
                </a:solidFill>
                <a:latin typeface="Arial" panose="020B0604020202020204" pitchFamily="34" charset="0"/>
              </a:rPr>
              <a:t>. Mangel på indsigt i hvor og hvordan vores digitale løsninger er bygget og sikret, samt hvem som designer, udvikler og styrer teknologien, kan underminere myndighedernes og borgernes tillid.</a:t>
            </a:r>
            <a:endParaRPr lang="da-DK" sz="1100" b="1" noProof="0" dirty="0">
              <a:solidFill>
                <a:schemeClr val="accent3"/>
              </a:solidFill>
              <a:latin typeface="Arial" panose="020B0604020202020204" pitchFamily="34" charset="0"/>
            </a:endParaRPr>
          </a:p>
          <a:p>
            <a:pPr marL="171450" indent="-171450">
              <a:spcAft>
                <a:spcPts val="600"/>
              </a:spcAft>
              <a:buClr>
                <a:srgbClr val="000000"/>
              </a:buClr>
              <a:buFont typeface="Arial" panose="020B0604020202020204" pitchFamily="34" charset="0"/>
              <a:buChar char="•"/>
            </a:pPr>
            <a:r>
              <a:rPr lang="da-DK" sz="1100" b="1" noProof="0" dirty="0">
                <a:solidFill>
                  <a:schemeClr val="accent3"/>
                </a:solidFill>
                <a:latin typeface="Arial" panose="020B0604020202020204" pitchFamily="34" charset="0"/>
              </a:rPr>
              <a:t>Øget risiko for skjult overvågning</a:t>
            </a:r>
            <a:r>
              <a:rPr lang="da-DK" sz="1100" noProof="0" dirty="0">
                <a:solidFill>
                  <a:schemeClr val="accent3"/>
                </a:solidFill>
                <a:latin typeface="Arial" panose="020B0604020202020204" pitchFamily="34" charset="0"/>
              </a:rPr>
              <a:t>. Der er en øget risiko for overvågning og misbrug af informationer, når teknologien kommer fra leverandører uden for EU.</a:t>
            </a:r>
          </a:p>
          <a:p>
            <a:pPr>
              <a:spcAft>
                <a:spcPts val="600"/>
              </a:spcAft>
              <a:buClr>
                <a:srgbClr val="000000"/>
              </a:buClr>
            </a:pPr>
            <a:endParaRPr lang="da-DK" sz="1100" noProof="0" dirty="0">
              <a:solidFill>
                <a:schemeClr val="accent3"/>
              </a:solidFill>
              <a:latin typeface="Arial" panose="020B0604020202020204" pitchFamily="34" charset="0"/>
            </a:endParaRPr>
          </a:p>
          <a:p>
            <a:pPr>
              <a:spcAft>
                <a:spcPts val="600"/>
              </a:spcAft>
              <a:buClr>
                <a:srgbClr val="000000"/>
              </a:buClr>
            </a:pPr>
            <a:endParaRPr lang="da-DK" sz="1100" noProof="0" dirty="0">
              <a:solidFill>
                <a:schemeClr val="accent3"/>
              </a:solidFill>
              <a:latin typeface="Arial" panose="020B0604020202020204" pitchFamily="34" charset="0"/>
            </a:endParaRPr>
          </a:p>
        </p:txBody>
      </p:sp>
      <p:sp>
        <p:nvSpPr>
          <p:cNvPr id="17" name="Rektangel 8">
            <a:extLst>
              <a:ext uri="{FF2B5EF4-FFF2-40B4-BE49-F238E27FC236}">
                <a16:creationId xmlns:a16="http://schemas.microsoft.com/office/drawing/2014/main" id="{E70F3C70-415F-F39B-25E3-4BAA12E92DD2}"/>
              </a:ext>
            </a:extLst>
          </p:cNvPr>
          <p:cNvSpPr/>
          <p:nvPr/>
        </p:nvSpPr>
        <p:spPr>
          <a:xfrm>
            <a:off x="8129673" y="1658792"/>
            <a:ext cx="3508745" cy="4538299"/>
          </a:xfrm>
          <a:prstGeom prst="roundRect">
            <a:avLst>
              <a:gd name="adj" fmla="val 2683"/>
            </a:avLst>
          </a:prstGeom>
          <a:solidFill>
            <a:srgbClr val="E7EDEE"/>
          </a:solidFill>
          <a:ln>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indent="-171450">
              <a:spcAft>
                <a:spcPts val="600"/>
              </a:spcAft>
              <a:buClr>
                <a:srgbClr val="000000"/>
              </a:buClr>
              <a:buFont typeface="Arial" panose="020B0604020202020204" pitchFamily="34" charset="0"/>
              <a:buChar char="•"/>
            </a:pPr>
            <a:r>
              <a:rPr lang="da-DK" sz="1100" b="1" noProof="0" dirty="0" err="1">
                <a:solidFill>
                  <a:schemeClr val="accent3"/>
                </a:solidFill>
                <a:latin typeface="Arial" panose="020B0604020202020204" pitchFamily="34" charset="0"/>
              </a:rPr>
              <a:t>Proprietære</a:t>
            </a:r>
            <a:r>
              <a:rPr lang="da-DK" sz="1100" b="1" noProof="0" dirty="0">
                <a:solidFill>
                  <a:schemeClr val="accent3"/>
                </a:solidFill>
                <a:latin typeface="Arial" panose="020B0604020202020204" pitchFamily="34" charset="0"/>
              </a:rPr>
              <a:t> teknologier.</a:t>
            </a:r>
            <a:r>
              <a:rPr lang="da-DK" sz="1100" noProof="0" dirty="0">
                <a:solidFill>
                  <a:schemeClr val="accent3"/>
                </a:solidFill>
                <a:latin typeface="Arial" panose="020B0604020202020204" pitchFamily="34" charset="0"/>
              </a:rPr>
              <a:t> Leverandører beskytter kildekode og algoritmer. </a:t>
            </a:r>
          </a:p>
          <a:p>
            <a:pPr marL="171450" indent="-171450">
              <a:spcAft>
                <a:spcPts val="600"/>
              </a:spcAft>
              <a:buClr>
                <a:srgbClr val="000000"/>
              </a:buClr>
              <a:buFont typeface="Arial" panose="020B0604020202020204" pitchFamily="34" charset="0"/>
              <a:buChar char="•"/>
            </a:pPr>
            <a:r>
              <a:rPr lang="da-DK" sz="1100" b="1" noProof="0" dirty="0">
                <a:solidFill>
                  <a:schemeClr val="accent3"/>
                </a:solidFill>
                <a:latin typeface="Arial" panose="020B0604020202020204" pitchFamily="34" charset="0"/>
              </a:rPr>
              <a:t>Indkøbs- og udbudspraksis. </a:t>
            </a:r>
            <a:r>
              <a:rPr lang="da-DK" sz="1100" noProof="0" dirty="0">
                <a:solidFill>
                  <a:schemeClr val="accent3"/>
                </a:solidFill>
                <a:latin typeface="Arial" panose="020B0604020202020204" pitchFamily="34" charset="0"/>
              </a:rPr>
              <a:t>Offentlige indkøb er bundet af udbudsregler, der ofte favoriserer etablerede leverandører med dokumenteret compliance. Der stilles kun i mindre grad krav til anvendelse af open source og fuld transparens omkring digitale løsninger. Der gælder særregler for </a:t>
            </a:r>
            <a:r>
              <a:rPr lang="da-DK" sz="1100" noProof="0" dirty="0" err="1">
                <a:solidFill>
                  <a:schemeClr val="accent3"/>
                </a:solidFill>
                <a:latin typeface="Arial" panose="020B0604020202020204" pitchFamily="34" charset="0"/>
              </a:rPr>
              <a:t>samfundskritisk</a:t>
            </a:r>
            <a:r>
              <a:rPr lang="da-DK" sz="1100" noProof="0" dirty="0">
                <a:solidFill>
                  <a:schemeClr val="accent3"/>
                </a:solidFill>
                <a:latin typeface="Arial" panose="020B0604020202020204" pitchFamily="34" charset="0"/>
              </a:rPr>
              <a:t> it (specialkrav, lokationskrav).</a:t>
            </a:r>
          </a:p>
          <a:p>
            <a:pPr marL="171450" indent="-171450">
              <a:spcAft>
                <a:spcPts val="600"/>
              </a:spcAft>
              <a:buClr>
                <a:srgbClr val="000000"/>
              </a:buClr>
              <a:buFont typeface="Arial" panose="020B0604020202020204" pitchFamily="34" charset="0"/>
              <a:buChar char="•"/>
            </a:pPr>
            <a:r>
              <a:rPr lang="da-DK" sz="1100" b="1" noProof="0" dirty="0">
                <a:solidFill>
                  <a:schemeClr val="accent3"/>
                </a:solidFill>
                <a:latin typeface="Arial" panose="020B0604020202020204" pitchFamily="34" charset="0"/>
              </a:rPr>
              <a:t>Begrænset anvendelse af åbne standarder, </a:t>
            </a:r>
            <a:r>
              <a:rPr lang="da-DK" sz="1100" b="1" noProof="0" dirty="0" err="1">
                <a:solidFill>
                  <a:schemeClr val="accent3"/>
                </a:solidFill>
                <a:latin typeface="Arial" panose="020B0604020202020204" pitchFamily="34" charset="0"/>
              </a:rPr>
              <a:t>interoperabilitet</a:t>
            </a:r>
            <a:r>
              <a:rPr lang="da-DK" sz="1100" b="1" noProof="0" dirty="0">
                <a:solidFill>
                  <a:schemeClr val="accent3"/>
                </a:solidFill>
                <a:latin typeface="Arial" panose="020B0604020202020204" pitchFamily="34" charset="0"/>
              </a:rPr>
              <a:t> og modulær it-</a:t>
            </a:r>
            <a:r>
              <a:rPr lang="da-DK" sz="1100" b="1" noProof="0" dirty="0" err="1">
                <a:solidFill>
                  <a:schemeClr val="accent3"/>
                </a:solidFill>
                <a:latin typeface="Arial" panose="020B0604020202020204" pitchFamily="34" charset="0"/>
              </a:rPr>
              <a:t>arkitekur</a:t>
            </a:r>
            <a:r>
              <a:rPr lang="da-DK" sz="1100" b="1" noProof="0" dirty="0">
                <a:solidFill>
                  <a:schemeClr val="accent3"/>
                </a:solidFill>
                <a:latin typeface="Arial" panose="020B0604020202020204" pitchFamily="34" charset="0"/>
              </a:rPr>
              <a:t>.</a:t>
            </a:r>
            <a:r>
              <a:rPr lang="da-DK" sz="1100" noProof="0" dirty="0">
                <a:solidFill>
                  <a:schemeClr val="accent3"/>
                </a:solidFill>
                <a:latin typeface="Arial" panose="020B0604020202020204" pitchFamily="34" charset="0"/>
              </a:rPr>
              <a:t> Generelt set er der stor variation i myndighedernes krav om åbne standarder og </a:t>
            </a:r>
            <a:r>
              <a:rPr lang="da-DK" sz="1100" noProof="0" dirty="0" err="1">
                <a:solidFill>
                  <a:schemeClr val="accent3"/>
                </a:solidFill>
                <a:latin typeface="Arial" panose="020B0604020202020204" pitchFamily="34" charset="0"/>
              </a:rPr>
              <a:t>interoperabilitet</a:t>
            </a:r>
            <a:r>
              <a:rPr lang="da-DK" sz="1100" noProof="0" dirty="0">
                <a:solidFill>
                  <a:schemeClr val="accent3"/>
                </a:solidFill>
                <a:latin typeface="Arial" panose="020B0604020202020204" pitchFamily="34" charset="0"/>
              </a:rPr>
              <a:t>.</a:t>
            </a:r>
          </a:p>
          <a:p>
            <a:pPr marL="171450" indent="-171450">
              <a:spcAft>
                <a:spcPts val="600"/>
              </a:spcAft>
              <a:buClr>
                <a:srgbClr val="000000"/>
              </a:buClr>
              <a:buFont typeface="Arial" panose="020B0604020202020204" pitchFamily="34" charset="0"/>
              <a:buChar char="•"/>
            </a:pPr>
            <a:r>
              <a:rPr lang="da-DK" sz="1100" b="1" noProof="0" dirty="0">
                <a:solidFill>
                  <a:schemeClr val="accent3"/>
                </a:solidFill>
                <a:latin typeface="Arial" panose="020B0604020202020204" pitchFamily="34" charset="0"/>
              </a:rPr>
              <a:t>Kompleks og ressourcekrævende opgave at kontrollere og styre vores digitale løsninger. </a:t>
            </a:r>
            <a:r>
              <a:rPr lang="da-DK" sz="1100" noProof="0" dirty="0">
                <a:solidFill>
                  <a:schemeClr val="accent3"/>
                </a:solidFill>
                <a:latin typeface="Arial" panose="020B0604020202020204" pitchFamily="34" charset="0"/>
              </a:rPr>
              <a:t>Der findes paradigmer for både it-sikkerhed og compliance, krav til kritisk it-infrastruktur og styring af applikationer. Bedste praksis er ikke udbredt, og der ses kun i mindre grad systematisk vurdering af bindinger, exit-planer mv. </a:t>
            </a:r>
          </a:p>
          <a:p>
            <a:pPr marL="171450" indent="-171450">
              <a:spcAft>
                <a:spcPts val="600"/>
              </a:spcAft>
              <a:buClr>
                <a:srgbClr val="000000"/>
              </a:buClr>
              <a:buFont typeface="Arial" panose="020B0604020202020204" pitchFamily="34" charset="0"/>
              <a:buChar char="•"/>
            </a:pPr>
            <a:endParaRPr lang="da-DK" sz="1100" noProof="0" dirty="0">
              <a:solidFill>
                <a:schemeClr val="accent3"/>
              </a:solidFill>
              <a:latin typeface="Arial" panose="020B0604020202020204" pitchFamily="34" charset="0"/>
            </a:endParaRPr>
          </a:p>
          <a:p>
            <a:pPr marL="171450" indent="-171450">
              <a:spcAft>
                <a:spcPts val="600"/>
              </a:spcAft>
              <a:buClr>
                <a:srgbClr val="000000"/>
              </a:buClr>
              <a:buFont typeface="Arial" panose="020B0604020202020204" pitchFamily="34" charset="0"/>
              <a:buChar char="•"/>
            </a:pPr>
            <a:endParaRPr lang="da-DK" sz="1100" noProof="0" dirty="0">
              <a:solidFill>
                <a:schemeClr val="accent3"/>
              </a:solidFill>
              <a:latin typeface="Arial" panose="020B0604020202020204" pitchFamily="34" charset="0"/>
            </a:endParaRPr>
          </a:p>
          <a:p>
            <a:pPr marL="171450" indent="-171450">
              <a:spcAft>
                <a:spcPts val="600"/>
              </a:spcAft>
              <a:buClr>
                <a:srgbClr val="000000"/>
              </a:buClr>
              <a:buFont typeface="Arial" panose="020B0604020202020204" pitchFamily="34" charset="0"/>
              <a:buChar char="•"/>
            </a:pPr>
            <a:endParaRPr lang="da-DK" sz="1100" noProof="0" dirty="0">
              <a:solidFill>
                <a:schemeClr val="accent3"/>
              </a:solidFill>
              <a:latin typeface="Arial" panose="020B0604020202020204" pitchFamily="34" charset="0"/>
            </a:endParaRPr>
          </a:p>
          <a:p>
            <a:pPr marL="171450" indent="-171450">
              <a:spcAft>
                <a:spcPts val="600"/>
              </a:spcAft>
              <a:buClr>
                <a:srgbClr val="000000"/>
              </a:buClr>
              <a:buFont typeface="Arial" panose="020B0604020202020204" pitchFamily="34" charset="0"/>
              <a:buChar char="•"/>
            </a:pPr>
            <a:endParaRPr lang="da-DK" sz="1100" noProof="0" dirty="0">
              <a:solidFill>
                <a:schemeClr val="accent3"/>
              </a:solidFill>
              <a:latin typeface="Arial" panose="020B0604020202020204" pitchFamily="34" charset="0"/>
            </a:endParaRPr>
          </a:p>
        </p:txBody>
      </p:sp>
      <p:sp>
        <p:nvSpPr>
          <p:cNvPr id="13" name="Rektangel: afrundede hjørner 12">
            <a:extLst>
              <a:ext uri="{FF2B5EF4-FFF2-40B4-BE49-F238E27FC236}">
                <a16:creationId xmlns:a16="http://schemas.microsoft.com/office/drawing/2014/main" id="{A7F06F27-204D-3654-6B9C-A58AB5285740}"/>
              </a:ext>
              <a:ext uri="{C183D7F6-B498-43B3-948B-1728B52AA6E4}">
                <adec:decorative xmlns:adec="http://schemas.microsoft.com/office/drawing/2017/decorative" val="1"/>
              </a:ext>
            </a:extLst>
          </p:cNvPr>
          <p:cNvSpPr>
            <a:spLocks/>
          </p:cNvSpPr>
          <p:nvPr/>
        </p:nvSpPr>
        <p:spPr>
          <a:xfrm>
            <a:off x="554355" y="761558"/>
            <a:ext cx="790258" cy="543670"/>
          </a:xfrm>
          <a:prstGeom prst="roundRect">
            <a:avLst>
              <a:gd name="adj" fmla="val 13163"/>
            </a:avLst>
          </a:prstGeom>
          <a:solidFill>
            <a:srgbClr val="E7EDEE"/>
          </a:solidFill>
          <a:ln w="19050">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7" name="Freeform 6">
            <a:extLst>
              <a:ext uri="{FF2B5EF4-FFF2-40B4-BE49-F238E27FC236}">
                <a16:creationId xmlns:a16="http://schemas.microsoft.com/office/drawing/2014/main" id="{1B371BC3-68BD-A9D5-49DA-8CB1C0EF9FBC}"/>
              </a:ext>
              <a:ext uri="{C183D7F6-B498-43B3-948B-1728B52AA6E4}">
                <adec:decorative xmlns:adec="http://schemas.microsoft.com/office/drawing/2017/decorative" val="1"/>
              </a:ext>
            </a:extLst>
          </p:cNvPr>
          <p:cNvSpPr>
            <a:spLocks noChangeAspect="1" noEditPoints="1"/>
          </p:cNvSpPr>
          <p:nvPr/>
        </p:nvSpPr>
        <p:spPr bwMode="auto">
          <a:xfrm>
            <a:off x="755661" y="838993"/>
            <a:ext cx="387646" cy="388800"/>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4" name="Rectangle 3">
            <a:extLst>
              <a:ext uri="{FF2B5EF4-FFF2-40B4-BE49-F238E27FC236}">
                <a16:creationId xmlns:a16="http://schemas.microsoft.com/office/drawing/2014/main" id="{1035D8D3-ECC4-E73E-0AB9-A220CF7DE8A1}"/>
              </a:ext>
            </a:extLst>
          </p:cNvPr>
          <p:cNvSpPr/>
          <p:nvPr/>
        </p:nvSpPr>
        <p:spPr>
          <a:xfrm>
            <a:off x="480039" y="6304616"/>
            <a:ext cx="11183641" cy="22629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defTabSz="914400" eaLnBrk="0" fontAlgn="base" hangingPunct="0">
              <a:spcBef>
                <a:spcPct val="0"/>
              </a:spcBef>
              <a:spcAft>
                <a:spcPct val="0"/>
              </a:spcAft>
            </a:pPr>
            <a:r>
              <a:rPr lang="da-DK" sz="700" i="1" noProof="0" dirty="0">
                <a:solidFill>
                  <a:schemeClr val="tx1"/>
                </a:solidFill>
              </a:rPr>
              <a:t>*Fx, Integrationer med tredjeparter, krypteringsmetoder, autentificeringslogik og adgangskontrol, fejlhåndtering og logning, dataopbevaringsstruktur og metadata, kommunikationsprotokoller og API-kald mv. ** </a:t>
            </a:r>
            <a:r>
              <a:rPr lang="da-DK" sz="700" i="1" noProof="0" dirty="0" err="1">
                <a:solidFill>
                  <a:schemeClr val="tx1"/>
                </a:solidFill>
              </a:rPr>
              <a:t>Backdoors</a:t>
            </a:r>
            <a:r>
              <a:rPr lang="da-DK" sz="700" i="1" noProof="0" dirty="0">
                <a:solidFill>
                  <a:schemeClr val="tx1"/>
                </a:solidFill>
              </a:rPr>
              <a:t>, telemetri og automatiseret dataindsamling, som ikke er dokumenteret eller verificerbar. ***Mange danske it-leverandører anvender 3. partsleverandører og komponenter. Det kan fx være udviklingsplatforme og udviklingsrammeværkøjer som kan være knyttet til større, globale </a:t>
            </a:r>
            <a:r>
              <a:rPr lang="da-DK" sz="700" i="1" noProof="0" dirty="0" err="1">
                <a:solidFill>
                  <a:schemeClr val="tx1"/>
                </a:solidFill>
              </a:rPr>
              <a:t>techgiganter</a:t>
            </a:r>
            <a:r>
              <a:rPr lang="da-DK" sz="700" i="1" noProof="0" dirty="0">
                <a:solidFill>
                  <a:schemeClr val="tx1"/>
                </a:solidFill>
              </a:rPr>
              <a:t>. På trods af, at leverandøren er i kontrol med egen løsning og underlagt dansk og europæisk regulering, er der en række yderligere afhængigheder, som ikke nødvendigvis er kritiske ifm. daglig produktion, men som kan bremse og forsinke udviklingsopgaver. </a:t>
            </a:r>
          </a:p>
        </p:txBody>
      </p:sp>
      <p:sp>
        <p:nvSpPr>
          <p:cNvPr id="3" name="Rektangel 9">
            <a:extLst>
              <a:ext uri="{FF2B5EF4-FFF2-40B4-BE49-F238E27FC236}">
                <a16:creationId xmlns:a16="http://schemas.microsoft.com/office/drawing/2014/main" id="{F9094619-641F-775F-E4A7-C1DB0F7963E8}"/>
              </a:ext>
              <a:ext uri="{C183D7F6-B498-43B3-948B-1728B52AA6E4}">
                <adec:decorative xmlns:adec="http://schemas.microsoft.com/office/drawing/2017/decorative" val="1"/>
              </a:ext>
            </a:extLst>
          </p:cNvPr>
          <p:cNvSpPr/>
          <p:nvPr/>
        </p:nvSpPr>
        <p:spPr>
          <a:xfrm>
            <a:off x="554355"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a:solidFill>
                  <a:schemeClr val="bg1"/>
                </a:solidFill>
              </a:rPr>
              <a:t>Situation</a:t>
            </a:r>
          </a:p>
        </p:txBody>
      </p:sp>
      <p:grpSp>
        <p:nvGrpSpPr>
          <p:cNvPr id="5" name="Group 1">
            <a:extLst>
              <a:ext uri="{FF2B5EF4-FFF2-40B4-BE49-F238E27FC236}">
                <a16:creationId xmlns:a16="http://schemas.microsoft.com/office/drawing/2014/main" id="{8F975587-1C81-903E-E6EA-C05B467D6A2D}"/>
              </a:ext>
              <a:ext uri="{C183D7F6-B498-43B3-948B-1728B52AA6E4}">
                <adec:decorative xmlns:adec="http://schemas.microsoft.com/office/drawing/2017/decorative" val="1"/>
              </a:ext>
            </a:extLst>
          </p:cNvPr>
          <p:cNvGrpSpPr>
            <a:grpSpLocks noChangeAspect="1"/>
          </p:cNvGrpSpPr>
          <p:nvPr/>
        </p:nvGrpSpPr>
        <p:grpSpPr>
          <a:xfrm>
            <a:off x="639485" y="1686479"/>
            <a:ext cx="274068" cy="246061"/>
            <a:chOff x="-4005223" y="8579"/>
            <a:chExt cx="1125879" cy="1010826"/>
          </a:xfrm>
          <a:solidFill>
            <a:schemeClr val="bg1"/>
          </a:solidFill>
        </p:grpSpPr>
        <p:sp>
          <p:nvSpPr>
            <p:cNvPr id="7" name="Freeform: Shape 2">
              <a:extLst>
                <a:ext uri="{FF2B5EF4-FFF2-40B4-BE49-F238E27FC236}">
                  <a16:creationId xmlns:a16="http://schemas.microsoft.com/office/drawing/2014/main" id="{3D3512FC-B0A5-FD41-DF53-3E16B2865D65}"/>
                </a:ext>
              </a:extLst>
            </p:cNvPr>
            <p:cNvSpPr/>
            <p:nvPr/>
          </p:nvSpPr>
          <p:spPr>
            <a:xfrm>
              <a:off x="-4005223" y="8579"/>
              <a:ext cx="1125879" cy="1010826"/>
            </a:xfrm>
            <a:custGeom>
              <a:avLst/>
              <a:gdLst>
                <a:gd name="connsiteX0" fmla="*/ 1097897 w 1125878"/>
                <a:gd name="connsiteY0" fmla="*/ 805990 h 1010825"/>
                <a:gd name="connsiteX1" fmla="*/ 681651 w 1125878"/>
                <a:gd name="connsiteY1" fmla="*/ 85263 h 1010825"/>
                <a:gd name="connsiteX2" fmla="*/ 563721 w 1125878"/>
                <a:gd name="connsiteY2" fmla="*/ 3082 h 1010825"/>
                <a:gd name="connsiteX3" fmla="*/ 445380 w 1125878"/>
                <a:gd name="connsiteY3" fmla="*/ 85263 h 1010825"/>
                <a:gd name="connsiteX4" fmla="*/ 29545 w 1125878"/>
                <a:gd name="connsiteY4" fmla="*/ 805990 h 1010825"/>
                <a:gd name="connsiteX5" fmla="*/ 17629 w 1125878"/>
                <a:gd name="connsiteY5" fmla="*/ 949395 h 1010825"/>
                <a:gd name="connsiteX6" fmla="*/ 147885 w 1125878"/>
                <a:gd name="connsiteY6" fmla="*/ 1010620 h 1010825"/>
                <a:gd name="connsiteX7" fmla="*/ 979967 w 1125878"/>
                <a:gd name="connsiteY7" fmla="*/ 1010620 h 1010825"/>
                <a:gd name="connsiteX8" fmla="*/ 1110225 w 1125878"/>
                <a:gd name="connsiteY8" fmla="*/ 949395 h 1010825"/>
                <a:gd name="connsiteX9" fmla="*/ 1097897 w 1125878"/>
                <a:gd name="connsiteY9" fmla="*/ 805990 h 1010825"/>
                <a:gd name="connsiteX10" fmla="*/ 1076119 w 1125878"/>
                <a:gd name="connsiteY10" fmla="*/ 929672 h 1010825"/>
                <a:gd name="connsiteX11" fmla="*/ 979967 w 1125878"/>
                <a:gd name="connsiteY11" fmla="*/ 971584 h 1010825"/>
                <a:gd name="connsiteX12" fmla="*/ 147475 w 1125878"/>
                <a:gd name="connsiteY12" fmla="*/ 971584 h 1010825"/>
                <a:gd name="connsiteX13" fmla="*/ 51323 w 1125878"/>
                <a:gd name="connsiteY13" fmla="*/ 929672 h 1010825"/>
                <a:gd name="connsiteX14" fmla="*/ 63239 w 1125878"/>
                <a:gd name="connsiteY14" fmla="*/ 825302 h 1010825"/>
                <a:gd name="connsiteX15" fmla="*/ 479074 w 1125878"/>
                <a:gd name="connsiteY15" fmla="*/ 104575 h 1010825"/>
                <a:gd name="connsiteX16" fmla="*/ 563310 w 1125878"/>
                <a:gd name="connsiteY16" fmla="*/ 42118 h 1010825"/>
                <a:gd name="connsiteX17" fmla="*/ 647545 w 1125878"/>
                <a:gd name="connsiteY17" fmla="*/ 104575 h 1010825"/>
                <a:gd name="connsiteX18" fmla="*/ 1063792 w 1125878"/>
                <a:gd name="connsiteY18" fmla="*/ 825302 h 1010825"/>
                <a:gd name="connsiteX19" fmla="*/ 1076119 w 1125878"/>
                <a:gd name="connsiteY19" fmla="*/ 929672 h 10108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125878" h="1010825">
                  <a:moveTo>
                    <a:pt x="1097897" y="805990"/>
                  </a:moveTo>
                  <a:lnTo>
                    <a:pt x="681651" y="85263"/>
                  </a:lnTo>
                  <a:cubicBezTo>
                    <a:pt x="651244" y="32256"/>
                    <a:pt x="609332" y="3082"/>
                    <a:pt x="563721" y="3082"/>
                  </a:cubicBezTo>
                  <a:cubicBezTo>
                    <a:pt x="518110" y="3082"/>
                    <a:pt x="476198" y="32256"/>
                    <a:pt x="445380" y="85263"/>
                  </a:cubicBezTo>
                  <a:lnTo>
                    <a:pt x="29545" y="805990"/>
                  </a:lnTo>
                  <a:cubicBezTo>
                    <a:pt x="-862" y="858996"/>
                    <a:pt x="-5382" y="909949"/>
                    <a:pt x="17629" y="949395"/>
                  </a:cubicBezTo>
                  <a:cubicBezTo>
                    <a:pt x="40228" y="988842"/>
                    <a:pt x="86661" y="1010620"/>
                    <a:pt x="147885" y="1010620"/>
                  </a:cubicBezTo>
                  <a:lnTo>
                    <a:pt x="979967" y="1010620"/>
                  </a:lnTo>
                  <a:cubicBezTo>
                    <a:pt x="1041192" y="1010620"/>
                    <a:pt x="1087214" y="988842"/>
                    <a:pt x="1110225" y="949395"/>
                  </a:cubicBezTo>
                  <a:cubicBezTo>
                    <a:pt x="1132413" y="909538"/>
                    <a:pt x="1128304" y="858585"/>
                    <a:pt x="1097897" y="805990"/>
                  </a:cubicBezTo>
                  <a:close/>
                  <a:moveTo>
                    <a:pt x="1076119" y="929672"/>
                  </a:moveTo>
                  <a:cubicBezTo>
                    <a:pt x="1060916" y="956381"/>
                    <a:pt x="1025578" y="971584"/>
                    <a:pt x="979967" y="971584"/>
                  </a:cubicBezTo>
                  <a:lnTo>
                    <a:pt x="147475" y="971584"/>
                  </a:lnTo>
                  <a:cubicBezTo>
                    <a:pt x="101453" y="971584"/>
                    <a:pt x="66526" y="956381"/>
                    <a:pt x="51323" y="929672"/>
                  </a:cubicBezTo>
                  <a:cubicBezTo>
                    <a:pt x="36119" y="902963"/>
                    <a:pt x="40228" y="865160"/>
                    <a:pt x="63239" y="825302"/>
                  </a:cubicBezTo>
                  <a:lnTo>
                    <a:pt x="479074" y="104575"/>
                  </a:lnTo>
                  <a:cubicBezTo>
                    <a:pt x="502086" y="64718"/>
                    <a:pt x="532903" y="42118"/>
                    <a:pt x="563310" y="42118"/>
                  </a:cubicBezTo>
                  <a:cubicBezTo>
                    <a:pt x="594128" y="42118"/>
                    <a:pt x="624535" y="64718"/>
                    <a:pt x="647545" y="104575"/>
                  </a:cubicBezTo>
                  <a:lnTo>
                    <a:pt x="1063792" y="825302"/>
                  </a:lnTo>
                  <a:cubicBezTo>
                    <a:pt x="1086803" y="865160"/>
                    <a:pt x="1091323" y="902963"/>
                    <a:pt x="1076119" y="929672"/>
                  </a:cubicBezTo>
                  <a:close/>
                </a:path>
              </a:pathLst>
            </a:custGeom>
            <a:grpFill/>
            <a:ln w="9525" cap="flat">
              <a:noFill/>
              <a:prstDash val="solid"/>
              <a:miter/>
            </a:ln>
          </p:spPr>
          <p:txBody>
            <a:bodyPr rtlCol="0" anchor="ctr"/>
            <a:lstStyle/>
            <a:p>
              <a:endParaRPr lang="da-DK" noProof="0"/>
            </a:p>
          </p:txBody>
        </p:sp>
        <p:sp>
          <p:nvSpPr>
            <p:cNvPr id="8" name="Freeform: Shape 3">
              <a:extLst>
                <a:ext uri="{FF2B5EF4-FFF2-40B4-BE49-F238E27FC236}">
                  <a16:creationId xmlns:a16="http://schemas.microsoft.com/office/drawing/2014/main" id="{5457C78D-FB28-0B7F-9256-1C7F0106D4FF}"/>
                </a:ext>
              </a:extLst>
            </p:cNvPr>
            <p:cNvSpPr/>
            <p:nvPr/>
          </p:nvSpPr>
          <p:spPr>
            <a:xfrm>
              <a:off x="-3519369" y="738757"/>
              <a:ext cx="152035" cy="152035"/>
            </a:xfrm>
            <a:custGeom>
              <a:avLst/>
              <a:gdLst>
                <a:gd name="connsiteX0" fmla="*/ 130462 w 152034"/>
                <a:gd name="connsiteY0" fmla="*/ 24449 h 152034"/>
                <a:gd name="connsiteX1" fmla="*/ 78278 w 152034"/>
                <a:gd name="connsiteY1" fmla="*/ 3082 h 152034"/>
                <a:gd name="connsiteX2" fmla="*/ 25271 w 152034"/>
                <a:gd name="connsiteY2" fmla="*/ 24860 h 152034"/>
                <a:gd name="connsiteX3" fmla="*/ 3082 w 152034"/>
                <a:gd name="connsiteY3" fmla="*/ 77867 h 152034"/>
                <a:gd name="connsiteX4" fmla="*/ 25271 w 152034"/>
                <a:gd name="connsiteY4" fmla="*/ 130462 h 152034"/>
                <a:gd name="connsiteX5" fmla="*/ 78278 w 152034"/>
                <a:gd name="connsiteY5" fmla="*/ 152651 h 152034"/>
                <a:gd name="connsiteX6" fmla="*/ 130051 w 152034"/>
                <a:gd name="connsiteY6" fmla="*/ 130873 h 152034"/>
                <a:gd name="connsiteX7" fmla="*/ 152240 w 152034"/>
                <a:gd name="connsiteY7" fmla="*/ 77867 h 152034"/>
                <a:gd name="connsiteX8" fmla="*/ 130462 w 152034"/>
                <a:gd name="connsiteY8" fmla="*/ 24449 h 152034"/>
                <a:gd name="connsiteX9" fmla="*/ 108685 w 152034"/>
                <a:gd name="connsiteY9" fmla="*/ 108684 h 152034"/>
                <a:gd name="connsiteX10" fmla="*/ 78278 w 152034"/>
                <a:gd name="connsiteY10" fmla="*/ 121833 h 152034"/>
                <a:gd name="connsiteX11" fmla="*/ 47049 w 152034"/>
                <a:gd name="connsiteY11" fmla="*/ 108684 h 152034"/>
                <a:gd name="connsiteX12" fmla="*/ 33900 w 152034"/>
                <a:gd name="connsiteY12" fmla="*/ 77867 h 152034"/>
                <a:gd name="connsiteX13" fmla="*/ 47049 w 152034"/>
                <a:gd name="connsiteY13" fmla="*/ 47049 h 152034"/>
                <a:gd name="connsiteX14" fmla="*/ 78278 w 152034"/>
                <a:gd name="connsiteY14" fmla="*/ 34311 h 152034"/>
                <a:gd name="connsiteX15" fmla="*/ 108685 w 152034"/>
                <a:gd name="connsiteY15" fmla="*/ 47049 h 152034"/>
                <a:gd name="connsiteX16" fmla="*/ 121833 w 152034"/>
                <a:gd name="connsiteY16" fmla="*/ 78277 h 152034"/>
                <a:gd name="connsiteX17" fmla="*/ 108685 w 152034"/>
                <a:gd name="connsiteY17" fmla="*/ 108684 h 1520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52034" h="152034">
                  <a:moveTo>
                    <a:pt x="130462" y="24449"/>
                  </a:moveTo>
                  <a:cubicBezTo>
                    <a:pt x="116081" y="10478"/>
                    <a:pt x="98001" y="3082"/>
                    <a:pt x="78278" y="3082"/>
                  </a:cubicBezTo>
                  <a:cubicBezTo>
                    <a:pt x="58143" y="3082"/>
                    <a:pt x="39652" y="10478"/>
                    <a:pt x="25271" y="24860"/>
                  </a:cubicBezTo>
                  <a:cubicBezTo>
                    <a:pt x="10889" y="39241"/>
                    <a:pt x="3082" y="57321"/>
                    <a:pt x="3082" y="77867"/>
                  </a:cubicBezTo>
                  <a:cubicBezTo>
                    <a:pt x="3082" y="98001"/>
                    <a:pt x="10889" y="116081"/>
                    <a:pt x="25271" y="130462"/>
                  </a:cubicBezTo>
                  <a:cubicBezTo>
                    <a:pt x="39652" y="144844"/>
                    <a:pt x="58143" y="152651"/>
                    <a:pt x="78278" y="152651"/>
                  </a:cubicBezTo>
                  <a:cubicBezTo>
                    <a:pt x="97590" y="152651"/>
                    <a:pt x="115670" y="145255"/>
                    <a:pt x="130051" y="130873"/>
                  </a:cubicBezTo>
                  <a:cubicBezTo>
                    <a:pt x="144844" y="116492"/>
                    <a:pt x="152240" y="98412"/>
                    <a:pt x="152240" y="77867"/>
                  </a:cubicBezTo>
                  <a:cubicBezTo>
                    <a:pt x="152651" y="57321"/>
                    <a:pt x="144844" y="38831"/>
                    <a:pt x="130462" y="24449"/>
                  </a:cubicBezTo>
                  <a:close/>
                  <a:moveTo>
                    <a:pt x="108685" y="108684"/>
                  </a:moveTo>
                  <a:cubicBezTo>
                    <a:pt x="99644" y="117724"/>
                    <a:pt x="89783" y="121833"/>
                    <a:pt x="78278" y="121833"/>
                  </a:cubicBezTo>
                  <a:cubicBezTo>
                    <a:pt x="65950" y="121833"/>
                    <a:pt x="56089" y="117724"/>
                    <a:pt x="47049" y="108684"/>
                  </a:cubicBezTo>
                  <a:cubicBezTo>
                    <a:pt x="38009" y="99644"/>
                    <a:pt x="33900" y="90194"/>
                    <a:pt x="33900" y="77867"/>
                  </a:cubicBezTo>
                  <a:cubicBezTo>
                    <a:pt x="33900" y="65539"/>
                    <a:pt x="38009" y="55678"/>
                    <a:pt x="47049" y="47049"/>
                  </a:cubicBezTo>
                  <a:cubicBezTo>
                    <a:pt x="56089" y="38420"/>
                    <a:pt x="65950" y="34311"/>
                    <a:pt x="78278" y="34311"/>
                  </a:cubicBezTo>
                  <a:cubicBezTo>
                    <a:pt x="90194" y="34311"/>
                    <a:pt x="100055" y="38420"/>
                    <a:pt x="108685" y="47049"/>
                  </a:cubicBezTo>
                  <a:cubicBezTo>
                    <a:pt x="117724" y="55678"/>
                    <a:pt x="121833" y="65539"/>
                    <a:pt x="121833" y="78277"/>
                  </a:cubicBezTo>
                  <a:cubicBezTo>
                    <a:pt x="121833" y="90194"/>
                    <a:pt x="117724" y="100055"/>
                    <a:pt x="108685" y="108684"/>
                  </a:cubicBezTo>
                  <a:close/>
                </a:path>
              </a:pathLst>
            </a:custGeom>
            <a:grpFill/>
            <a:ln w="9525" cap="flat">
              <a:noFill/>
              <a:prstDash val="solid"/>
              <a:miter/>
            </a:ln>
          </p:spPr>
          <p:txBody>
            <a:bodyPr rtlCol="0" anchor="ctr"/>
            <a:lstStyle/>
            <a:p>
              <a:endParaRPr lang="da-DK" noProof="0"/>
            </a:p>
          </p:txBody>
        </p:sp>
        <p:sp>
          <p:nvSpPr>
            <p:cNvPr id="10" name="Freeform: Shape 4">
              <a:extLst>
                <a:ext uri="{FF2B5EF4-FFF2-40B4-BE49-F238E27FC236}">
                  <a16:creationId xmlns:a16="http://schemas.microsoft.com/office/drawing/2014/main" id="{D4EAF238-9CD1-67BD-C2B8-932558D9A43A}"/>
                </a:ext>
              </a:extLst>
            </p:cNvPr>
            <p:cNvSpPr/>
            <p:nvPr/>
          </p:nvSpPr>
          <p:spPr>
            <a:xfrm>
              <a:off x="-3536163" y="230057"/>
              <a:ext cx="180798" cy="460213"/>
            </a:xfrm>
            <a:custGeom>
              <a:avLst/>
              <a:gdLst>
                <a:gd name="connsiteX0" fmla="*/ 179308 w 180798"/>
                <a:gd name="connsiteY0" fmla="*/ 105808 h 460213"/>
                <a:gd name="connsiteX1" fmla="*/ 155064 w 180798"/>
                <a:gd name="connsiteY1" fmla="*/ 28969 h 460213"/>
                <a:gd name="connsiteX2" fmla="*/ 89730 w 180798"/>
                <a:gd name="connsiteY2" fmla="*/ 3082 h 460213"/>
                <a:gd name="connsiteX3" fmla="*/ 25218 w 180798"/>
                <a:gd name="connsiteY3" fmla="*/ 28969 h 460213"/>
                <a:gd name="connsiteX4" fmla="*/ 3440 w 180798"/>
                <a:gd name="connsiteY4" fmla="*/ 105397 h 460213"/>
                <a:gd name="connsiteX5" fmla="*/ 33026 w 180798"/>
                <a:gd name="connsiteY5" fmla="*/ 446037 h 460213"/>
                <a:gd name="connsiteX6" fmla="*/ 48229 w 180798"/>
                <a:gd name="connsiteY6" fmla="*/ 460008 h 460213"/>
                <a:gd name="connsiteX7" fmla="*/ 135341 w 180798"/>
                <a:gd name="connsiteY7" fmla="*/ 460008 h 460213"/>
                <a:gd name="connsiteX8" fmla="*/ 150544 w 180798"/>
                <a:gd name="connsiteY8" fmla="*/ 446037 h 460213"/>
                <a:gd name="connsiteX9" fmla="*/ 179308 w 180798"/>
                <a:gd name="connsiteY9" fmla="*/ 105808 h 460213"/>
                <a:gd name="connsiteX10" fmla="*/ 148490 w 180798"/>
                <a:gd name="connsiteY10" fmla="*/ 102932 h 460213"/>
                <a:gd name="connsiteX11" fmla="*/ 121781 w 180798"/>
                <a:gd name="connsiteY11" fmla="*/ 426725 h 460213"/>
                <a:gd name="connsiteX12" fmla="*/ 121781 w 180798"/>
                <a:gd name="connsiteY12" fmla="*/ 428779 h 460213"/>
                <a:gd name="connsiteX13" fmla="*/ 119727 w 180798"/>
                <a:gd name="connsiteY13" fmla="*/ 428779 h 460213"/>
                <a:gd name="connsiteX14" fmla="*/ 64665 w 180798"/>
                <a:gd name="connsiteY14" fmla="*/ 428779 h 460213"/>
                <a:gd name="connsiteX15" fmla="*/ 62611 w 180798"/>
                <a:gd name="connsiteY15" fmla="*/ 428779 h 460213"/>
                <a:gd name="connsiteX16" fmla="*/ 62611 w 180798"/>
                <a:gd name="connsiteY16" fmla="*/ 426725 h 460213"/>
                <a:gd name="connsiteX17" fmla="*/ 34258 w 180798"/>
                <a:gd name="connsiteY17" fmla="*/ 101699 h 460213"/>
                <a:gd name="connsiteX18" fmla="*/ 48229 w 180798"/>
                <a:gd name="connsiteY18" fmla="*/ 49103 h 460213"/>
                <a:gd name="connsiteX19" fmla="*/ 89730 w 180798"/>
                <a:gd name="connsiteY19" fmla="*/ 33489 h 460213"/>
                <a:gd name="connsiteX20" fmla="*/ 132054 w 180798"/>
                <a:gd name="connsiteY20" fmla="*/ 49103 h 460213"/>
                <a:gd name="connsiteX21" fmla="*/ 148490 w 180798"/>
                <a:gd name="connsiteY21" fmla="*/ 102932 h 4602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80798" h="460213">
                  <a:moveTo>
                    <a:pt x="179308" y="105808"/>
                  </a:moveTo>
                  <a:cubicBezTo>
                    <a:pt x="179719" y="100877"/>
                    <a:pt x="182184" y="58554"/>
                    <a:pt x="155064" y="28969"/>
                  </a:cubicBezTo>
                  <a:cubicBezTo>
                    <a:pt x="144381" y="17053"/>
                    <a:pt x="124246" y="3082"/>
                    <a:pt x="89730" y="3082"/>
                  </a:cubicBezTo>
                  <a:cubicBezTo>
                    <a:pt x="55214" y="3082"/>
                    <a:pt x="35491" y="17053"/>
                    <a:pt x="25218" y="28969"/>
                  </a:cubicBezTo>
                  <a:cubicBezTo>
                    <a:pt x="-1490" y="58965"/>
                    <a:pt x="3440" y="103343"/>
                    <a:pt x="3440" y="105397"/>
                  </a:cubicBezTo>
                  <a:lnTo>
                    <a:pt x="33026" y="446037"/>
                  </a:lnTo>
                  <a:cubicBezTo>
                    <a:pt x="33847" y="454255"/>
                    <a:pt x="40422" y="460008"/>
                    <a:pt x="48229" y="460008"/>
                  </a:cubicBezTo>
                  <a:lnTo>
                    <a:pt x="135341" y="460008"/>
                  </a:lnTo>
                  <a:cubicBezTo>
                    <a:pt x="143148" y="460008"/>
                    <a:pt x="150134" y="453844"/>
                    <a:pt x="150544" y="446037"/>
                  </a:cubicBezTo>
                  <a:lnTo>
                    <a:pt x="179308" y="105808"/>
                  </a:lnTo>
                  <a:close/>
                  <a:moveTo>
                    <a:pt x="148490" y="102932"/>
                  </a:moveTo>
                  <a:lnTo>
                    <a:pt x="121781" y="426725"/>
                  </a:lnTo>
                  <a:lnTo>
                    <a:pt x="121781" y="428779"/>
                  </a:lnTo>
                  <a:lnTo>
                    <a:pt x="119727" y="428779"/>
                  </a:lnTo>
                  <a:lnTo>
                    <a:pt x="64665" y="428779"/>
                  </a:lnTo>
                  <a:lnTo>
                    <a:pt x="62611" y="428779"/>
                  </a:lnTo>
                  <a:lnTo>
                    <a:pt x="62611" y="426725"/>
                  </a:lnTo>
                  <a:lnTo>
                    <a:pt x="34258" y="101699"/>
                  </a:lnTo>
                  <a:cubicBezTo>
                    <a:pt x="33437" y="93481"/>
                    <a:pt x="33847" y="65539"/>
                    <a:pt x="48229" y="49103"/>
                  </a:cubicBezTo>
                  <a:cubicBezTo>
                    <a:pt x="51516" y="45405"/>
                    <a:pt x="62200" y="33489"/>
                    <a:pt x="89730" y="33489"/>
                  </a:cubicBezTo>
                  <a:cubicBezTo>
                    <a:pt x="108632" y="33489"/>
                    <a:pt x="122192" y="38420"/>
                    <a:pt x="132054" y="49103"/>
                  </a:cubicBezTo>
                  <a:cubicBezTo>
                    <a:pt x="147668" y="65950"/>
                    <a:pt x="149312" y="93892"/>
                    <a:pt x="148490" y="102932"/>
                  </a:cubicBezTo>
                  <a:close/>
                </a:path>
              </a:pathLst>
            </a:custGeom>
            <a:grpFill/>
            <a:ln w="9525" cap="flat">
              <a:noFill/>
              <a:prstDash val="solid"/>
              <a:miter/>
            </a:ln>
          </p:spPr>
          <p:txBody>
            <a:bodyPr rtlCol="0" anchor="ctr"/>
            <a:lstStyle/>
            <a:p>
              <a:endParaRPr lang="da-DK" noProof="0"/>
            </a:p>
          </p:txBody>
        </p:sp>
      </p:grpSp>
      <p:sp>
        <p:nvSpPr>
          <p:cNvPr id="11" name="Rektangel 9">
            <a:extLst>
              <a:ext uri="{FF2B5EF4-FFF2-40B4-BE49-F238E27FC236}">
                <a16:creationId xmlns:a16="http://schemas.microsoft.com/office/drawing/2014/main" id="{AB330A7C-BDED-A5A9-27EC-50ACE67B1D4E}"/>
              </a:ext>
              <a:ext uri="{C183D7F6-B498-43B3-948B-1728B52AA6E4}">
                <adec:decorative xmlns:adec="http://schemas.microsoft.com/office/drawing/2017/decorative" val="1"/>
              </a:ext>
            </a:extLst>
          </p:cNvPr>
          <p:cNvSpPr>
            <a:spLocks/>
          </p:cNvSpPr>
          <p:nvPr/>
        </p:nvSpPr>
        <p:spPr>
          <a:xfrm>
            <a:off x="4343103"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a:solidFill>
                  <a:schemeClr val="bg1"/>
                </a:solidFill>
              </a:rPr>
              <a:t> Problemer</a:t>
            </a:r>
          </a:p>
        </p:txBody>
      </p:sp>
      <p:sp>
        <p:nvSpPr>
          <p:cNvPr id="12" name="Rektangel 9">
            <a:extLst>
              <a:ext uri="{FF2B5EF4-FFF2-40B4-BE49-F238E27FC236}">
                <a16:creationId xmlns:a16="http://schemas.microsoft.com/office/drawing/2014/main" id="{700182EF-39EF-1558-9F99-209190C2F3F8}"/>
              </a:ext>
              <a:ext uri="{C183D7F6-B498-43B3-948B-1728B52AA6E4}">
                <adec:decorative xmlns:adec="http://schemas.microsoft.com/office/drawing/2017/decorative" val="1"/>
              </a:ext>
            </a:extLst>
          </p:cNvPr>
          <p:cNvSpPr>
            <a:spLocks/>
          </p:cNvSpPr>
          <p:nvPr/>
        </p:nvSpPr>
        <p:spPr>
          <a:xfrm>
            <a:off x="8133980"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a:solidFill>
                  <a:schemeClr val="bg1"/>
                </a:solidFill>
              </a:rPr>
              <a:t>Strukturelle barrierer</a:t>
            </a:r>
          </a:p>
        </p:txBody>
      </p:sp>
      <p:grpSp>
        <p:nvGrpSpPr>
          <p:cNvPr id="14" name="Group 1">
            <a:extLst>
              <a:ext uri="{FF2B5EF4-FFF2-40B4-BE49-F238E27FC236}">
                <a16:creationId xmlns:a16="http://schemas.microsoft.com/office/drawing/2014/main" id="{B1F6CA50-CFF6-5BE9-4CEE-7936E5CC0A4C}"/>
              </a:ext>
              <a:ext uri="{C183D7F6-B498-43B3-948B-1728B52AA6E4}">
                <adec:decorative xmlns:adec="http://schemas.microsoft.com/office/drawing/2017/decorative" val="1"/>
              </a:ext>
            </a:extLst>
          </p:cNvPr>
          <p:cNvGrpSpPr>
            <a:grpSpLocks noChangeAspect="1"/>
          </p:cNvGrpSpPr>
          <p:nvPr/>
        </p:nvGrpSpPr>
        <p:grpSpPr>
          <a:xfrm>
            <a:off x="8224868" y="1687109"/>
            <a:ext cx="244800" cy="244800"/>
            <a:chOff x="606791" y="2013550"/>
            <a:chExt cx="589924" cy="589924"/>
          </a:xfrm>
          <a:solidFill>
            <a:schemeClr val="bg1"/>
          </a:solidFill>
        </p:grpSpPr>
        <p:sp>
          <p:nvSpPr>
            <p:cNvPr id="15" name="Freeform: Shape 2">
              <a:extLst>
                <a:ext uri="{FF2B5EF4-FFF2-40B4-BE49-F238E27FC236}">
                  <a16:creationId xmlns:a16="http://schemas.microsoft.com/office/drawing/2014/main" id="{E455D37B-A5C1-7F7E-7FEF-EC9837A13AFF}"/>
                </a:ext>
              </a:extLst>
            </p:cNvPr>
            <p:cNvSpPr/>
            <p:nvPr/>
          </p:nvSpPr>
          <p:spPr>
            <a:xfrm>
              <a:off x="606791" y="2013550"/>
              <a:ext cx="589924" cy="589924"/>
            </a:xfrm>
            <a:custGeom>
              <a:avLst/>
              <a:gdLst>
                <a:gd name="connsiteX0" fmla="*/ 501054 w 589923"/>
                <a:gd name="connsiteY0" fmla="*/ 258553 h 589923"/>
                <a:gd name="connsiteX1" fmla="*/ 501054 w 589923"/>
                <a:gd name="connsiteY1" fmla="*/ 253841 h 589923"/>
                <a:gd name="connsiteX2" fmla="*/ 505767 w 589923"/>
                <a:gd name="connsiteY2" fmla="*/ 253841 h 589923"/>
                <a:gd name="connsiteX3" fmla="*/ 519366 w 589923"/>
                <a:gd name="connsiteY3" fmla="*/ 253841 h 589923"/>
                <a:gd name="connsiteX4" fmla="*/ 581818 w 589923"/>
                <a:gd name="connsiteY4" fmla="*/ 253841 h 589923"/>
                <a:gd name="connsiteX5" fmla="*/ 590050 w 589923"/>
                <a:gd name="connsiteY5" fmla="*/ 245610 h 589923"/>
                <a:gd name="connsiteX6" fmla="*/ 590050 w 589923"/>
                <a:gd name="connsiteY6" fmla="*/ 126909 h 589923"/>
                <a:gd name="connsiteX7" fmla="*/ 581818 w 589923"/>
                <a:gd name="connsiteY7" fmla="*/ 118678 h 589923"/>
                <a:gd name="connsiteX8" fmla="*/ 574362 w 589923"/>
                <a:gd name="connsiteY8" fmla="*/ 118678 h 589923"/>
                <a:gd name="connsiteX9" fmla="*/ 505737 w 589923"/>
                <a:gd name="connsiteY9" fmla="*/ 118678 h 589923"/>
                <a:gd name="connsiteX10" fmla="*/ 501025 w 589923"/>
                <a:gd name="connsiteY10" fmla="*/ 118678 h 589923"/>
                <a:gd name="connsiteX11" fmla="*/ 501025 w 589923"/>
                <a:gd name="connsiteY11" fmla="*/ 113965 h 589923"/>
                <a:gd name="connsiteX12" fmla="*/ 501025 w 589923"/>
                <a:gd name="connsiteY12" fmla="*/ 88824 h 589923"/>
                <a:gd name="connsiteX13" fmla="*/ 501025 w 589923"/>
                <a:gd name="connsiteY13" fmla="*/ 86557 h 589923"/>
                <a:gd name="connsiteX14" fmla="*/ 502814 w 589923"/>
                <a:gd name="connsiteY14" fmla="*/ 85125 h 589923"/>
                <a:gd name="connsiteX15" fmla="*/ 520828 w 589923"/>
                <a:gd name="connsiteY15" fmla="*/ 47785 h 589923"/>
                <a:gd name="connsiteX16" fmla="*/ 473019 w 589923"/>
                <a:gd name="connsiteY16" fmla="*/ 7 h 589923"/>
                <a:gd name="connsiteX17" fmla="*/ 425241 w 589923"/>
                <a:gd name="connsiteY17" fmla="*/ 47785 h 589923"/>
                <a:gd name="connsiteX18" fmla="*/ 443255 w 589923"/>
                <a:gd name="connsiteY18" fmla="*/ 85125 h 589923"/>
                <a:gd name="connsiteX19" fmla="*/ 445044 w 589923"/>
                <a:gd name="connsiteY19" fmla="*/ 86557 h 589923"/>
                <a:gd name="connsiteX20" fmla="*/ 445044 w 589923"/>
                <a:gd name="connsiteY20" fmla="*/ 88824 h 589923"/>
                <a:gd name="connsiteX21" fmla="*/ 445044 w 589923"/>
                <a:gd name="connsiteY21" fmla="*/ 113965 h 589923"/>
                <a:gd name="connsiteX22" fmla="*/ 445044 w 589923"/>
                <a:gd name="connsiteY22" fmla="*/ 118678 h 589923"/>
                <a:gd name="connsiteX23" fmla="*/ 440332 w 589923"/>
                <a:gd name="connsiteY23" fmla="*/ 118678 h 589923"/>
                <a:gd name="connsiteX24" fmla="*/ 363058 w 589923"/>
                <a:gd name="connsiteY24" fmla="*/ 118678 h 589923"/>
                <a:gd name="connsiteX25" fmla="*/ 325897 w 589923"/>
                <a:gd name="connsiteY25" fmla="*/ 118678 h 589923"/>
                <a:gd name="connsiteX26" fmla="*/ 321184 w 589923"/>
                <a:gd name="connsiteY26" fmla="*/ 118678 h 589923"/>
                <a:gd name="connsiteX27" fmla="*/ 321184 w 589923"/>
                <a:gd name="connsiteY27" fmla="*/ 113965 h 589923"/>
                <a:gd name="connsiteX28" fmla="*/ 321184 w 589923"/>
                <a:gd name="connsiteY28" fmla="*/ 88824 h 589923"/>
                <a:gd name="connsiteX29" fmla="*/ 321184 w 589923"/>
                <a:gd name="connsiteY29" fmla="*/ 86557 h 589923"/>
                <a:gd name="connsiteX30" fmla="*/ 322944 w 589923"/>
                <a:gd name="connsiteY30" fmla="*/ 85125 h 589923"/>
                <a:gd name="connsiteX31" fmla="*/ 340958 w 589923"/>
                <a:gd name="connsiteY31" fmla="*/ 47785 h 589923"/>
                <a:gd name="connsiteX32" fmla="*/ 293179 w 589923"/>
                <a:gd name="connsiteY32" fmla="*/ 7 h 589923"/>
                <a:gd name="connsiteX33" fmla="*/ 245371 w 589923"/>
                <a:gd name="connsiteY33" fmla="*/ 47785 h 589923"/>
                <a:gd name="connsiteX34" fmla="*/ 263385 w 589923"/>
                <a:gd name="connsiteY34" fmla="*/ 85125 h 589923"/>
                <a:gd name="connsiteX35" fmla="*/ 265174 w 589923"/>
                <a:gd name="connsiteY35" fmla="*/ 86557 h 589923"/>
                <a:gd name="connsiteX36" fmla="*/ 265174 w 589923"/>
                <a:gd name="connsiteY36" fmla="*/ 88824 h 589923"/>
                <a:gd name="connsiteX37" fmla="*/ 265174 w 589923"/>
                <a:gd name="connsiteY37" fmla="*/ 113965 h 589923"/>
                <a:gd name="connsiteX38" fmla="*/ 265174 w 589923"/>
                <a:gd name="connsiteY38" fmla="*/ 118678 h 589923"/>
                <a:gd name="connsiteX39" fmla="*/ 260462 w 589923"/>
                <a:gd name="connsiteY39" fmla="*/ 118678 h 589923"/>
                <a:gd name="connsiteX40" fmla="*/ 227029 w 589923"/>
                <a:gd name="connsiteY40" fmla="*/ 118678 h 589923"/>
                <a:gd name="connsiteX41" fmla="*/ 149755 w 589923"/>
                <a:gd name="connsiteY41" fmla="*/ 118678 h 589923"/>
                <a:gd name="connsiteX42" fmla="*/ 145042 w 589923"/>
                <a:gd name="connsiteY42" fmla="*/ 118678 h 589923"/>
                <a:gd name="connsiteX43" fmla="*/ 145042 w 589923"/>
                <a:gd name="connsiteY43" fmla="*/ 113965 h 589923"/>
                <a:gd name="connsiteX44" fmla="*/ 145042 w 589923"/>
                <a:gd name="connsiteY44" fmla="*/ 88824 h 589923"/>
                <a:gd name="connsiteX45" fmla="*/ 145042 w 589923"/>
                <a:gd name="connsiteY45" fmla="*/ 86557 h 589923"/>
                <a:gd name="connsiteX46" fmla="*/ 146832 w 589923"/>
                <a:gd name="connsiteY46" fmla="*/ 85125 h 589923"/>
                <a:gd name="connsiteX47" fmla="*/ 164846 w 589923"/>
                <a:gd name="connsiteY47" fmla="*/ 47785 h 589923"/>
                <a:gd name="connsiteX48" fmla="*/ 117037 w 589923"/>
                <a:gd name="connsiteY48" fmla="*/ 7 h 589923"/>
                <a:gd name="connsiteX49" fmla="*/ 69229 w 589923"/>
                <a:gd name="connsiteY49" fmla="*/ 47785 h 589923"/>
                <a:gd name="connsiteX50" fmla="*/ 87243 w 589923"/>
                <a:gd name="connsiteY50" fmla="*/ 85125 h 589923"/>
                <a:gd name="connsiteX51" fmla="*/ 89032 w 589923"/>
                <a:gd name="connsiteY51" fmla="*/ 86557 h 589923"/>
                <a:gd name="connsiteX52" fmla="*/ 89032 w 589923"/>
                <a:gd name="connsiteY52" fmla="*/ 88824 h 589923"/>
                <a:gd name="connsiteX53" fmla="*/ 89032 w 589923"/>
                <a:gd name="connsiteY53" fmla="*/ 113965 h 589923"/>
                <a:gd name="connsiteX54" fmla="*/ 89032 w 589923"/>
                <a:gd name="connsiteY54" fmla="*/ 118678 h 589923"/>
                <a:gd name="connsiteX55" fmla="*/ 84320 w 589923"/>
                <a:gd name="connsiteY55" fmla="*/ 118678 h 589923"/>
                <a:gd name="connsiteX56" fmla="*/ 8238 w 589923"/>
                <a:gd name="connsiteY56" fmla="*/ 118678 h 589923"/>
                <a:gd name="connsiteX57" fmla="*/ 7 w 589923"/>
                <a:gd name="connsiteY57" fmla="*/ 126909 h 589923"/>
                <a:gd name="connsiteX58" fmla="*/ 7 w 589923"/>
                <a:gd name="connsiteY58" fmla="*/ 245610 h 589923"/>
                <a:gd name="connsiteX59" fmla="*/ 8238 w 589923"/>
                <a:gd name="connsiteY59" fmla="*/ 253841 h 589923"/>
                <a:gd name="connsiteX60" fmla="*/ 15695 w 589923"/>
                <a:gd name="connsiteY60" fmla="*/ 253841 h 589923"/>
                <a:gd name="connsiteX61" fmla="*/ 84320 w 589923"/>
                <a:gd name="connsiteY61" fmla="*/ 253841 h 589923"/>
                <a:gd name="connsiteX62" fmla="*/ 89032 w 589923"/>
                <a:gd name="connsiteY62" fmla="*/ 253841 h 589923"/>
                <a:gd name="connsiteX63" fmla="*/ 89032 w 589923"/>
                <a:gd name="connsiteY63" fmla="*/ 258553 h 589923"/>
                <a:gd name="connsiteX64" fmla="*/ 89032 w 589923"/>
                <a:gd name="connsiteY64" fmla="*/ 272213 h 589923"/>
                <a:gd name="connsiteX65" fmla="*/ 89032 w 589923"/>
                <a:gd name="connsiteY65" fmla="*/ 276925 h 589923"/>
                <a:gd name="connsiteX66" fmla="*/ 84320 w 589923"/>
                <a:gd name="connsiteY66" fmla="*/ 276925 h 589923"/>
                <a:gd name="connsiteX67" fmla="*/ 8238 w 589923"/>
                <a:gd name="connsiteY67" fmla="*/ 276925 h 589923"/>
                <a:gd name="connsiteX68" fmla="*/ 7 w 589923"/>
                <a:gd name="connsiteY68" fmla="*/ 285157 h 589923"/>
                <a:gd name="connsiteX69" fmla="*/ 7 w 589923"/>
                <a:gd name="connsiteY69" fmla="*/ 403857 h 589923"/>
                <a:gd name="connsiteX70" fmla="*/ 8238 w 589923"/>
                <a:gd name="connsiteY70" fmla="*/ 412089 h 589923"/>
                <a:gd name="connsiteX71" fmla="*/ 14442 w 589923"/>
                <a:gd name="connsiteY71" fmla="*/ 412089 h 589923"/>
                <a:gd name="connsiteX72" fmla="*/ 14681 w 589923"/>
                <a:gd name="connsiteY72" fmla="*/ 412089 h 589923"/>
                <a:gd name="connsiteX73" fmla="*/ 14919 w 589923"/>
                <a:gd name="connsiteY73" fmla="*/ 412118 h 589923"/>
                <a:gd name="connsiteX74" fmla="*/ 15724 w 589923"/>
                <a:gd name="connsiteY74" fmla="*/ 412148 h 589923"/>
                <a:gd name="connsiteX75" fmla="*/ 84350 w 589923"/>
                <a:gd name="connsiteY75" fmla="*/ 412148 h 589923"/>
                <a:gd name="connsiteX76" fmla="*/ 89062 w 589923"/>
                <a:gd name="connsiteY76" fmla="*/ 412148 h 589923"/>
                <a:gd name="connsiteX77" fmla="*/ 89062 w 589923"/>
                <a:gd name="connsiteY77" fmla="*/ 416860 h 589923"/>
                <a:gd name="connsiteX78" fmla="*/ 89062 w 589923"/>
                <a:gd name="connsiteY78" fmla="*/ 581878 h 589923"/>
                <a:gd name="connsiteX79" fmla="*/ 97294 w 589923"/>
                <a:gd name="connsiteY79" fmla="*/ 590110 h 589923"/>
                <a:gd name="connsiteX80" fmla="*/ 136870 w 589923"/>
                <a:gd name="connsiteY80" fmla="*/ 590110 h 589923"/>
                <a:gd name="connsiteX81" fmla="*/ 145102 w 589923"/>
                <a:gd name="connsiteY81" fmla="*/ 581878 h 589923"/>
                <a:gd name="connsiteX82" fmla="*/ 145102 w 589923"/>
                <a:gd name="connsiteY82" fmla="*/ 545373 h 589923"/>
                <a:gd name="connsiteX83" fmla="*/ 145102 w 589923"/>
                <a:gd name="connsiteY83" fmla="*/ 540661 h 589923"/>
                <a:gd name="connsiteX84" fmla="*/ 149814 w 589923"/>
                <a:gd name="connsiteY84" fmla="*/ 540661 h 589923"/>
                <a:gd name="connsiteX85" fmla="*/ 440422 w 589923"/>
                <a:gd name="connsiteY85" fmla="*/ 540661 h 589923"/>
                <a:gd name="connsiteX86" fmla="*/ 445134 w 589923"/>
                <a:gd name="connsiteY86" fmla="*/ 540661 h 589923"/>
                <a:gd name="connsiteX87" fmla="*/ 445134 w 589923"/>
                <a:gd name="connsiteY87" fmla="*/ 545373 h 589923"/>
                <a:gd name="connsiteX88" fmla="*/ 445134 w 589923"/>
                <a:gd name="connsiteY88" fmla="*/ 581878 h 589923"/>
                <a:gd name="connsiteX89" fmla="*/ 453365 w 589923"/>
                <a:gd name="connsiteY89" fmla="*/ 590110 h 589923"/>
                <a:gd name="connsiteX90" fmla="*/ 492942 w 589923"/>
                <a:gd name="connsiteY90" fmla="*/ 590110 h 589923"/>
                <a:gd name="connsiteX91" fmla="*/ 501174 w 589923"/>
                <a:gd name="connsiteY91" fmla="*/ 581878 h 589923"/>
                <a:gd name="connsiteX92" fmla="*/ 501174 w 589923"/>
                <a:gd name="connsiteY92" fmla="*/ 416860 h 589923"/>
                <a:gd name="connsiteX93" fmla="*/ 501174 w 589923"/>
                <a:gd name="connsiteY93" fmla="*/ 412148 h 589923"/>
                <a:gd name="connsiteX94" fmla="*/ 505886 w 589923"/>
                <a:gd name="connsiteY94" fmla="*/ 412148 h 589923"/>
                <a:gd name="connsiteX95" fmla="*/ 581968 w 589923"/>
                <a:gd name="connsiteY95" fmla="*/ 412089 h 589923"/>
                <a:gd name="connsiteX96" fmla="*/ 590199 w 589923"/>
                <a:gd name="connsiteY96" fmla="*/ 403857 h 589923"/>
                <a:gd name="connsiteX97" fmla="*/ 590199 w 589923"/>
                <a:gd name="connsiteY97" fmla="*/ 285157 h 589923"/>
                <a:gd name="connsiteX98" fmla="*/ 581968 w 589923"/>
                <a:gd name="connsiteY98" fmla="*/ 276925 h 589923"/>
                <a:gd name="connsiteX99" fmla="*/ 505886 w 589923"/>
                <a:gd name="connsiteY99" fmla="*/ 276925 h 589923"/>
                <a:gd name="connsiteX100" fmla="*/ 501174 w 589923"/>
                <a:gd name="connsiteY100" fmla="*/ 276925 h 589923"/>
                <a:gd name="connsiteX101" fmla="*/ 501174 w 589923"/>
                <a:gd name="connsiteY101" fmla="*/ 272213 h 589923"/>
                <a:gd name="connsiteX102" fmla="*/ 501174 w 589923"/>
                <a:gd name="connsiteY102" fmla="*/ 258553 h 589923"/>
                <a:gd name="connsiteX103" fmla="*/ 573617 w 589923"/>
                <a:gd name="connsiteY103" fmla="*/ 213429 h 589923"/>
                <a:gd name="connsiteX104" fmla="*/ 573617 w 589923"/>
                <a:gd name="connsiteY104" fmla="*/ 232666 h 589923"/>
                <a:gd name="connsiteX105" fmla="*/ 573617 w 589923"/>
                <a:gd name="connsiteY105" fmla="*/ 237378 h 589923"/>
                <a:gd name="connsiteX106" fmla="*/ 568904 w 589923"/>
                <a:gd name="connsiteY106" fmla="*/ 237378 h 589923"/>
                <a:gd name="connsiteX107" fmla="*/ 550145 w 589923"/>
                <a:gd name="connsiteY107" fmla="*/ 237378 h 589923"/>
                <a:gd name="connsiteX108" fmla="*/ 538931 w 589923"/>
                <a:gd name="connsiteY108" fmla="*/ 237378 h 589923"/>
                <a:gd name="connsiteX109" fmla="*/ 546775 w 589923"/>
                <a:gd name="connsiteY109" fmla="*/ 229355 h 589923"/>
                <a:gd name="connsiteX110" fmla="*/ 565534 w 589923"/>
                <a:gd name="connsiteY110" fmla="*/ 210119 h 589923"/>
                <a:gd name="connsiteX111" fmla="*/ 573647 w 589923"/>
                <a:gd name="connsiteY111" fmla="*/ 201798 h 589923"/>
                <a:gd name="connsiteX112" fmla="*/ 573647 w 589923"/>
                <a:gd name="connsiteY112" fmla="*/ 213429 h 589923"/>
                <a:gd name="connsiteX113" fmla="*/ 441704 w 589923"/>
                <a:gd name="connsiteY113" fmla="*/ 47785 h 589923"/>
                <a:gd name="connsiteX114" fmla="*/ 473049 w 589923"/>
                <a:gd name="connsiteY114" fmla="*/ 16440 h 589923"/>
                <a:gd name="connsiteX115" fmla="*/ 504395 w 589923"/>
                <a:gd name="connsiteY115" fmla="*/ 47785 h 589923"/>
                <a:gd name="connsiteX116" fmla="*/ 473049 w 589923"/>
                <a:gd name="connsiteY116" fmla="*/ 79131 h 589923"/>
                <a:gd name="connsiteX117" fmla="*/ 441704 w 589923"/>
                <a:gd name="connsiteY117" fmla="*/ 47785 h 589923"/>
                <a:gd name="connsiteX118" fmla="*/ 484591 w 589923"/>
                <a:gd name="connsiteY118" fmla="*/ 94460 h 589923"/>
                <a:gd name="connsiteX119" fmla="*/ 484591 w 589923"/>
                <a:gd name="connsiteY119" fmla="*/ 99829 h 589923"/>
                <a:gd name="connsiteX120" fmla="*/ 484591 w 589923"/>
                <a:gd name="connsiteY120" fmla="*/ 113936 h 589923"/>
                <a:gd name="connsiteX121" fmla="*/ 484591 w 589923"/>
                <a:gd name="connsiteY121" fmla="*/ 118648 h 589923"/>
                <a:gd name="connsiteX122" fmla="*/ 479879 w 589923"/>
                <a:gd name="connsiteY122" fmla="*/ 118648 h 589923"/>
                <a:gd name="connsiteX123" fmla="*/ 466220 w 589923"/>
                <a:gd name="connsiteY123" fmla="*/ 118648 h 589923"/>
                <a:gd name="connsiteX124" fmla="*/ 461507 w 589923"/>
                <a:gd name="connsiteY124" fmla="*/ 118648 h 589923"/>
                <a:gd name="connsiteX125" fmla="*/ 461507 w 589923"/>
                <a:gd name="connsiteY125" fmla="*/ 113936 h 589923"/>
                <a:gd name="connsiteX126" fmla="*/ 461507 w 589923"/>
                <a:gd name="connsiteY126" fmla="*/ 99829 h 589923"/>
                <a:gd name="connsiteX127" fmla="*/ 461507 w 589923"/>
                <a:gd name="connsiteY127" fmla="*/ 94460 h 589923"/>
                <a:gd name="connsiteX128" fmla="*/ 466846 w 589923"/>
                <a:gd name="connsiteY128" fmla="*/ 95146 h 589923"/>
                <a:gd name="connsiteX129" fmla="*/ 469769 w 589923"/>
                <a:gd name="connsiteY129" fmla="*/ 95445 h 589923"/>
                <a:gd name="connsiteX130" fmla="*/ 469978 w 589923"/>
                <a:gd name="connsiteY130" fmla="*/ 95474 h 589923"/>
                <a:gd name="connsiteX131" fmla="*/ 470097 w 589923"/>
                <a:gd name="connsiteY131" fmla="*/ 95474 h 589923"/>
                <a:gd name="connsiteX132" fmla="*/ 473079 w 589923"/>
                <a:gd name="connsiteY132" fmla="*/ 95564 h 589923"/>
                <a:gd name="connsiteX133" fmla="*/ 476091 w 589923"/>
                <a:gd name="connsiteY133" fmla="*/ 95445 h 589923"/>
                <a:gd name="connsiteX134" fmla="*/ 476211 w 589923"/>
                <a:gd name="connsiteY134" fmla="*/ 95445 h 589923"/>
                <a:gd name="connsiteX135" fmla="*/ 476390 w 589923"/>
                <a:gd name="connsiteY135" fmla="*/ 95445 h 589923"/>
                <a:gd name="connsiteX136" fmla="*/ 479312 w 589923"/>
                <a:gd name="connsiteY136" fmla="*/ 95146 h 589923"/>
                <a:gd name="connsiteX137" fmla="*/ 484591 w 589923"/>
                <a:gd name="connsiteY137" fmla="*/ 94460 h 589923"/>
                <a:gd name="connsiteX138" fmla="*/ 365115 w 589923"/>
                <a:gd name="connsiteY138" fmla="*/ 136572 h 589923"/>
                <a:gd name="connsiteX139" fmla="*/ 366517 w 589923"/>
                <a:gd name="connsiteY139" fmla="*/ 135141 h 589923"/>
                <a:gd name="connsiteX140" fmla="*/ 368515 w 589923"/>
                <a:gd name="connsiteY140" fmla="*/ 135141 h 589923"/>
                <a:gd name="connsiteX141" fmla="*/ 453276 w 589923"/>
                <a:gd name="connsiteY141" fmla="*/ 135141 h 589923"/>
                <a:gd name="connsiteX142" fmla="*/ 467621 w 589923"/>
                <a:gd name="connsiteY142" fmla="*/ 135141 h 589923"/>
                <a:gd name="connsiteX143" fmla="*/ 478776 w 589923"/>
                <a:gd name="connsiteY143" fmla="*/ 135141 h 589923"/>
                <a:gd name="connsiteX144" fmla="*/ 471021 w 589923"/>
                <a:gd name="connsiteY144" fmla="*/ 143163 h 589923"/>
                <a:gd name="connsiteX145" fmla="*/ 381250 w 589923"/>
                <a:gd name="connsiteY145" fmla="*/ 235947 h 589923"/>
                <a:gd name="connsiteX146" fmla="*/ 379849 w 589923"/>
                <a:gd name="connsiteY146" fmla="*/ 237378 h 589923"/>
                <a:gd name="connsiteX147" fmla="*/ 377850 w 589923"/>
                <a:gd name="connsiteY147" fmla="*/ 237378 h 589923"/>
                <a:gd name="connsiteX148" fmla="*/ 277999 w 589923"/>
                <a:gd name="connsiteY148" fmla="*/ 237378 h 589923"/>
                <a:gd name="connsiteX149" fmla="*/ 266785 w 589923"/>
                <a:gd name="connsiteY149" fmla="*/ 237378 h 589923"/>
                <a:gd name="connsiteX150" fmla="*/ 274629 w 589923"/>
                <a:gd name="connsiteY150" fmla="*/ 229355 h 589923"/>
                <a:gd name="connsiteX151" fmla="*/ 365115 w 589923"/>
                <a:gd name="connsiteY151" fmla="*/ 136572 h 589923"/>
                <a:gd name="connsiteX152" fmla="*/ 467592 w 589923"/>
                <a:gd name="connsiteY152" fmla="*/ 293448 h 589923"/>
                <a:gd name="connsiteX153" fmla="*/ 478746 w 589923"/>
                <a:gd name="connsiteY153" fmla="*/ 293448 h 589923"/>
                <a:gd name="connsiteX154" fmla="*/ 470991 w 589923"/>
                <a:gd name="connsiteY154" fmla="*/ 301470 h 589923"/>
                <a:gd name="connsiteX155" fmla="*/ 381280 w 589923"/>
                <a:gd name="connsiteY155" fmla="*/ 394194 h 589923"/>
                <a:gd name="connsiteX156" fmla="*/ 379878 w 589923"/>
                <a:gd name="connsiteY156" fmla="*/ 395626 h 589923"/>
                <a:gd name="connsiteX157" fmla="*/ 377880 w 589923"/>
                <a:gd name="connsiteY157" fmla="*/ 395626 h 589923"/>
                <a:gd name="connsiteX158" fmla="*/ 278029 w 589923"/>
                <a:gd name="connsiteY158" fmla="*/ 395626 h 589923"/>
                <a:gd name="connsiteX159" fmla="*/ 266815 w 589923"/>
                <a:gd name="connsiteY159" fmla="*/ 395626 h 589923"/>
                <a:gd name="connsiteX160" fmla="*/ 274659 w 589923"/>
                <a:gd name="connsiteY160" fmla="*/ 387603 h 589923"/>
                <a:gd name="connsiteX161" fmla="*/ 365145 w 589923"/>
                <a:gd name="connsiteY161" fmla="*/ 294879 h 589923"/>
                <a:gd name="connsiteX162" fmla="*/ 366547 w 589923"/>
                <a:gd name="connsiteY162" fmla="*/ 293448 h 589923"/>
                <a:gd name="connsiteX163" fmla="*/ 368545 w 589923"/>
                <a:gd name="connsiteY163" fmla="*/ 293448 h 589923"/>
                <a:gd name="connsiteX164" fmla="*/ 467592 w 589923"/>
                <a:gd name="connsiteY164" fmla="*/ 293448 h 589923"/>
                <a:gd name="connsiteX165" fmla="*/ 461478 w 589923"/>
                <a:gd name="connsiteY165" fmla="*/ 276955 h 589923"/>
                <a:gd name="connsiteX166" fmla="*/ 461478 w 589923"/>
                <a:gd name="connsiteY166" fmla="*/ 272243 h 589923"/>
                <a:gd name="connsiteX167" fmla="*/ 461478 w 589923"/>
                <a:gd name="connsiteY167" fmla="*/ 258583 h 589923"/>
                <a:gd name="connsiteX168" fmla="*/ 461478 w 589923"/>
                <a:gd name="connsiteY168" fmla="*/ 253871 h 589923"/>
                <a:gd name="connsiteX169" fmla="*/ 466190 w 589923"/>
                <a:gd name="connsiteY169" fmla="*/ 253871 h 589923"/>
                <a:gd name="connsiteX170" fmla="*/ 479849 w 589923"/>
                <a:gd name="connsiteY170" fmla="*/ 253871 h 589923"/>
                <a:gd name="connsiteX171" fmla="*/ 484562 w 589923"/>
                <a:gd name="connsiteY171" fmla="*/ 253871 h 589923"/>
                <a:gd name="connsiteX172" fmla="*/ 484562 w 589923"/>
                <a:gd name="connsiteY172" fmla="*/ 258583 h 589923"/>
                <a:gd name="connsiteX173" fmla="*/ 484562 w 589923"/>
                <a:gd name="connsiteY173" fmla="*/ 272243 h 589923"/>
                <a:gd name="connsiteX174" fmla="*/ 484562 w 589923"/>
                <a:gd name="connsiteY174" fmla="*/ 276955 h 589923"/>
                <a:gd name="connsiteX175" fmla="*/ 479849 w 589923"/>
                <a:gd name="connsiteY175" fmla="*/ 276955 h 589923"/>
                <a:gd name="connsiteX176" fmla="*/ 466190 w 589923"/>
                <a:gd name="connsiteY176" fmla="*/ 276955 h 589923"/>
                <a:gd name="connsiteX177" fmla="*/ 461478 w 589923"/>
                <a:gd name="connsiteY177" fmla="*/ 276955 h 589923"/>
                <a:gd name="connsiteX178" fmla="*/ 445044 w 589923"/>
                <a:gd name="connsiteY178" fmla="*/ 258553 h 589923"/>
                <a:gd name="connsiteX179" fmla="*/ 445044 w 589923"/>
                <a:gd name="connsiteY179" fmla="*/ 272213 h 589923"/>
                <a:gd name="connsiteX180" fmla="*/ 445044 w 589923"/>
                <a:gd name="connsiteY180" fmla="*/ 276925 h 589923"/>
                <a:gd name="connsiteX181" fmla="*/ 440332 w 589923"/>
                <a:gd name="connsiteY181" fmla="*/ 276925 h 589923"/>
                <a:gd name="connsiteX182" fmla="*/ 149725 w 589923"/>
                <a:gd name="connsiteY182" fmla="*/ 276925 h 589923"/>
                <a:gd name="connsiteX183" fmla="*/ 145012 w 589923"/>
                <a:gd name="connsiteY183" fmla="*/ 276925 h 589923"/>
                <a:gd name="connsiteX184" fmla="*/ 145012 w 589923"/>
                <a:gd name="connsiteY184" fmla="*/ 272213 h 589923"/>
                <a:gd name="connsiteX185" fmla="*/ 145012 w 589923"/>
                <a:gd name="connsiteY185" fmla="*/ 258553 h 589923"/>
                <a:gd name="connsiteX186" fmla="*/ 145012 w 589923"/>
                <a:gd name="connsiteY186" fmla="*/ 253841 h 589923"/>
                <a:gd name="connsiteX187" fmla="*/ 149725 w 589923"/>
                <a:gd name="connsiteY187" fmla="*/ 253841 h 589923"/>
                <a:gd name="connsiteX188" fmla="*/ 247250 w 589923"/>
                <a:gd name="connsiteY188" fmla="*/ 253841 h 589923"/>
                <a:gd name="connsiteX189" fmla="*/ 383338 w 589923"/>
                <a:gd name="connsiteY189" fmla="*/ 253841 h 589923"/>
                <a:gd name="connsiteX190" fmla="*/ 440332 w 589923"/>
                <a:gd name="connsiteY190" fmla="*/ 253841 h 589923"/>
                <a:gd name="connsiteX191" fmla="*/ 445044 w 589923"/>
                <a:gd name="connsiteY191" fmla="*/ 253841 h 589923"/>
                <a:gd name="connsiteX192" fmla="*/ 445044 w 589923"/>
                <a:gd name="connsiteY192" fmla="*/ 258553 h 589923"/>
                <a:gd name="connsiteX193" fmla="*/ 261804 w 589923"/>
                <a:gd name="connsiteY193" fmla="*/ 47785 h 589923"/>
                <a:gd name="connsiteX194" fmla="*/ 273883 w 589923"/>
                <a:gd name="connsiteY194" fmla="*/ 23091 h 589923"/>
                <a:gd name="connsiteX195" fmla="*/ 294313 w 589923"/>
                <a:gd name="connsiteY195" fmla="*/ 15724 h 589923"/>
                <a:gd name="connsiteX196" fmla="*/ 326404 w 589923"/>
                <a:gd name="connsiteY196" fmla="*/ 47815 h 589923"/>
                <a:gd name="connsiteX197" fmla="*/ 294313 w 589923"/>
                <a:gd name="connsiteY197" fmla="*/ 79906 h 589923"/>
                <a:gd name="connsiteX198" fmla="*/ 273316 w 589923"/>
                <a:gd name="connsiteY198" fmla="*/ 72033 h 589923"/>
                <a:gd name="connsiteX199" fmla="*/ 261804 w 589923"/>
                <a:gd name="connsiteY199" fmla="*/ 47785 h 589923"/>
                <a:gd name="connsiteX200" fmla="*/ 304691 w 589923"/>
                <a:gd name="connsiteY200" fmla="*/ 94460 h 589923"/>
                <a:gd name="connsiteX201" fmla="*/ 304691 w 589923"/>
                <a:gd name="connsiteY201" fmla="*/ 99829 h 589923"/>
                <a:gd name="connsiteX202" fmla="*/ 304691 w 589923"/>
                <a:gd name="connsiteY202" fmla="*/ 113936 h 589923"/>
                <a:gd name="connsiteX203" fmla="*/ 304691 w 589923"/>
                <a:gd name="connsiteY203" fmla="*/ 118648 h 589923"/>
                <a:gd name="connsiteX204" fmla="*/ 299949 w 589923"/>
                <a:gd name="connsiteY204" fmla="*/ 118648 h 589923"/>
                <a:gd name="connsiteX205" fmla="*/ 286290 w 589923"/>
                <a:gd name="connsiteY205" fmla="*/ 118648 h 589923"/>
                <a:gd name="connsiteX206" fmla="*/ 281578 w 589923"/>
                <a:gd name="connsiteY206" fmla="*/ 118648 h 589923"/>
                <a:gd name="connsiteX207" fmla="*/ 281578 w 589923"/>
                <a:gd name="connsiteY207" fmla="*/ 113936 h 589923"/>
                <a:gd name="connsiteX208" fmla="*/ 281578 w 589923"/>
                <a:gd name="connsiteY208" fmla="*/ 99829 h 589923"/>
                <a:gd name="connsiteX209" fmla="*/ 281578 w 589923"/>
                <a:gd name="connsiteY209" fmla="*/ 94460 h 589923"/>
                <a:gd name="connsiteX210" fmla="*/ 286916 w 589923"/>
                <a:gd name="connsiteY210" fmla="*/ 95146 h 589923"/>
                <a:gd name="connsiteX211" fmla="*/ 289839 w 589923"/>
                <a:gd name="connsiteY211" fmla="*/ 95445 h 589923"/>
                <a:gd name="connsiteX212" fmla="*/ 290048 w 589923"/>
                <a:gd name="connsiteY212" fmla="*/ 95474 h 589923"/>
                <a:gd name="connsiteX213" fmla="*/ 290137 w 589923"/>
                <a:gd name="connsiteY213" fmla="*/ 95474 h 589923"/>
                <a:gd name="connsiteX214" fmla="*/ 293120 w 589923"/>
                <a:gd name="connsiteY214" fmla="*/ 95564 h 589923"/>
                <a:gd name="connsiteX215" fmla="*/ 296132 w 589923"/>
                <a:gd name="connsiteY215" fmla="*/ 95445 h 589923"/>
                <a:gd name="connsiteX216" fmla="*/ 296221 w 589923"/>
                <a:gd name="connsiteY216" fmla="*/ 95445 h 589923"/>
                <a:gd name="connsiteX217" fmla="*/ 296430 w 589923"/>
                <a:gd name="connsiteY217" fmla="*/ 95415 h 589923"/>
                <a:gd name="connsiteX218" fmla="*/ 299353 w 589923"/>
                <a:gd name="connsiteY218" fmla="*/ 95117 h 589923"/>
                <a:gd name="connsiteX219" fmla="*/ 304691 w 589923"/>
                <a:gd name="connsiteY219" fmla="*/ 94460 h 589923"/>
                <a:gd name="connsiteX220" fmla="*/ 229027 w 589923"/>
                <a:gd name="connsiteY220" fmla="*/ 136572 h 589923"/>
                <a:gd name="connsiteX221" fmla="*/ 230429 w 589923"/>
                <a:gd name="connsiteY221" fmla="*/ 135141 h 589923"/>
                <a:gd name="connsiteX222" fmla="*/ 232427 w 589923"/>
                <a:gd name="connsiteY222" fmla="*/ 135141 h 589923"/>
                <a:gd name="connsiteX223" fmla="*/ 273376 w 589923"/>
                <a:gd name="connsiteY223" fmla="*/ 135141 h 589923"/>
                <a:gd name="connsiteX224" fmla="*/ 312953 w 589923"/>
                <a:gd name="connsiteY224" fmla="*/ 135141 h 589923"/>
                <a:gd name="connsiteX225" fmla="*/ 332339 w 589923"/>
                <a:gd name="connsiteY225" fmla="*/ 135141 h 589923"/>
                <a:gd name="connsiteX226" fmla="*/ 343553 w 589923"/>
                <a:gd name="connsiteY226" fmla="*/ 135141 h 589923"/>
                <a:gd name="connsiteX227" fmla="*/ 335709 w 589923"/>
                <a:gd name="connsiteY227" fmla="*/ 143163 h 589923"/>
                <a:gd name="connsiteX228" fmla="*/ 245162 w 589923"/>
                <a:gd name="connsiteY228" fmla="*/ 235947 h 589923"/>
                <a:gd name="connsiteX229" fmla="*/ 243761 w 589923"/>
                <a:gd name="connsiteY229" fmla="*/ 237378 h 589923"/>
                <a:gd name="connsiteX230" fmla="*/ 241762 w 589923"/>
                <a:gd name="connsiteY230" fmla="*/ 237378 h 589923"/>
                <a:gd name="connsiteX231" fmla="*/ 141881 w 589923"/>
                <a:gd name="connsiteY231" fmla="*/ 237378 h 589923"/>
                <a:gd name="connsiteX232" fmla="*/ 130667 w 589923"/>
                <a:gd name="connsiteY232" fmla="*/ 237378 h 589923"/>
                <a:gd name="connsiteX233" fmla="*/ 138511 w 589923"/>
                <a:gd name="connsiteY233" fmla="*/ 229355 h 589923"/>
                <a:gd name="connsiteX234" fmla="*/ 229027 w 589923"/>
                <a:gd name="connsiteY234" fmla="*/ 136572 h 589923"/>
                <a:gd name="connsiteX235" fmla="*/ 84887 w 589923"/>
                <a:gd name="connsiteY235" fmla="*/ 47785 h 589923"/>
                <a:gd name="connsiteX236" fmla="*/ 116978 w 589923"/>
                <a:gd name="connsiteY236" fmla="*/ 15695 h 589923"/>
                <a:gd name="connsiteX237" fmla="*/ 149039 w 589923"/>
                <a:gd name="connsiteY237" fmla="*/ 47785 h 589923"/>
                <a:gd name="connsiteX238" fmla="*/ 116948 w 589923"/>
                <a:gd name="connsiteY238" fmla="*/ 79876 h 589923"/>
                <a:gd name="connsiteX239" fmla="*/ 84887 w 589923"/>
                <a:gd name="connsiteY239" fmla="*/ 47785 h 589923"/>
                <a:gd name="connsiteX240" fmla="*/ 128490 w 589923"/>
                <a:gd name="connsiteY240" fmla="*/ 94460 h 589923"/>
                <a:gd name="connsiteX241" fmla="*/ 128490 w 589923"/>
                <a:gd name="connsiteY241" fmla="*/ 99829 h 589923"/>
                <a:gd name="connsiteX242" fmla="*/ 128490 w 589923"/>
                <a:gd name="connsiteY242" fmla="*/ 113936 h 589923"/>
                <a:gd name="connsiteX243" fmla="*/ 128490 w 589923"/>
                <a:gd name="connsiteY243" fmla="*/ 118648 h 589923"/>
                <a:gd name="connsiteX244" fmla="*/ 123778 w 589923"/>
                <a:gd name="connsiteY244" fmla="*/ 118648 h 589923"/>
                <a:gd name="connsiteX245" fmla="*/ 110118 w 589923"/>
                <a:gd name="connsiteY245" fmla="*/ 118648 h 589923"/>
                <a:gd name="connsiteX246" fmla="*/ 105406 w 589923"/>
                <a:gd name="connsiteY246" fmla="*/ 118648 h 589923"/>
                <a:gd name="connsiteX247" fmla="*/ 105406 w 589923"/>
                <a:gd name="connsiteY247" fmla="*/ 113936 h 589923"/>
                <a:gd name="connsiteX248" fmla="*/ 105406 w 589923"/>
                <a:gd name="connsiteY248" fmla="*/ 99829 h 589923"/>
                <a:gd name="connsiteX249" fmla="*/ 105406 w 589923"/>
                <a:gd name="connsiteY249" fmla="*/ 94460 h 589923"/>
                <a:gd name="connsiteX250" fmla="*/ 110744 w 589923"/>
                <a:gd name="connsiteY250" fmla="*/ 95146 h 589923"/>
                <a:gd name="connsiteX251" fmla="*/ 113667 w 589923"/>
                <a:gd name="connsiteY251" fmla="*/ 95445 h 589923"/>
                <a:gd name="connsiteX252" fmla="*/ 113846 w 589923"/>
                <a:gd name="connsiteY252" fmla="*/ 95445 h 589923"/>
                <a:gd name="connsiteX253" fmla="*/ 113965 w 589923"/>
                <a:gd name="connsiteY253" fmla="*/ 95445 h 589923"/>
                <a:gd name="connsiteX254" fmla="*/ 116948 w 589923"/>
                <a:gd name="connsiteY254" fmla="*/ 95534 h 589923"/>
                <a:gd name="connsiteX255" fmla="*/ 119960 w 589923"/>
                <a:gd name="connsiteY255" fmla="*/ 95415 h 589923"/>
                <a:gd name="connsiteX256" fmla="*/ 120050 w 589923"/>
                <a:gd name="connsiteY256" fmla="*/ 95415 h 589923"/>
                <a:gd name="connsiteX257" fmla="*/ 120258 w 589923"/>
                <a:gd name="connsiteY257" fmla="*/ 95385 h 589923"/>
                <a:gd name="connsiteX258" fmla="*/ 123181 w 589923"/>
                <a:gd name="connsiteY258" fmla="*/ 95087 h 589923"/>
                <a:gd name="connsiteX259" fmla="*/ 128490 w 589923"/>
                <a:gd name="connsiteY259" fmla="*/ 94460 h 589923"/>
                <a:gd name="connsiteX260" fmla="*/ 16380 w 589923"/>
                <a:gd name="connsiteY260" fmla="*/ 178893 h 589923"/>
                <a:gd name="connsiteX261" fmla="*/ 16380 w 589923"/>
                <a:gd name="connsiteY261" fmla="*/ 139853 h 589923"/>
                <a:gd name="connsiteX262" fmla="*/ 16380 w 589923"/>
                <a:gd name="connsiteY262" fmla="*/ 135141 h 589923"/>
                <a:gd name="connsiteX263" fmla="*/ 21093 w 589923"/>
                <a:gd name="connsiteY263" fmla="*/ 135141 h 589923"/>
                <a:gd name="connsiteX264" fmla="*/ 59178 w 589923"/>
                <a:gd name="connsiteY264" fmla="*/ 135141 h 589923"/>
                <a:gd name="connsiteX265" fmla="*/ 70392 w 589923"/>
                <a:gd name="connsiteY265" fmla="*/ 135141 h 589923"/>
                <a:gd name="connsiteX266" fmla="*/ 62548 w 589923"/>
                <a:gd name="connsiteY266" fmla="*/ 143163 h 589923"/>
                <a:gd name="connsiteX267" fmla="*/ 24493 w 589923"/>
                <a:gd name="connsiteY267" fmla="*/ 182173 h 589923"/>
                <a:gd name="connsiteX268" fmla="*/ 16380 w 589923"/>
                <a:gd name="connsiteY268" fmla="*/ 190494 h 589923"/>
                <a:gd name="connsiteX269" fmla="*/ 16380 w 589923"/>
                <a:gd name="connsiteY269" fmla="*/ 178893 h 589923"/>
                <a:gd name="connsiteX270" fmla="*/ 28549 w 589923"/>
                <a:gd name="connsiteY270" fmla="*/ 237378 h 589923"/>
                <a:gd name="connsiteX271" fmla="*/ 23837 w 589923"/>
                <a:gd name="connsiteY271" fmla="*/ 237378 h 589923"/>
                <a:gd name="connsiteX272" fmla="*/ 23837 w 589923"/>
                <a:gd name="connsiteY272" fmla="*/ 232666 h 589923"/>
                <a:gd name="connsiteX273" fmla="*/ 23837 w 589923"/>
                <a:gd name="connsiteY273" fmla="*/ 208359 h 589923"/>
                <a:gd name="connsiteX274" fmla="*/ 23837 w 589923"/>
                <a:gd name="connsiteY274" fmla="*/ 206421 h 589923"/>
                <a:gd name="connsiteX275" fmla="*/ 25179 w 589923"/>
                <a:gd name="connsiteY275" fmla="*/ 205049 h 589923"/>
                <a:gd name="connsiteX276" fmla="*/ 91985 w 589923"/>
                <a:gd name="connsiteY276" fmla="*/ 136572 h 589923"/>
                <a:gd name="connsiteX277" fmla="*/ 93387 w 589923"/>
                <a:gd name="connsiteY277" fmla="*/ 135141 h 589923"/>
                <a:gd name="connsiteX278" fmla="*/ 95385 w 589923"/>
                <a:gd name="connsiteY278" fmla="*/ 135141 h 589923"/>
                <a:gd name="connsiteX279" fmla="*/ 97174 w 589923"/>
                <a:gd name="connsiteY279" fmla="*/ 135141 h 589923"/>
                <a:gd name="connsiteX280" fmla="*/ 136751 w 589923"/>
                <a:gd name="connsiteY280" fmla="*/ 135141 h 589923"/>
                <a:gd name="connsiteX281" fmla="*/ 196251 w 589923"/>
                <a:gd name="connsiteY281" fmla="*/ 135141 h 589923"/>
                <a:gd name="connsiteX282" fmla="*/ 207464 w 589923"/>
                <a:gd name="connsiteY282" fmla="*/ 135141 h 589923"/>
                <a:gd name="connsiteX283" fmla="*/ 199621 w 589923"/>
                <a:gd name="connsiteY283" fmla="*/ 143163 h 589923"/>
                <a:gd name="connsiteX284" fmla="*/ 109074 w 589923"/>
                <a:gd name="connsiteY284" fmla="*/ 235947 h 589923"/>
                <a:gd name="connsiteX285" fmla="*/ 107673 w 589923"/>
                <a:gd name="connsiteY285" fmla="*/ 237378 h 589923"/>
                <a:gd name="connsiteX286" fmla="*/ 105674 w 589923"/>
                <a:gd name="connsiteY286" fmla="*/ 237378 h 589923"/>
                <a:gd name="connsiteX287" fmla="*/ 97145 w 589923"/>
                <a:gd name="connsiteY287" fmla="*/ 237378 h 589923"/>
                <a:gd name="connsiteX288" fmla="*/ 28549 w 589923"/>
                <a:gd name="connsiteY288" fmla="*/ 237378 h 589923"/>
                <a:gd name="connsiteX289" fmla="*/ 128490 w 589923"/>
                <a:gd name="connsiteY289" fmla="*/ 253841 h 589923"/>
                <a:gd name="connsiteX290" fmla="*/ 128490 w 589923"/>
                <a:gd name="connsiteY290" fmla="*/ 258553 h 589923"/>
                <a:gd name="connsiteX291" fmla="*/ 128490 w 589923"/>
                <a:gd name="connsiteY291" fmla="*/ 272213 h 589923"/>
                <a:gd name="connsiteX292" fmla="*/ 128490 w 589923"/>
                <a:gd name="connsiteY292" fmla="*/ 276925 h 589923"/>
                <a:gd name="connsiteX293" fmla="*/ 123778 w 589923"/>
                <a:gd name="connsiteY293" fmla="*/ 276925 h 589923"/>
                <a:gd name="connsiteX294" fmla="*/ 110118 w 589923"/>
                <a:gd name="connsiteY294" fmla="*/ 276925 h 589923"/>
                <a:gd name="connsiteX295" fmla="*/ 105406 w 589923"/>
                <a:gd name="connsiteY295" fmla="*/ 276925 h 589923"/>
                <a:gd name="connsiteX296" fmla="*/ 105406 w 589923"/>
                <a:gd name="connsiteY296" fmla="*/ 272213 h 589923"/>
                <a:gd name="connsiteX297" fmla="*/ 105406 w 589923"/>
                <a:gd name="connsiteY297" fmla="*/ 258553 h 589923"/>
                <a:gd name="connsiteX298" fmla="*/ 105406 w 589923"/>
                <a:gd name="connsiteY298" fmla="*/ 253841 h 589923"/>
                <a:gd name="connsiteX299" fmla="*/ 110118 w 589923"/>
                <a:gd name="connsiteY299" fmla="*/ 253841 h 589923"/>
                <a:gd name="connsiteX300" fmla="*/ 111132 w 589923"/>
                <a:gd name="connsiteY300" fmla="*/ 253841 h 589923"/>
                <a:gd name="connsiteX301" fmla="*/ 123778 w 589923"/>
                <a:gd name="connsiteY301" fmla="*/ 253841 h 589923"/>
                <a:gd name="connsiteX302" fmla="*/ 128490 w 589923"/>
                <a:gd name="connsiteY302" fmla="*/ 253841 h 589923"/>
                <a:gd name="connsiteX303" fmla="*/ 16380 w 589923"/>
                <a:gd name="connsiteY303" fmla="*/ 337200 h 589923"/>
                <a:gd name="connsiteX304" fmla="*/ 16380 w 589923"/>
                <a:gd name="connsiteY304" fmla="*/ 298130 h 589923"/>
                <a:gd name="connsiteX305" fmla="*/ 16380 w 589923"/>
                <a:gd name="connsiteY305" fmla="*/ 293418 h 589923"/>
                <a:gd name="connsiteX306" fmla="*/ 21093 w 589923"/>
                <a:gd name="connsiteY306" fmla="*/ 293418 h 589923"/>
                <a:gd name="connsiteX307" fmla="*/ 59238 w 589923"/>
                <a:gd name="connsiteY307" fmla="*/ 293418 h 589923"/>
                <a:gd name="connsiteX308" fmla="*/ 70452 w 589923"/>
                <a:gd name="connsiteY308" fmla="*/ 293418 h 589923"/>
                <a:gd name="connsiteX309" fmla="*/ 62608 w 589923"/>
                <a:gd name="connsiteY309" fmla="*/ 301441 h 589923"/>
                <a:gd name="connsiteX310" fmla="*/ 24463 w 589923"/>
                <a:gd name="connsiteY310" fmla="*/ 340510 h 589923"/>
                <a:gd name="connsiteX311" fmla="*/ 16351 w 589923"/>
                <a:gd name="connsiteY311" fmla="*/ 348831 h 589923"/>
                <a:gd name="connsiteX312" fmla="*/ 16351 w 589923"/>
                <a:gd name="connsiteY312" fmla="*/ 337200 h 589923"/>
                <a:gd name="connsiteX313" fmla="*/ 28549 w 589923"/>
                <a:gd name="connsiteY313" fmla="*/ 395655 h 589923"/>
                <a:gd name="connsiteX314" fmla="*/ 23837 w 589923"/>
                <a:gd name="connsiteY314" fmla="*/ 395655 h 589923"/>
                <a:gd name="connsiteX315" fmla="*/ 23837 w 589923"/>
                <a:gd name="connsiteY315" fmla="*/ 390943 h 589923"/>
                <a:gd name="connsiteX316" fmla="*/ 23837 w 589923"/>
                <a:gd name="connsiteY316" fmla="*/ 366696 h 589923"/>
                <a:gd name="connsiteX317" fmla="*/ 23837 w 589923"/>
                <a:gd name="connsiteY317" fmla="*/ 364758 h 589923"/>
                <a:gd name="connsiteX318" fmla="*/ 25179 w 589923"/>
                <a:gd name="connsiteY318" fmla="*/ 363386 h 589923"/>
                <a:gd name="connsiteX319" fmla="*/ 91985 w 589923"/>
                <a:gd name="connsiteY319" fmla="*/ 294909 h 589923"/>
                <a:gd name="connsiteX320" fmla="*/ 93387 w 589923"/>
                <a:gd name="connsiteY320" fmla="*/ 293478 h 589923"/>
                <a:gd name="connsiteX321" fmla="*/ 95385 w 589923"/>
                <a:gd name="connsiteY321" fmla="*/ 293478 h 589923"/>
                <a:gd name="connsiteX322" fmla="*/ 196221 w 589923"/>
                <a:gd name="connsiteY322" fmla="*/ 293478 h 589923"/>
                <a:gd name="connsiteX323" fmla="*/ 207435 w 589923"/>
                <a:gd name="connsiteY323" fmla="*/ 293478 h 589923"/>
                <a:gd name="connsiteX324" fmla="*/ 199591 w 589923"/>
                <a:gd name="connsiteY324" fmla="*/ 301500 h 589923"/>
                <a:gd name="connsiteX325" fmla="*/ 109104 w 589923"/>
                <a:gd name="connsiteY325" fmla="*/ 394224 h 589923"/>
                <a:gd name="connsiteX326" fmla="*/ 107702 w 589923"/>
                <a:gd name="connsiteY326" fmla="*/ 395655 h 589923"/>
                <a:gd name="connsiteX327" fmla="*/ 105704 w 589923"/>
                <a:gd name="connsiteY327" fmla="*/ 395655 h 589923"/>
                <a:gd name="connsiteX328" fmla="*/ 97115 w 589923"/>
                <a:gd name="connsiteY328" fmla="*/ 395655 h 589923"/>
                <a:gd name="connsiteX329" fmla="*/ 28549 w 589923"/>
                <a:gd name="connsiteY329" fmla="*/ 395655 h 589923"/>
                <a:gd name="connsiteX330" fmla="*/ 128490 w 589923"/>
                <a:gd name="connsiteY330" fmla="*/ 416831 h 589923"/>
                <a:gd name="connsiteX331" fmla="*/ 128490 w 589923"/>
                <a:gd name="connsiteY331" fmla="*/ 568964 h 589923"/>
                <a:gd name="connsiteX332" fmla="*/ 128490 w 589923"/>
                <a:gd name="connsiteY332" fmla="*/ 573676 h 589923"/>
                <a:gd name="connsiteX333" fmla="*/ 123778 w 589923"/>
                <a:gd name="connsiteY333" fmla="*/ 573676 h 589923"/>
                <a:gd name="connsiteX334" fmla="*/ 110118 w 589923"/>
                <a:gd name="connsiteY334" fmla="*/ 573676 h 589923"/>
                <a:gd name="connsiteX335" fmla="*/ 105406 w 589923"/>
                <a:gd name="connsiteY335" fmla="*/ 573676 h 589923"/>
                <a:gd name="connsiteX336" fmla="*/ 105406 w 589923"/>
                <a:gd name="connsiteY336" fmla="*/ 568964 h 589923"/>
                <a:gd name="connsiteX337" fmla="*/ 105406 w 589923"/>
                <a:gd name="connsiteY337" fmla="*/ 416890 h 589923"/>
                <a:gd name="connsiteX338" fmla="*/ 105406 w 589923"/>
                <a:gd name="connsiteY338" fmla="*/ 412178 h 589923"/>
                <a:gd name="connsiteX339" fmla="*/ 110118 w 589923"/>
                <a:gd name="connsiteY339" fmla="*/ 412178 h 589923"/>
                <a:gd name="connsiteX340" fmla="*/ 111132 w 589923"/>
                <a:gd name="connsiteY340" fmla="*/ 412178 h 589923"/>
                <a:gd name="connsiteX341" fmla="*/ 111937 w 589923"/>
                <a:gd name="connsiteY341" fmla="*/ 412148 h 589923"/>
                <a:gd name="connsiteX342" fmla="*/ 112176 w 589923"/>
                <a:gd name="connsiteY342" fmla="*/ 412118 h 589923"/>
                <a:gd name="connsiteX343" fmla="*/ 112415 w 589923"/>
                <a:gd name="connsiteY343" fmla="*/ 412118 h 589923"/>
                <a:gd name="connsiteX344" fmla="*/ 123778 w 589923"/>
                <a:gd name="connsiteY344" fmla="*/ 412118 h 589923"/>
                <a:gd name="connsiteX345" fmla="*/ 128490 w 589923"/>
                <a:gd name="connsiteY345" fmla="*/ 412118 h 589923"/>
                <a:gd name="connsiteX346" fmla="*/ 128490 w 589923"/>
                <a:gd name="connsiteY346" fmla="*/ 416831 h 589923"/>
                <a:gd name="connsiteX347" fmla="*/ 141941 w 589923"/>
                <a:gd name="connsiteY347" fmla="*/ 395655 h 589923"/>
                <a:gd name="connsiteX348" fmla="*/ 130727 w 589923"/>
                <a:gd name="connsiteY348" fmla="*/ 395655 h 589923"/>
                <a:gd name="connsiteX349" fmla="*/ 138570 w 589923"/>
                <a:gd name="connsiteY349" fmla="*/ 387633 h 589923"/>
                <a:gd name="connsiteX350" fmla="*/ 229117 w 589923"/>
                <a:gd name="connsiteY350" fmla="*/ 294849 h 589923"/>
                <a:gd name="connsiteX351" fmla="*/ 230519 w 589923"/>
                <a:gd name="connsiteY351" fmla="*/ 293418 h 589923"/>
                <a:gd name="connsiteX352" fmla="*/ 232517 w 589923"/>
                <a:gd name="connsiteY352" fmla="*/ 293418 h 589923"/>
                <a:gd name="connsiteX353" fmla="*/ 332398 w 589923"/>
                <a:gd name="connsiteY353" fmla="*/ 293418 h 589923"/>
                <a:gd name="connsiteX354" fmla="*/ 343612 w 589923"/>
                <a:gd name="connsiteY354" fmla="*/ 293418 h 589923"/>
                <a:gd name="connsiteX355" fmla="*/ 335768 w 589923"/>
                <a:gd name="connsiteY355" fmla="*/ 301441 h 589923"/>
                <a:gd name="connsiteX356" fmla="*/ 245222 w 589923"/>
                <a:gd name="connsiteY356" fmla="*/ 394224 h 589923"/>
                <a:gd name="connsiteX357" fmla="*/ 243820 w 589923"/>
                <a:gd name="connsiteY357" fmla="*/ 395655 h 589923"/>
                <a:gd name="connsiteX358" fmla="*/ 241822 w 589923"/>
                <a:gd name="connsiteY358" fmla="*/ 395655 h 589923"/>
                <a:gd name="connsiteX359" fmla="*/ 141941 w 589923"/>
                <a:gd name="connsiteY359" fmla="*/ 395655 h 589923"/>
                <a:gd name="connsiteX360" fmla="*/ 445044 w 589923"/>
                <a:gd name="connsiteY360" fmla="*/ 486053 h 589923"/>
                <a:gd name="connsiteX361" fmla="*/ 445044 w 589923"/>
                <a:gd name="connsiteY361" fmla="*/ 519486 h 589923"/>
                <a:gd name="connsiteX362" fmla="*/ 445044 w 589923"/>
                <a:gd name="connsiteY362" fmla="*/ 524198 h 589923"/>
                <a:gd name="connsiteX363" fmla="*/ 440332 w 589923"/>
                <a:gd name="connsiteY363" fmla="*/ 524198 h 589923"/>
                <a:gd name="connsiteX364" fmla="*/ 149725 w 589923"/>
                <a:gd name="connsiteY364" fmla="*/ 524198 h 589923"/>
                <a:gd name="connsiteX365" fmla="*/ 145012 w 589923"/>
                <a:gd name="connsiteY365" fmla="*/ 524198 h 589923"/>
                <a:gd name="connsiteX366" fmla="*/ 145012 w 589923"/>
                <a:gd name="connsiteY366" fmla="*/ 519486 h 589923"/>
                <a:gd name="connsiteX367" fmla="*/ 145012 w 589923"/>
                <a:gd name="connsiteY367" fmla="*/ 486053 h 589923"/>
                <a:gd name="connsiteX368" fmla="*/ 145012 w 589923"/>
                <a:gd name="connsiteY368" fmla="*/ 481340 h 589923"/>
                <a:gd name="connsiteX369" fmla="*/ 149725 w 589923"/>
                <a:gd name="connsiteY369" fmla="*/ 481340 h 589923"/>
                <a:gd name="connsiteX370" fmla="*/ 440332 w 589923"/>
                <a:gd name="connsiteY370" fmla="*/ 481340 h 589923"/>
                <a:gd name="connsiteX371" fmla="*/ 445044 w 589923"/>
                <a:gd name="connsiteY371" fmla="*/ 481340 h 589923"/>
                <a:gd name="connsiteX372" fmla="*/ 445044 w 589923"/>
                <a:gd name="connsiteY372" fmla="*/ 486053 h 589923"/>
                <a:gd name="connsiteX373" fmla="*/ 445044 w 589923"/>
                <a:gd name="connsiteY373" fmla="*/ 416890 h 589923"/>
                <a:gd name="connsiteX374" fmla="*/ 445044 w 589923"/>
                <a:gd name="connsiteY374" fmla="*/ 460165 h 589923"/>
                <a:gd name="connsiteX375" fmla="*/ 445044 w 589923"/>
                <a:gd name="connsiteY375" fmla="*/ 464878 h 589923"/>
                <a:gd name="connsiteX376" fmla="*/ 440332 w 589923"/>
                <a:gd name="connsiteY376" fmla="*/ 464878 h 589923"/>
                <a:gd name="connsiteX377" fmla="*/ 149725 w 589923"/>
                <a:gd name="connsiteY377" fmla="*/ 464878 h 589923"/>
                <a:gd name="connsiteX378" fmla="*/ 145012 w 589923"/>
                <a:gd name="connsiteY378" fmla="*/ 464878 h 589923"/>
                <a:gd name="connsiteX379" fmla="*/ 145012 w 589923"/>
                <a:gd name="connsiteY379" fmla="*/ 460165 h 589923"/>
                <a:gd name="connsiteX380" fmla="*/ 145012 w 589923"/>
                <a:gd name="connsiteY380" fmla="*/ 416831 h 589923"/>
                <a:gd name="connsiteX381" fmla="*/ 145012 w 589923"/>
                <a:gd name="connsiteY381" fmla="*/ 412118 h 589923"/>
                <a:gd name="connsiteX382" fmla="*/ 383368 w 589923"/>
                <a:gd name="connsiteY382" fmla="*/ 412178 h 589923"/>
                <a:gd name="connsiteX383" fmla="*/ 440362 w 589923"/>
                <a:gd name="connsiteY383" fmla="*/ 412178 h 589923"/>
                <a:gd name="connsiteX384" fmla="*/ 445074 w 589923"/>
                <a:gd name="connsiteY384" fmla="*/ 412178 h 589923"/>
                <a:gd name="connsiteX385" fmla="*/ 445074 w 589923"/>
                <a:gd name="connsiteY385" fmla="*/ 416890 h 589923"/>
                <a:gd name="connsiteX386" fmla="*/ 484591 w 589923"/>
                <a:gd name="connsiteY386" fmla="*/ 416890 h 589923"/>
                <a:gd name="connsiteX387" fmla="*/ 484591 w 589923"/>
                <a:gd name="connsiteY387" fmla="*/ 568964 h 589923"/>
                <a:gd name="connsiteX388" fmla="*/ 484591 w 589923"/>
                <a:gd name="connsiteY388" fmla="*/ 573676 h 589923"/>
                <a:gd name="connsiteX389" fmla="*/ 479879 w 589923"/>
                <a:gd name="connsiteY389" fmla="*/ 573676 h 589923"/>
                <a:gd name="connsiteX390" fmla="*/ 466220 w 589923"/>
                <a:gd name="connsiteY390" fmla="*/ 573676 h 589923"/>
                <a:gd name="connsiteX391" fmla="*/ 461507 w 589923"/>
                <a:gd name="connsiteY391" fmla="*/ 573676 h 589923"/>
                <a:gd name="connsiteX392" fmla="*/ 461507 w 589923"/>
                <a:gd name="connsiteY392" fmla="*/ 568964 h 589923"/>
                <a:gd name="connsiteX393" fmla="*/ 461507 w 589923"/>
                <a:gd name="connsiteY393" fmla="*/ 532489 h 589923"/>
                <a:gd name="connsiteX394" fmla="*/ 461507 w 589923"/>
                <a:gd name="connsiteY394" fmla="*/ 532370 h 589923"/>
                <a:gd name="connsiteX395" fmla="*/ 461507 w 589923"/>
                <a:gd name="connsiteY395" fmla="*/ 532370 h 589923"/>
                <a:gd name="connsiteX396" fmla="*/ 461507 w 589923"/>
                <a:gd name="connsiteY396" fmla="*/ 473258 h 589923"/>
                <a:gd name="connsiteX397" fmla="*/ 461507 w 589923"/>
                <a:gd name="connsiteY397" fmla="*/ 473258 h 589923"/>
                <a:gd name="connsiteX398" fmla="*/ 461507 w 589923"/>
                <a:gd name="connsiteY398" fmla="*/ 473139 h 589923"/>
                <a:gd name="connsiteX399" fmla="*/ 461507 w 589923"/>
                <a:gd name="connsiteY399" fmla="*/ 416920 h 589923"/>
                <a:gd name="connsiteX400" fmla="*/ 461507 w 589923"/>
                <a:gd name="connsiteY400" fmla="*/ 412208 h 589923"/>
                <a:gd name="connsiteX401" fmla="*/ 466220 w 589923"/>
                <a:gd name="connsiteY401" fmla="*/ 412208 h 589923"/>
                <a:gd name="connsiteX402" fmla="*/ 479879 w 589923"/>
                <a:gd name="connsiteY402" fmla="*/ 412208 h 589923"/>
                <a:gd name="connsiteX403" fmla="*/ 484591 w 589923"/>
                <a:gd name="connsiteY403" fmla="*/ 412208 h 589923"/>
                <a:gd name="connsiteX404" fmla="*/ 484591 w 589923"/>
                <a:gd name="connsiteY404" fmla="*/ 416890 h 589923"/>
                <a:gd name="connsiteX405" fmla="*/ 573617 w 589923"/>
                <a:gd name="connsiteY405" fmla="*/ 371736 h 589923"/>
                <a:gd name="connsiteX406" fmla="*/ 573617 w 589923"/>
                <a:gd name="connsiteY406" fmla="*/ 390913 h 589923"/>
                <a:gd name="connsiteX407" fmla="*/ 573617 w 589923"/>
                <a:gd name="connsiteY407" fmla="*/ 395626 h 589923"/>
                <a:gd name="connsiteX408" fmla="*/ 568904 w 589923"/>
                <a:gd name="connsiteY408" fmla="*/ 395626 h 589923"/>
                <a:gd name="connsiteX409" fmla="*/ 550175 w 589923"/>
                <a:gd name="connsiteY409" fmla="*/ 395626 h 589923"/>
                <a:gd name="connsiteX410" fmla="*/ 538961 w 589923"/>
                <a:gd name="connsiteY410" fmla="*/ 395626 h 589923"/>
                <a:gd name="connsiteX411" fmla="*/ 546805 w 589923"/>
                <a:gd name="connsiteY411" fmla="*/ 387603 h 589923"/>
                <a:gd name="connsiteX412" fmla="*/ 565505 w 589923"/>
                <a:gd name="connsiteY412" fmla="*/ 368426 h 589923"/>
                <a:gd name="connsiteX413" fmla="*/ 573617 w 589923"/>
                <a:gd name="connsiteY413" fmla="*/ 360105 h 589923"/>
                <a:gd name="connsiteX414" fmla="*/ 573617 w 589923"/>
                <a:gd name="connsiteY414" fmla="*/ 371736 h 589923"/>
                <a:gd name="connsiteX415" fmla="*/ 501203 w 589923"/>
                <a:gd name="connsiteY415" fmla="*/ 294879 h 589923"/>
                <a:gd name="connsiteX416" fmla="*/ 502605 w 589923"/>
                <a:gd name="connsiteY416" fmla="*/ 293448 h 589923"/>
                <a:gd name="connsiteX417" fmla="*/ 504603 w 589923"/>
                <a:gd name="connsiteY417" fmla="*/ 293448 h 589923"/>
                <a:gd name="connsiteX418" fmla="*/ 561478 w 589923"/>
                <a:gd name="connsiteY418" fmla="*/ 293448 h 589923"/>
                <a:gd name="connsiteX419" fmla="*/ 566191 w 589923"/>
                <a:gd name="connsiteY419" fmla="*/ 293448 h 589923"/>
                <a:gd name="connsiteX420" fmla="*/ 566191 w 589923"/>
                <a:gd name="connsiteY420" fmla="*/ 298160 h 589923"/>
                <a:gd name="connsiteX421" fmla="*/ 566191 w 589923"/>
                <a:gd name="connsiteY421" fmla="*/ 342240 h 589923"/>
                <a:gd name="connsiteX422" fmla="*/ 566191 w 589923"/>
                <a:gd name="connsiteY422" fmla="*/ 344179 h 589923"/>
                <a:gd name="connsiteX423" fmla="*/ 564848 w 589923"/>
                <a:gd name="connsiteY423" fmla="*/ 345551 h 589923"/>
                <a:gd name="connsiteX424" fmla="*/ 517368 w 589923"/>
                <a:gd name="connsiteY424" fmla="*/ 394224 h 589923"/>
                <a:gd name="connsiteX425" fmla="*/ 515966 w 589923"/>
                <a:gd name="connsiteY425" fmla="*/ 395655 h 589923"/>
                <a:gd name="connsiteX426" fmla="*/ 513968 w 589923"/>
                <a:gd name="connsiteY426" fmla="*/ 395655 h 589923"/>
                <a:gd name="connsiteX427" fmla="*/ 492793 w 589923"/>
                <a:gd name="connsiteY427" fmla="*/ 395655 h 589923"/>
                <a:gd name="connsiteX428" fmla="*/ 453246 w 589923"/>
                <a:gd name="connsiteY428" fmla="*/ 395655 h 589923"/>
                <a:gd name="connsiteX429" fmla="*/ 414087 w 589923"/>
                <a:gd name="connsiteY429" fmla="*/ 395655 h 589923"/>
                <a:gd name="connsiteX430" fmla="*/ 402873 w 589923"/>
                <a:gd name="connsiteY430" fmla="*/ 395655 h 589923"/>
                <a:gd name="connsiteX431" fmla="*/ 410717 w 589923"/>
                <a:gd name="connsiteY431" fmla="*/ 387633 h 589923"/>
                <a:gd name="connsiteX432" fmla="*/ 501203 w 589923"/>
                <a:gd name="connsiteY432" fmla="*/ 294879 h 589923"/>
                <a:gd name="connsiteX433" fmla="*/ 492823 w 589923"/>
                <a:gd name="connsiteY433" fmla="*/ 237378 h 589923"/>
                <a:gd name="connsiteX434" fmla="*/ 453246 w 589923"/>
                <a:gd name="connsiteY434" fmla="*/ 237378 h 589923"/>
                <a:gd name="connsiteX435" fmla="*/ 414027 w 589923"/>
                <a:gd name="connsiteY435" fmla="*/ 237378 h 589923"/>
                <a:gd name="connsiteX436" fmla="*/ 402843 w 589923"/>
                <a:gd name="connsiteY436" fmla="*/ 237378 h 589923"/>
                <a:gd name="connsiteX437" fmla="*/ 410687 w 589923"/>
                <a:gd name="connsiteY437" fmla="*/ 229355 h 589923"/>
                <a:gd name="connsiteX438" fmla="*/ 501233 w 589923"/>
                <a:gd name="connsiteY438" fmla="*/ 136572 h 589923"/>
                <a:gd name="connsiteX439" fmla="*/ 502635 w 589923"/>
                <a:gd name="connsiteY439" fmla="*/ 135141 h 589923"/>
                <a:gd name="connsiteX440" fmla="*/ 504633 w 589923"/>
                <a:gd name="connsiteY440" fmla="*/ 135141 h 589923"/>
                <a:gd name="connsiteX441" fmla="*/ 561508 w 589923"/>
                <a:gd name="connsiteY441" fmla="*/ 135141 h 589923"/>
                <a:gd name="connsiteX442" fmla="*/ 566220 w 589923"/>
                <a:gd name="connsiteY442" fmla="*/ 135141 h 589923"/>
                <a:gd name="connsiteX443" fmla="*/ 566220 w 589923"/>
                <a:gd name="connsiteY443" fmla="*/ 139853 h 589923"/>
                <a:gd name="connsiteX444" fmla="*/ 566220 w 589923"/>
                <a:gd name="connsiteY444" fmla="*/ 183933 h 589923"/>
                <a:gd name="connsiteX445" fmla="*/ 566220 w 589923"/>
                <a:gd name="connsiteY445" fmla="*/ 185872 h 589923"/>
                <a:gd name="connsiteX446" fmla="*/ 564878 w 589923"/>
                <a:gd name="connsiteY446" fmla="*/ 187244 h 589923"/>
                <a:gd name="connsiteX447" fmla="*/ 517368 w 589923"/>
                <a:gd name="connsiteY447" fmla="*/ 235947 h 589923"/>
                <a:gd name="connsiteX448" fmla="*/ 515966 w 589923"/>
                <a:gd name="connsiteY448" fmla="*/ 237378 h 589923"/>
                <a:gd name="connsiteX449" fmla="*/ 513968 w 589923"/>
                <a:gd name="connsiteY449" fmla="*/ 237378 h 589923"/>
                <a:gd name="connsiteX450" fmla="*/ 492823 w 589923"/>
                <a:gd name="connsiteY450" fmla="*/ 237378 h 5899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Lst>
              <a:rect l="l" t="t" r="r" b="b"/>
              <a:pathLst>
                <a:path w="589923" h="589923">
                  <a:moveTo>
                    <a:pt x="501054" y="258553"/>
                  </a:moveTo>
                  <a:lnTo>
                    <a:pt x="501054" y="253841"/>
                  </a:lnTo>
                  <a:lnTo>
                    <a:pt x="505767" y="253841"/>
                  </a:lnTo>
                  <a:lnTo>
                    <a:pt x="519366" y="253841"/>
                  </a:lnTo>
                  <a:lnTo>
                    <a:pt x="581818" y="253841"/>
                  </a:lnTo>
                  <a:cubicBezTo>
                    <a:pt x="586352" y="253841"/>
                    <a:pt x="590050" y="250143"/>
                    <a:pt x="590050" y="245610"/>
                  </a:cubicBezTo>
                  <a:lnTo>
                    <a:pt x="590050" y="126909"/>
                  </a:lnTo>
                  <a:cubicBezTo>
                    <a:pt x="590050" y="122376"/>
                    <a:pt x="586352" y="118678"/>
                    <a:pt x="581818" y="118678"/>
                  </a:cubicBezTo>
                  <a:lnTo>
                    <a:pt x="574362" y="118678"/>
                  </a:lnTo>
                  <a:lnTo>
                    <a:pt x="505737" y="118678"/>
                  </a:lnTo>
                  <a:lnTo>
                    <a:pt x="501025" y="118678"/>
                  </a:lnTo>
                  <a:lnTo>
                    <a:pt x="501025" y="113965"/>
                  </a:lnTo>
                  <a:lnTo>
                    <a:pt x="501025" y="88824"/>
                  </a:lnTo>
                  <a:lnTo>
                    <a:pt x="501025" y="86557"/>
                  </a:lnTo>
                  <a:lnTo>
                    <a:pt x="502814" y="85125"/>
                  </a:lnTo>
                  <a:cubicBezTo>
                    <a:pt x="514267" y="75969"/>
                    <a:pt x="520828" y="62369"/>
                    <a:pt x="520828" y="47785"/>
                  </a:cubicBezTo>
                  <a:cubicBezTo>
                    <a:pt x="520828" y="21421"/>
                    <a:pt x="499384" y="7"/>
                    <a:pt x="473019" y="7"/>
                  </a:cubicBezTo>
                  <a:cubicBezTo>
                    <a:pt x="446655" y="7"/>
                    <a:pt x="425241" y="21451"/>
                    <a:pt x="425241" y="47785"/>
                  </a:cubicBezTo>
                  <a:cubicBezTo>
                    <a:pt x="425241" y="62369"/>
                    <a:pt x="431802" y="75969"/>
                    <a:pt x="443255" y="85125"/>
                  </a:cubicBezTo>
                  <a:lnTo>
                    <a:pt x="445044" y="86557"/>
                  </a:lnTo>
                  <a:lnTo>
                    <a:pt x="445044" y="88824"/>
                  </a:lnTo>
                  <a:lnTo>
                    <a:pt x="445044" y="113965"/>
                  </a:lnTo>
                  <a:lnTo>
                    <a:pt x="445044" y="118678"/>
                  </a:lnTo>
                  <a:lnTo>
                    <a:pt x="440332" y="118678"/>
                  </a:lnTo>
                  <a:lnTo>
                    <a:pt x="363058" y="118678"/>
                  </a:lnTo>
                  <a:lnTo>
                    <a:pt x="325897" y="118678"/>
                  </a:lnTo>
                  <a:lnTo>
                    <a:pt x="321184" y="118678"/>
                  </a:lnTo>
                  <a:lnTo>
                    <a:pt x="321184" y="113965"/>
                  </a:lnTo>
                  <a:lnTo>
                    <a:pt x="321184" y="88824"/>
                  </a:lnTo>
                  <a:lnTo>
                    <a:pt x="321184" y="86557"/>
                  </a:lnTo>
                  <a:lnTo>
                    <a:pt x="322944" y="85125"/>
                  </a:lnTo>
                  <a:cubicBezTo>
                    <a:pt x="334396" y="75969"/>
                    <a:pt x="340958" y="62369"/>
                    <a:pt x="340958" y="47785"/>
                  </a:cubicBezTo>
                  <a:cubicBezTo>
                    <a:pt x="340958" y="21421"/>
                    <a:pt x="319514" y="7"/>
                    <a:pt x="293179" y="7"/>
                  </a:cubicBezTo>
                  <a:cubicBezTo>
                    <a:pt x="266815" y="7"/>
                    <a:pt x="245371" y="21451"/>
                    <a:pt x="245371" y="47785"/>
                  </a:cubicBezTo>
                  <a:cubicBezTo>
                    <a:pt x="245371" y="62369"/>
                    <a:pt x="251932" y="75969"/>
                    <a:pt x="263385" y="85125"/>
                  </a:cubicBezTo>
                  <a:lnTo>
                    <a:pt x="265174" y="86557"/>
                  </a:lnTo>
                  <a:lnTo>
                    <a:pt x="265174" y="88824"/>
                  </a:lnTo>
                  <a:lnTo>
                    <a:pt x="265174" y="113965"/>
                  </a:lnTo>
                  <a:lnTo>
                    <a:pt x="265174" y="118678"/>
                  </a:lnTo>
                  <a:lnTo>
                    <a:pt x="260462" y="118678"/>
                  </a:lnTo>
                  <a:lnTo>
                    <a:pt x="227029" y="118678"/>
                  </a:lnTo>
                  <a:lnTo>
                    <a:pt x="149755" y="118678"/>
                  </a:lnTo>
                  <a:lnTo>
                    <a:pt x="145042" y="118678"/>
                  </a:lnTo>
                  <a:lnTo>
                    <a:pt x="145042" y="113965"/>
                  </a:lnTo>
                  <a:lnTo>
                    <a:pt x="145042" y="88824"/>
                  </a:lnTo>
                  <a:lnTo>
                    <a:pt x="145042" y="86557"/>
                  </a:lnTo>
                  <a:lnTo>
                    <a:pt x="146832" y="85125"/>
                  </a:lnTo>
                  <a:cubicBezTo>
                    <a:pt x="158284" y="75969"/>
                    <a:pt x="164846" y="62369"/>
                    <a:pt x="164846" y="47785"/>
                  </a:cubicBezTo>
                  <a:cubicBezTo>
                    <a:pt x="164846" y="21421"/>
                    <a:pt x="143402" y="7"/>
                    <a:pt x="117037" y="7"/>
                  </a:cubicBezTo>
                  <a:cubicBezTo>
                    <a:pt x="90673" y="7"/>
                    <a:pt x="69229" y="21451"/>
                    <a:pt x="69229" y="47785"/>
                  </a:cubicBezTo>
                  <a:cubicBezTo>
                    <a:pt x="69229" y="62369"/>
                    <a:pt x="75790" y="75969"/>
                    <a:pt x="87243" y="85125"/>
                  </a:cubicBezTo>
                  <a:lnTo>
                    <a:pt x="89032" y="86557"/>
                  </a:lnTo>
                  <a:lnTo>
                    <a:pt x="89032" y="88824"/>
                  </a:lnTo>
                  <a:lnTo>
                    <a:pt x="89032" y="113965"/>
                  </a:lnTo>
                  <a:lnTo>
                    <a:pt x="89032" y="118678"/>
                  </a:lnTo>
                  <a:lnTo>
                    <a:pt x="84320" y="118678"/>
                  </a:lnTo>
                  <a:lnTo>
                    <a:pt x="8238" y="118678"/>
                  </a:lnTo>
                  <a:cubicBezTo>
                    <a:pt x="3705" y="118678"/>
                    <a:pt x="7" y="122376"/>
                    <a:pt x="7" y="126909"/>
                  </a:cubicBezTo>
                  <a:lnTo>
                    <a:pt x="7" y="245610"/>
                  </a:lnTo>
                  <a:cubicBezTo>
                    <a:pt x="7" y="250143"/>
                    <a:pt x="3705" y="253841"/>
                    <a:pt x="8238" y="253841"/>
                  </a:cubicBezTo>
                  <a:lnTo>
                    <a:pt x="15695" y="253841"/>
                  </a:lnTo>
                  <a:lnTo>
                    <a:pt x="84320" y="253841"/>
                  </a:lnTo>
                  <a:lnTo>
                    <a:pt x="89032" y="253841"/>
                  </a:lnTo>
                  <a:lnTo>
                    <a:pt x="89032" y="258553"/>
                  </a:lnTo>
                  <a:lnTo>
                    <a:pt x="89032" y="272213"/>
                  </a:lnTo>
                  <a:lnTo>
                    <a:pt x="89032" y="276925"/>
                  </a:lnTo>
                  <a:lnTo>
                    <a:pt x="84320" y="276925"/>
                  </a:lnTo>
                  <a:lnTo>
                    <a:pt x="8238" y="276925"/>
                  </a:lnTo>
                  <a:cubicBezTo>
                    <a:pt x="3705" y="276925"/>
                    <a:pt x="7" y="280623"/>
                    <a:pt x="7" y="285157"/>
                  </a:cubicBezTo>
                  <a:lnTo>
                    <a:pt x="7" y="403857"/>
                  </a:lnTo>
                  <a:cubicBezTo>
                    <a:pt x="7" y="408390"/>
                    <a:pt x="3705" y="412089"/>
                    <a:pt x="8238" y="412089"/>
                  </a:cubicBezTo>
                  <a:lnTo>
                    <a:pt x="14442" y="412089"/>
                  </a:lnTo>
                  <a:lnTo>
                    <a:pt x="14681" y="412089"/>
                  </a:lnTo>
                  <a:lnTo>
                    <a:pt x="14919" y="412118"/>
                  </a:lnTo>
                  <a:cubicBezTo>
                    <a:pt x="15217" y="412148"/>
                    <a:pt x="15456" y="412148"/>
                    <a:pt x="15724" y="412148"/>
                  </a:cubicBezTo>
                  <a:lnTo>
                    <a:pt x="84350" y="412148"/>
                  </a:lnTo>
                  <a:lnTo>
                    <a:pt x="89062" y="412148"/>
                  </a:lnTo>
                  <a:lnTo>
                    <a:pt x="89062" y="416860"/>
                  </a:lnTo>
                  <a:lnTo>
                    <a:pt x="89062" y="581878"/>
                  </a:lnTo>
                  <a:cubicBezTo>
                    <a:pt x="89062" y="586411"/>
                    <a:pt x="92760" y="590110"/>
                    <a:pt x="97294" y="590110"/>
                  </a:cubicBezTo>
                  <a:lnTo>
                    <a:pt x="136870" y="590110"/>
                  </a:lnTo>
                  <a:cubicBezTo>
                    <a:pt x="141404" y="590110"/>
                    <a:pt x="145102" y="586411"/>
                    <a:pt x="145102" y="581878"/>
                  </a:cubicBezTo>
                  <a:lnTo>
                    <a:pt x="145102" y="545373"/>
                  </a:lnTo>
                  <a:lnTo>
                    <a:pt x="145102" y="540661"/>
                  </a:lnTo>
                  <a:lnTo>
                    <a:pt x="149814" y="540661"/>
                  </a:lnTo>
                  <a:lnTo>
                    <a:pt x="440422" y="540661"/>
                  </a:lnTo>
                  <a:lnTo>
                    <a:pt x="445134" y="540661"/>
                  </a:lnTo>
                  <a:lnTo>
                    <a:pt x="445134" y="545373"/>
                  </a:lnTo>
                  <a:lnTo>
                    <a:pt x="445134" y="581878"/>
                  </a:lnTo>
                  <a:cubicBezTo>
                    <a:pt x="445134" y="586411"/>
                    <a:pt x="448832" y="590110"/>
                    <a:pt x="453365" y="590110"/>
                  </a:cubicBezTo>
                  <a:lnTo>
                    <a:pt x="492942" y="590110"/>
                  </a:lnTo>
                  <a:cubicBezTo>
                    <a:pt x="497475" y="590110"/>
                    <a:pt x="501174" y="586411"/>
                    <a:pt x="501174" y="581878"/>
                  </a:cubicBezTo>
                  <a:lnTo>
                    <a:pt x="501174" y="416860"/>
                  </a:lnTo>
                  <a:lnTo>
                    <a:pt x="501174" y="412148"/>
                  </a:lnTo>
                  <a:lnTo>
                    <a:pt x="505886" y="412148"/>
                  </a:lnTo>
                  <a:lnTo>
                    <a:pt x="581968" y="412089"/>
                  </a:lnTo>
                  <a:cubicBezTo>
                    <a:pt x="586501" y="412089"/>
                    <a:pt x="590199" y="408390"/>
                    <a:pt x="590199" y="403857"/>
                  </a:cubicBezTo>
                  <a:lnTo>
                    <a:pt x="590199" y="285157"/>
                  </a:lnTo>
                  <a:cubicBezTo>
                    <a:pt x="590199" y="280623"/>
                    <a:pt x="586501" y="276925"/>
                    <a:pt x="581968" y="276925"/>
                  </a:cubicBezTo>
                  <a:lnTo>
                    <a:pt x="505886" y="276925"/>
                  </a:lnTo>
                  <a:lnTo>
                    <a:pt x="501174" y="276925"/>
                  </a:lnTo>
                  <a:lnTo>
                    <a:pt x="501174" y="272213"/>
                  </a:lnTo>
                  <a:lnTo>
                    <a:pt x="501174" y="258553"/>
                  </a:lnTo>
                  <a:close/>
                  <a:moveTo>
                    <a:pt x="573617" y="213429"/>
                  </a:moveTo>
                  <a:lnTo>
                    <a:pt x="573617" y="232666"/>
                  </a:lnTo>
                  <a:lnTo>
                    <a:pt x="573617" y="237378"/>
                  </a:lnTo>
                  <a:lnTo>
                    <a:pt x="568904" y="237378"/>
                  </a:lnTo>
                  <a:lnTo>
                    <a:pt x="550145" y="237378"/>
                  </a:lnTo>
                  <a:lnTo>
                    <a:pt x="538931" y="237378"/>
                  </a:lnTo>
                  <a:lnTo>
                    <a:pt x="546775" y="229355"/>
                  </a:lnTo>
                  <a:lnTo>
                    <a:pt x="565534" y="210119"/>
                  </a:lnTo>
                  <a:lnTo>
                    <a:pt x="573647" y="201798"/>
                  </a:lnTo>
                  <a:lnTo>
                    <a:pt x="573647" y="213429"/>
                  </a:lnTo>
                  <a:close/>
                  <a:moveTo>
                    <a:pt x="441704" y="47785"/>
                  </a:moveTo>
                  <a:cubicBezTo>
                    <a:pt x="441704" y="30517"/>
                    <a:pt x="455751" y="16440"/>
                    <a:pt x="473049" y="16440"/>
                  </a:cubicBezTo>
                  <a:cubicBezTo>
                    <a:pt x="490318" y="16440"/>
                    <a:pt x="504395" y="30487"/>
                    <a:pt x="504395" y="47785"/>
                  </a:cubicBezTo>
                  <a:cubicBezTo>
                    <a:pt x="504395" y="57717"/>
                    <a:pt x="494940" y="79131"/>
                    <a:pt x="473049" y="79131"/>
                  </a:cubicBezTo>
                  <a:cubicBezTo>
                    <a:pt x="446088" y="79101"/>
                    <a:pt x="441704" y="57687"/>
                    <a:pt x="441704" y="47785"/>
                  </a:cubicBezTo>
                  <a:close/>
                  <a:moveTo>
                    <a:pt x="484591" y="94460"/>
                  </a:moveTo>
                  <a:lnTo>
                    <a:pt x="484591" y="99829"/>
                  </a:lnTo>
                  <a:lnTo>
                    <a:pt x="484591" y="113936"/>
                  </a:lnTo>
                  <a:lnTo>
                    <a:pt x="484591" y="118648"/>
                  </a:lnTo>
                  <a:lnTo>
                    <a:pt x="479879" y="118648"/>
                  </a:lnTo>
                  <a:lnTo>
                    <a:pt x="466220" y="118648"/>
                  </a:lnTo>
                  <a:lnTo>
                    <a:pt x="461507" y="118648"/>
                  </a:lnTo>
                  <a:lnTo>
                    <a:pt x="461507" y="113936"/>
                  </a:lnTo>
                  <a:lnTo>
                    <a:pt x="461507" y="99829"/>
                  </a:lnTo>
                  <a:lnTo>
                    <a:pt x="461507" y="94460"/>
                  </a:lnTo>
                  <a:lnTo>
                    <a:pt x="466846" y="95146"/>
                  </a:lnTo>
                  <a:cubicBezTo>
                    <a:pt x="467830" y="95266"/>
                    <a:pt x="468814" y="95385"/>
                    <a:pt x="469769" y="95445"/>
                  </a:cubicBezTo>
                  <a:lnTo>
                    <a:pt x="469978" y="95474"/>
                  </a:lnTo>
                  <a:lnTo>
                    <a:pt x="470097" y="95474"/>
                  </a:lnTo>
                  <a:cubicBezTo>
                    <a:pt x="471200" y="95534"/>
                    <a:pt x="472184" y="95564"/>
                    <a:pt x="473079" y="95564"/>
                  </a:cubicBezTo>
                  <a:cubicBezTo>
                    <a:pt x="473974" y="95564"/>
                    <a:pt x="474928" y="95534"/>
                    <a:pt x="476091" y="95445"/>
                  </a:cubicBezTo>
                  <a:lnTo>
                    <a:pt x="476211" y="95445"/>
                  </a:lnTo>
                  <a:lnTo>
                    <a:pt x="476390" y="95445"/>
                  </a:lnTo>
                  <a:cubicBezTo>
                    <a:pt x="477374" y="95385"/>
                    <a:pt x="478358" y="95266"/>
                    <a:pt x="479312" y="95146"/>
                  </a:cubicBezTo>
                  <a:lnTo>
                    <a:pt x="484591" y="94460"/>
                  </a:lnTo>
                  <a:close/>
                  <a:moveTo>
                    <a:pt x="365115" y="136572"/>
                  </a:moveTo>
                  <a:lnTo>
                    <a:pt x="366517" y="135141"/>
                  </a:lnTo>
                  <a:lnTo>
                    <a:pt x="368515" y="135141"/>
                  </a:lnTo>
                  <a:lnTo>
                    <a:pt x="453276" y="135141"/>
                  </a:lnTo>
                  <a:lnTo>
                    <a:pt x="467621" y="135141"/>
                  </a:lnTo>
                  <a:lnTo>
                    <a:pt x="478776" y="135141"/>
                  </a:lnTo>
                  <a:lnTo>
                    <a:pt x="471021" y="143163"/>
                  </a:lnTo>
                  <a:lnTo>
                    <a:pt x="381250" y="235947"/>
                  </a:lnTo>
                  <a:lnTo>
                    <a:pt x="379849" y="237378"/>
                  </a:lnTo>
                  <a:lnTo>
                    <a:pt x="377850" y="237378"/>
                  </a:lnTo>
                  <a:lnTo>
                    <a:pt x="277999" y="237378"/>
                  </a:lnTo>
                  <a:lnTo>
                    <a:pt x="266785" y="237378"/>
                  </a:lnTo>
                  <a:lnTo>
                    <a:pt x="274629" y="229355"/>
                  </a:lnTo>
                  <a:lnTo>
                    <a:pt x="365115" y="136572"/>
                  </a:lnTo>
                  <a:close/>
                  <a:moveTo>
                    <a:pt x="467592" y="293448"/>
                  </a:moveTo>
                  <a:lnTo>
                    <a:pt x="478746" y="293448"/>
                  </a:lnTo>
                  <a:lnTo>
                    <a:pt x="470991" y="301470"/>
                  </a:lnTo>
                  <a:lnTo>
                    <a:pt x="381280" y="394194"/>
                  </a:lnTo>
                  <a:lnTo>
                    <a:pt x="379878" y="395626"/>
                  </a:lnTo>
                  <a:lnTo>
                    <a:pt x="377880" y="395626"/>
                  </a:lnTo>
                  <a:lnTo>
                    <a:pt x="278029" y="395626"/>
                  </a:lnTo>
                  <a:lnTo>
                    <a:pt x="266815" y="395626"/>
                  </a:lnTo>
                  <a:lnTo>
                    <a:pt x="274659" y="387603"/>
                  </a:lnTo>
                  <a:lnTo>
                    <a:pt x="365145" y="294879"/>
                  </a:lnTo>
                  <a:lnTo>
                    <a:pt x="366547" y="293448"/>
                  </a:lnTo>
                  <a:lnTo>
                    <a:pt x="368545" y="293448"/>
                  </a:lnTo>
                  <a:lnTo>
                    <a:pt x="467592" y="293448"/>
                  </a:lnTo>
                  <a:close/>
                  <a:moveTo>
                    <a:pt x="461478" y="276955"/>
                  </a:moveTo>
                  <a:lnTo>
                    <a:pt x="461478" y="272243"/>
                  </a:lnTo>
                  <a:lnTo>
                    <a:pt x="461478" y="258583"/>
                  </a:lnTo>
                  <a:lnTo>
                    <a:pt x="461478" y="253871"/>
                  </a:lnTo>
                  <a:lnTo>
                    <a:pt x="466190" y="253871"/>
                  </a:lnTo>
                  <a:lnTo>
                    <a:pt x="479849" y="253871"/>
                  </a:lnTo>
                  <a:lnTo>
                    <a:pt x="484562" y="253871"/>
                  </a:lnTo>
                  <a:lnTo>
                    <a:pt x="484562" y="258583"/>
                  </a:lnTo>
                  <a:lnTo>
                    <a:pt x="484562" y="272243"/>
                  </a:lnTo>
                  <a:lnTo>
                    <a:pt x="484562" y="276955"/>
                  </a:lnTo>
                  <a:lnTo>
                    <a:pt x="479849" y="276955"/>
                  </a:lnTo>
                  <a:lnTo>
                    <a:pt x="466190" y="276955"/>
                  </a:lnTo>
                  <a:lnTo>
                    <a:pt x="461478" y="276955"/>
                  </a:lnTo>
                  <a:close/>
                  <a:moveTo>
                    <a:pt x="445044" y="258553"/>
                  </a:moveTo>
                  <a:lnTo>
                    <a:pt x="445044" y="272213"/>
                  </a:lnTo>
                  <a:lnTo>
                    <a:pt x="445044" y="276925"/>
                  </a:lnTo>
                  <a:lnTo>
                    <a:pt x="440332" y="276925"/>
                  </a:lnTo>
                  <a:lnTo>
                    <a:pt x="149725" y="276925"/>
                  </a:lnTo>
                  <a:lnTo>
                    <a:pt x="145012" y="276925"/>
                  </a:lnTo>
                  <a:lnTo>
                    <a:pt x="145012" y="272213"/>
                  </a:lnTo>
                  <a:lnTo>
                    <a:pt x="145012" y="258553"/>
                  </a:lnTo>
                  <a:lnTo>
                    <a:pt x="145012" y="253841"/>
                  </a:lnTo>
                  <a:lnTo>
                    <a:pt x="149725" y="253841"/>
                  </a:lnTo>
                  <a:lnTo>
                    <a:pt x="247250" y="253841"/>
                  </a:lnTo>
                  <a:lnTo>
                    <a:pt x="383338" y="253841"/>
                  </a:lnTo>
                  <a:lnTo>
                    <a:pt x="440332" y="253841"/>
                  </a:lnTo>
                  <a:lnTo>
                    <a:pt x="445044" y="253841"/>
                  </a:lnTo>
                  <a:lnTo>
                    <a:pt x="445044" y="258553"/>
                  </a:lnTo>
                  <a:close/>
                  <a:moveTo>
                    <a:pt x="261804" y="47785"/>
                  </a:moveTo>
                  <a:cubicBezTo>
                    <a:pt x="261804" y="37764"/>
                    <a:pt x="266546" y="28817"/>
                    <a:pt x="273883" y="23091"/>
                  </a:cubicBezTo>
                  <a:cubicBezTo>
                    <a:pt x="279430" y="18498"/>
                    <a:pt x="286558" y="15724"/>
                    <a:pt x="294313" y="15724"/>
                  </a:cubicBezTo>
                  <a:cubicBezTo>
                    <a:pt x="311998" y="15724"/>
                    <a:pt x="326404" y="30100"/>
                    <a:pt x="326404" y="47815"/>
                  </a:cubicBezTo>
                  <a:cubicBezTo>
                    <a:pt x="326404" y="65531"/>
                    <a:pt x="312028" y="79906"/>
                    <a:pt x="294313" y="79906"/>
                  </a:cubicBezTo>
                  <a:cubicBezTo>
                    <a:pt x="286290" y="79906"/>
                    <a:pt x="278953" y="76924"/>
                    <a:pt x="273316" y="72033"/>
                  </a:cubicBezTo>
                  <a:cubicBezTo>
                    <a:pt x="265980" y="65978"/>
                    <a:pt x="261804" y="57240"/>
                    <a:pt x="261804" y="47785"/>
                  </a:cubicBezTo>
                  <a:close/>
                  <a:moveTo>
                    <a:pt x="304691" y="94460"/>
                  </a:moveTo>
                  <a:lnTo>
                    <a:pt x="304691" y="99829"/>
                  </a:lnTo>
                  <a:lnTo>
                    <a:pt x="304691" y="113936"/>
                  </a:lnTo>
                  <a:lnTo>
                    <a:pt x="304691" y="118648"/>
                  </a:lnTo>
                  <a:lnTo>
                    <a:pt x="299949" y="118648"/>
                  </a:lnTo>
                  <a:lnTo>
                    <a:pt x="286290" y="118648"/>
                  </a:lnTo>
                  <a:lnTo>
                    <a:pt x="281578" y="118648"/>
                  </a:lnTo>
                  <a:lnTo>
                    <a:pt x="281578" y="113936"/>
                  </a:lnTo>
                  <a:lnTo>
                    <a:pt x="281578" y="99829"/>
                  </a:lnTo>
                  <a:lnTo>
                    <a:pt x="281578" y="94460"/>
                  </a:lnTo>
                  <a:lnTo>
                    <a:pt x="286916" y="95146"/>
                  </a:lnTo>
                  <a:cubicBezTo>
                    <a:pt x="287900" y="95266"/>
                    <a:pt x="288885" y="95385"/>
                    <a:pt x="289839" y="95445"/>
                  </a:cubicBezTo>
                  <a:lnTo>
                    <a:pt x="290048" y="95474"/>
                  </a:lnTo>
                  <a:lnTo>
                    <a:pt x="290137" y="95474"/>
                  </a:lnTo>
                  <a:cubicBezTo>
                    <a:pt x="291271" y="95534"/>
                    <a:pt x="292225" y="95564"/>
                    <a:pt x="293120" y="95564"/>
                  </a:cubicBezTo>
                  <a:cubicBezTo>
                    <a:pt x="294014" y="95564"/>
                    <a:pt x="294969" y="95534"/>
                    <a:pt x="296132" y="95445"/>
                  </a:cubicBezTo>
                  <a:lnTo>
                    <a:pt x="296221" y="95445"/>
                  </a:lnTo>
                  <a:lnTo>
                    <a:pt x="296430" y="95415"/>
                  </a:lnTo>
                  <a:cubicBezTo>
                    <a:pt x="297385" y="95355"/>
                    <a:pt x="298369" y="95236"/>
                    <a:pt x="299353" y="95117"/>
                  </a:cubicBezTo>
                  <a:lnTo>
                    <a:pt x="304691" y="94460"/>
                  </a:lnTo>
                  <a:close/>
                  <a:moveTo>
                    <a:pt x="229027" y="136572"/>
                  </a:moveTo>
                  <a:lnTo>
                    <a:pt x="230429" y="135141"/>
                  </a:lnTo>
                  <a:lnTo>
                    <a:pt x="232427" y="135141"/>
                  </a:lnTo>
                  <a:lnTo>
                    <a:pt x="273376" y="135141"/>
                  </a:lnTo>
                  <a:lnTo>
                    <a:pt x="312953" y="135141"/>
                  </a:lnTo>
                  <a:lnTo>
                    <a:pt x="332339" y="135141"/>
                  </a:lnTo>
                  <a:lnTo>
                    <a:pt x="343553" y="135141"/>
                  </a:lnTo>
                  <a:lnTo>
                    <a:pt x="335709" y="143163"/>
                  </a:lnTo>
                  <a:lnTo>
                    <a:pt x="245162" y="235947"/>
                  </a:lnTo>
                  <a:lnTo>
                    <a:pt x="243761" y="237378"/>
                  </a:lnTo>
                  <a:lnTo>
                    <a:pt x="241762" y="237378"/>
                  </a:lnTo>
                  <a:lnTo>
                    <a:pt x="141881" y="237378"/>
                  </a:lnTo>
                  <a:lnTo>
                    <a:pt x="130667" y="237378"/>
                  </a:lnTo>
                  <a:lnTo>
                    <a:pt x="138511" y="229355"/>
                  </a:lnTo>
                  <a:lnTo>
                    <a:pt x="229027" y="136572"/>
                  </a:lnTo>
                  <a:close/>
                  <a:moveTo>
                    <a:pt x="84887" y="47785"/>
                  </a:moveTo>
                  <a:cubicBezTo>
                    <a:pt x="84887" y="30100"/>
                    <a:pt x="99262" y="15695"/>
                    <a:pt x="116978" y="15695"/>
                  </a:cubicBezTo>
                  <a:cubicBezTo>
                    <a:pt x="134693" y="15695"/>
                    <a:pt x="149039" y="30100"/>
                    <a:pt x="149039" y="47785"/>
                  </a:cubicBezTo>
                  <a:cubicBezTo>
                    <a:pt x="149039" y="65471"/>
                    <a:pt x="134663" y="79876"/>
                    <a:pt x="116948" y="79876"/>
                  </a:cubicBezTo>
                  <a:cubicBezTo>
                    <a:pt x="99232" y="79876"/>
                    <a:pt x="84887" y="65471"/>
                    <a:pt x="84887" y="47785"/>
                  </a:cubicBezTo>
                  <a:close/>
                  <a:moveTo>
                    <a:pt x="128490" y="94460"/>
                  </a:moveTo>
                  <a:lnTo>
                    <a:pt x="128490" y="99829"/>
                  </a:lnTo>
                  <a:lnTo>
                    <a:pt x="128490" y="113936"/>
                  </a:lnTo>
                  <a:lnTo>
                    <a:pt x="128490" y="118648"/>
                  </a:lnTo>
                  <a:lnTo>
                    <a:pt x="123778" y="118648"/>
                  </a:lnTo>
                  <a:lnTo>
                    <a:pt x="110118" y="118648"/>
                  </a:lnTo>
                  <a:lnTo>
                    <a:pt x="105406" y="118648"/>
                  </a:lnTo>
                  <a:lnTo>
                    <a:pt x="105406" y="113936"/>
                  </a:lnTo>
                  <a:lnTo>
                    <a:pt x="105406" y="99829"/>
                  </a:lnTo>
                  <a:lnTo>
                    <a:pt x="105406" y="94460"/>
                  </a:lnTo>
                  <a:lnTo>
                    <a:pt x="110744" y="95146"/>
                  </a:lnTo>
                  <a:cubicBezTo>
                    <a:pt x="111699" y="95266"/>
                    <a:pt x="112683" y="95355"/>
                    <a:pt x="113667" y="95445"/>
                  </a:cubicBezTo>
                  <a:lnTo>
                    <a:pt x="113846" y="95445"/>
                  </a:lnTo>
                  <a:lnTo>
                    <a:pt x="113965" y="95445"/>
                  </a:lnTo>
                  <a:cubicBezTo>
                    <a:pt x="115099" y="95504"/>
                    <a:pt x="116053" y="95534"/>
                    <a:pt x="116948" y="95534"/>
                  </a:cubicBezTo>
                  <a:cubicBezTo>
                    <a:pt x="117843" y="95534"/>
                    <a:pt x="118797" y="95504"/>
                    <a:pt x="119960" y="95415"/>
                  </a:cubicBezTo>
                  <a:lnTo>
                    <a:pt x="120050" y="95415"/>
                  </a:lnTo>
                  <a:lnTo>
                    <a:pt x="120258" y="95385"/>
                  </a:lnTo>
                  <a:cubicBezTo>
                    <a:pt x="121213" y="95325"/>
                    <a:pt x="122197" y="95206"/>
                    <a:pt x="123181" y="95087"/>
                  </a:cubicBezTo>
                  <a:lnTo>
                    <a:pt x="128490" y="94460"/>
                  </a:lnTo>
                  <a:close/>
                  <a:moveTo>
                    <a:pt x="16380" y="178893"/>
                  </a:moveTo>
                  <a:lnTo>
                    <a:pt x="16380" y="139853"/>
                  </a:lnTo>
                  <a:lnTo>
                    <a:pt x="16380" y="135141"/>
                  </a:lnTo>
                  <a:lnTo>
                    <a:pt x="21093" y="135141"/>
                  </a:lnTo>
                  <a:lnTo>
                    <a:pt x="59178" y="135141"/>
                  </a:lnTo>
                  <a:lnTo>
                    <a:pt x="70392" y="135141"/>
                  </a:lnTo>
                  <a:lnTo>
                    <a:pt x="62548" y="143163"/>
                  </a:lnTo>
                  <a:lnTo>
                    <a:pt x="24493" y="182173"/>
                  </a:lnTo>
                  <a:lnTo>
                    <a:pt x="16380" y="190494"/>
                  </a:lnTo>
                  <a:lnTo>
                    <a:pt x="16380" y="178893"/>
                  </a:lnTo>
                  <a:close/>
                  <a:moveTo>
                    <a:pt x="28549" y="237378"/>
                  </a:moveTo>
                  <a:lnTo>
                    <a:pt x="23837" y="237378"/>
                  </a:lnTo>
                  <a:lnTo>
                    <a:pt x="23837" y="232666"/>
                  </a:lnTo>
                  <a:lnTo>
                    <a:pt x="23837" y="208359"/>
                  </a:lnTo>
                  <a:lnTo>
                    <a:pt x="23837" y="206421"/>
                  </a:lnTo>
                  <a:lnTo>
                    <a:pt x="25179" y="205049"/>
                  </a:lnTo>
                  <a:lnTo>
                    <a:pt x="91985" y="136572"/>
                  </a:lnTo>
                  <a:lnTo>
                    <a:pt x="93387" y="135141"/>
                  </a:lnTo>
                  <a:lnTo>
                    <a:pt x="95385" y="135141"/>
                  </a:lnTo>
                  <a:lnTo>
                    <a:pt x="97174" y="135141"/>
                  </a:lnTo>
                  <a:lnTo>
                    <a:pt x="136751" y="135141"/>
                  </a:lnTo>
                  <a:lnTo>
                    <a:pt x="196251" y="135141"/>
                  </a:lnTo>
                  <a:lnTo>
                    <a:pt x="207464" y="135141"/>
                  </a:lnTo>
                  <a:lnTo>
                    <a:pt x="199621" y="143163"/>
                  </a:lnTo>
                  <a:lnTo>
                    <a:pt x="109074" y="235947"/>
                  </a:lnTo>
                  <a:lnTo>
                    <a:pt x="107673" y="237378"/>
                  </a:lnTo>
                  <a:lnTo>
                    <a:pt x="105674" y="237378"/>
                  </a:lnTo>
                  <a:lnTo>
                    <a:pt x="97145" y="237378"/>
                  </a:lnTo>
                  <a:lnTo>
                    <a:pt x="28549" y="237378"/>
                  </a:lnTo>
                  <a:close/>
                  <a:moveTo>
                    <a:pt x="128490" y="253841"/>
                  </a:moveTo>
                  <a:lnTo>
                    <a:pt x="128490" y="258553"/>
                  </a:lnTo>
                  <a:lnTo>
                    <a:pt x="128490" y="272213"/>
                  </a:lnTo>
                  <a:lnTo>
                    <a:pt x="128490" y="276925"/>
                  </a:lnTo>
                  <a:lnTo>
                    <a:pt x="123778" y="276925"/>
                  </a:lnTo>
                  <a:lnTo>
                    <a:pt x="110118" y="276925"/>
                  </a:lnTo>
                  <a:lnTo>
                    <a:pt x="105406" y="276925"/>
                  </a:lnTo>
                  <a:lnTo>
                    <a:pt x="105406" y="272213"/>
                  </a:lnTo>
                  <a:lnTo>
                    <a:pt x="105406" y="258553"/>
                  </a:lnTo>
                  <a:lnTo>
                    <a:pt x="105406" y="253841"/>
                  </a:lnTo>
                  <a:lnTo>
                    <a:pt x="110118" y="253841"/>
                  </a:lnTo>
                  <a:lnTo>
                    <a:pt x="111132" y="253841"/>
                  </a:lnTo>
                  <a:lnTo>
                    <a:pt x="123778" y="253841"/>
                  </a:lnTo>
                  <a:lnTo>
                    <a:pt x="128490" y="253841"/>
                  </a:lnTo>
                  <a:close/>
                  <a:moveTo>
                    <a:pt x="16380" y="337200"/>
                  </a:moveTo>
                  <a:lnTo>
                    <a:pt x="16380" y="298130"/>
                  </a:lnTo>
                  <a:lnTo>
                    <a:pt x="16380" y="293418"/>
                  </a:lnTo>
                  <a:lnTo>
                    <a:pt x="21093" y="293418"/>
                  </a:lnTo>
                  <a:lnTo>
                    <a:pt x="59238" y="293418"/>
                  </a:lnTo>
                  <a:lnTo>
                    <a:pt x="70452" y="293418"/>
                  </a:lnTo>
                  <a:lnTo>
                    <a:pt x="62608" y="301441"/>
                  </a:lnTo>
                  <a:lnTo>
                    <a:pt x="24463" y="340510"/>
                  </a:lnTo>
                  <a:lnTo>
                    <a:pt x="16351" y="348831"/>
                  </a:lnTo>
                  <a:lnTo>
                    <a:pt x="16351" y="337200"/>
                  </a:lnTo>
                  <a:close/>
                  <a:moveTo>
                    <a:pt x="28549" y="395655"/>
                  </a:moveTo>
                  <a:lnTo>
                    <a:pt x="23837" y="395655"/>
                  </a:lnTo>
                  <a:lnTo>
                    <a:pt x="23837" y="390943"/>
                  </a:lnTo>
                  <a:lnTo>
                    <a:pt x="23837" y="366696"/>
                  </a:lnTo>
                  <a:lnTo>
                    <a:pt x="23837" y="364758"/>
                  </a:lnTo>
                  <a:lnTo>
                    <a:pt x="25179" y="363386"/>
                  </a:lnTo>
                  <a:lnTo>
                    <a:pt x="91985" y="294909"/>
                  </a:lnTo>
                  <a:lnTo>
                    <a:pt x="93387" y="293478"/>
                  </a:lnTo>
                  <a:lnTo>
                    <a:pt x="95385" y="293478"/>
                  </a:lnTo>
                  <a:lnTo>
                    <a:pt x="196221" y="293478"/>
                  </a:lnTo>
                  <a:lnTo>
                    <a:pt x="207435" y="293478"/>
                  </a:lnTo>
                  <a:lnTo>
                    <a:pt x="199591" y="301500"/>
                  </a:lnTo>
                  <a:lnTo>
                    <a:pt x="109104" y="394224"/>
                  </a:lnTo>
                  <a:lnTo>
                    <a:pt x="107702" y="395655"/>
                  </a:lnTo>
                  <a:lnTo>
                    <a:pt x="105704" y="395655"/>
                  </a:lnTo>
                  <a:lnTo>
                    <a:pt x="97115" y="395655"/>
                  </a:lnTo>
                  <a:lnTo>
                    <a:pt x="28549" y="395655"/>
                  </a:lnTo>
                  <a:close/>
                  <a:moveTo>
                    <a:pt x="128490" y="416831"/>
                  </a:moveTo>
                  <a:lnTo>
                    <a:pt x="128490" y="568964"/>
                  </a:lnTo>
                  <a:lnTo>
                    <a:pt x="128490" y="573676"/>
                  </a:lnTo>
                  <a:lnTo>
                    <a:pt x="123778" y="573676"/>
                  </a:lnTo>
                  <a:lnTo>
                    <a:pt x="110118" y="573676"/>
                  </a:lnTo>
                  <a:lnTo>
                    <a:pt x="105406" y="573676"/>
                  </a:lnTo>
                  <a:lnTo>
                    <a:pt x="105406" y="568964"/>
                  </a:lnTo>
                  <a:lnTo>
                    <a:pt x="105406" y="416890"/>
                  </a:lnTo>
                  <a:lnTo>
                    <a:pt x="105406" y="412178"/>
                  </a:lnTo>
                  <a:lnTo>
                    <a:pt x="110118" y="412178"/>
                  </a:lnTo>
                  <a:lnTo>
                    <a:pt x="111132" y="412178"/>
                  </a:lnTo>
                  <a:cubicBezTo>
                    <a:pt x="111401" y="412178"/>
                    <a:pt x="111669" y="412178"/>
                    <a:pt x="111937" y="412148"/>
                  </a:cubicBezTo>
                  <a:lnTo>
                    <a:pt x="112176" y="412118"/>
                  </a:lnTo>
                  <a:lnTo>
                    <a:pt x="112415" y="412118"/>
                  </a:lnTo>
                  <a:lnTo>
                    <a:pt x="123778" y="412118"/>
                  </a:lnTo>
                  <a:lnTo>
                    <a:pt x="128490" y="412118"/>
                  </a:lnTo>
                  <a:lnTo>
                    <a:pt x="128490" y="416831"/>
                  </a:lnTo>
                  <a:close/>
                  <a:moveTo>
                    <a:pt x="141941" y="395655"/>
                  </a:moveTo>
                  <a:lnTo>
                    <a:pt x="130727" y="395655"/>
                  </a:lnTo>
                  <a:lnTo>
                    <a:pt x="138570" y="387633"/>
                  </a:lnTo>
                  <a:lnTo>
                    <a:pt x="229117" y="294849"/>
                  </a:lnTo>
                  <a:lnTo>
                    <a:pt x="230519" y="293418"/>
                  </a:lnTo>
                  <a:lnTo>
                    <a:pt x="232517" y="293418"/>
                  </a:lnTo>
                  <a:lnTo>
                    <a:pt x="332398" y="293418"/>
                  </a:lnTo>
                  <a:lnTo>
                    <a:pt x="343612" y="293418"/>
                  </a:lnTo>
                  <a:lnTo>
                    <a:pt x="335768" y="301441"/>
                  </a:lnTo>
                  <a:lnTo>
                    <a:pt x="245222" y="394224"/>
                  </a:lnTo>
                  <a:lnTo>
                    <a:pt x="243820" y="395655"/>
                  </a:lnTo>
                  <a:lnTo>
                    <a:pt x="241822" y="395655"/>
                  </a:lnTo>
                  <a:lnTo>
                    <a:pt x="141941" y="395655"/>
                  </a:lnTo>
                  <a:close/>
                  <a:moveTo>
                    <a:pt x="445044" y="486053"/>
                  </a:moveTo>
                  <a:lnTo>
                    <a:pt x="445044" y="519486"/>
                  </a:lnTo>
                  <a:lnTo>
                    <a:pt x="445044" y="524198"/>
                  </a:lnTo>
                  <a:lnTo>
                    <a:pt x="440332" y="524198"/>
                  </a:lnTo>
                  <a:lnTo>
                    <a:pt x="149725" y="524198"/>
                  </a:lnTo>
                  <a:lnTo>
                    <a:pt x="145012" y="524198"/>
                  </a:lnTo>
                  <a:lnTo>
                    <a:pt x="145012" y="519486"/>
                  </a:lnTo>
                  <a:lnTo>
                    <a:pt x="145012" y="486053"/>
                  </a:lnTo>
                  <a:lnTo>
                    <a:pt x="145012" y="481340"/>
                  </a:lnTo>
                  <a:lnTo>
                    <a:pt x="149725" y="481340"/>
                  </a:lnTo>
                  <a:lnTo>
                    <a:pt x="440332" y="481340"/>
                  </a:lnTo>
                  <a:lnTo>
                    <a:pt x="445044" y="481340"/>
                  </a:lnTo>
                  <a:lnTo>
                    <a:pt x="445044" y="486053"/>
                  </a:lnTo>
                  <a:close/>
                  <a:moveTo>
                    <a:pt x="445044" y="416890"/>
                  </a:moveTo>
                  <a:lnTo>
                    <a:pt x="445044" y="460165"/>
                  </a:lnTo>
                  <a:lnTo>
                    <a:pt x="445044" y="464878"/>
                  </a:lnTo>
                  <a:lnTo>
                    <a:pt x="440332" y="464878"/>
                  </a:lnTo>
                  <a:lnTo>
                    <a:pt x="149725" y="464878"/>
                  </a:lnTo>
                  <a:lnTo>
                    <a:pt x="145012" y="464878"/>
                  </a:lnTo>
                  <a:lnTo>
                    <a:pt x="145012" y="460165"/>
                  </a:lnTo>
                  <a:lnTo>
                    <a:pt x="145012" y="416831"/>
                  </a:lnTo>
                  <a:lnTo>
                    <a:pt x="145012" y="412118"/>
                  </a:lnTo>
                  <a:lnTo>
                    <a:pt x="383368" y="412178"/>
                  </a:lnTo>
                  <a:lnTo>
                    <a:pt x="440362" y="412178"/>
                  </a:lnTo>
                  <a:lnTo>
                    <a:pt x="445074" y="412178"/>
                  </a:lnTo>
                  <a:lnTo>
                    <a:pt x="445074" y="416890"/>
                  </a:lnTo>
                  <a:close/>
                  <a:moveTo>
                    <a:pt x="484591" y="416890"/>
                  </a:moveTo>
                  <a:lnTo>
                    <a:pt x="484591" y="568964"/>
                  </a:lnTo>
                  <a:lnTo>
                    <a:pt x="484591" y="573676"/>
                  </a:lnTo>
                  <a:lnTo>
                    <a:pt x="479879" y="573676"/>
                  </a:lnTo>
                  <a:lnTo>
                    <a:pt x="466220" y="573676"/>
                  </a:lnTo>
                  <a:lnTo>
                    <a:pt x="461507" y="573676"/>
                  </a:lnTo>
                  <a:lnTo>
                    <a:pt x="461507" y="568964"/>
                  </a:lnTo>
                  <a:lnTo>
                    <a:pt x="461507" y="532489"/>
                  </a:lnTo>
                  <a:lnTo>
                    <a:pt x="461507" y="532370"/>
                  </a:lnTo>
                  <a:lnTo>
                    <a:pt x="461507" y="532370"/>
                  </a:lnTo>
                  <a:lnTo>
                    <a:pt x="461507" y="473258"/>
                  </a:lnTo>
                  <a:lnTo>
                    <a:pt x="461507" y="473258"/>
                  </a:lnTo>
                  <a:lnTo>
                    <a:pt x="461507" y="473139"/>
                  </a:lnTo>
                  <a:lnTo>
                    <a:pt x="461507" y="416920"/>
                  </a:lnTo>
                  <a:lnTo>
                    <a:pt x="461507" y="412208"/>
                  </a:lnTo>
                  <a:lnTo>
                    <a:pt x="466220" y="412208"/>
                  </a:lnTo>
                  <a:lnTo>
                    <a:pt x="479879" y="412208"/>
                  </a:lnTo>
                  <a:lnTo>
                    <a:pt x="484591" y="412208"/>
                  </a:lnTo>
                  <a:lnTo>
                    <a:pt x="484591" y="416890"/>
                  </a:lnTo>
                  <a:close/>
                  <a:moveTo>
                    <a:pt x="573617" y="371736"/>
                  </a:moveTo>
                  <a:lnTo>
                    <a:pt x="573617" y="390913"/>
                  </a:lnTo>
                  <a:lnTo>
                    <a:pt x="573617" y="395626"/>
                  </a:lnTo>
                  <a:lnTo>
                    <a:pt x="568904" y="395626"/>
                  </a:lnTo>
                  <a:lnTo>
                    <a:pt x="550175" y="395626"/>
                  </a:lnTo>
                  <a:lnTo>
                    <a:pt x="538961" y="395626"/>
                  </a:lnTo>
                  <a:lnTo>
                    <a:pt x="546805" y="387603"/>
                  </a:lnTo>
                  <a:lnTo>
                    <a:pt x="565505" y="368426"/>
                  </a:lnTo>
                  <a:lnTo>
                    <a:pt x="573617" y="360105"/>
                  </a:lnTo>
                  <a:lnTo>
                    <a:pt x="573617" y="371736"/>
                  </a:lnTo>
                  <a:close/>
                  <a:moveTo>
                    <a:pt x="501203" y="294879"/>
                  </a:moveTo>
                  <a:lnTo>
                    <a:pt x="502605" y="293448"/>
                  </a:lnTo>
                  <a:lnTo>
                    <a:pt x="504603" y="293448"/>
                  </a:lnTo>
                  <a:lnTo>
                    <a:pt x="561478" y="293448"/>
                  </a:lnTo>
                  <a:lnTo>
                    <a:pt x="566191" y="293448"/>
                  </a:lnTo>
                  <a:lnTo>
                    <a:pt x="566191" y="298160"/>
                  </a:lnTo>
                  <a:lnTo>
                    <a:pt x="566191" y="342240"/>
                  </a:lnTo>
                  <a:lnTo>
                    <a:pt x="566191" y="344179"/>
                  </a:lnTo>
                  <a:lnTo>
                    <a:pt x="564848" y="345551"/>
                  </a:lnTo>
                  <a:lnTo>
                    <a:pt x="517368" y="394224"/>
                  </a:lnTo>
                  <a:lnTo>
                    <a:pt x="515966" y="395655"/>
                  </a:lnTo>
                  <a:lnTo>
                    <a:pt x="513968" y="395655"/>
                  </a:lnTo>
                  <a:lnTo>
                    <a:pt x="492793" y="395655"/>
                  </a:lnTo>
                  <a:lnTo>
                    <a:pt x="453246" y="395655"/>
                  </a:lnTo>
                  <a:lnTo>
                    <a:pt x="414087" y="395655"/>
                  </a:lnTo>
                  <a:lnTo>
                    <a:pt x="402873" y="395655"/>
                  </a:lnTo>
                  <a:lnTo>
                    <a:pt x="410717" y="387633"/>
                  </a:lnTo>
                  <a:lnTo>
                    <a:pt x="501203" y="294879"/>
                  </a:lnTo>
                  <a:close/>
                  <a:moveTo>
                    <a:pt x="492823" y="237378"/>
                  </a:moveTo>
                  <a:lnTo>
                    <a:pt x="453246" y="237378"/>
                  </a:lnTo>
                  <a:lnTo>
                    <a:pt x="414027" y="237378"/>
                  </a:lnTo>
                  <a:lnTo>
                    <a:pt x="402843" y="237378"/>
                  </a:lnTo>
                  <a:lnTo>
                    <a:pt x="410687" y="229355"/>
                  </a:lnTo>
                  <a:lnTo>
                    <a:pt x="501233" y="136572"/>
                  </a:lnTo>
                  <a:lnTo>
                    <a:pt x="502635" y="135141"/>
                  </a:lnTo>
                  <a:lnTo>
                    <a:pt x="504633" y="135141"/>
                  </a:lnTo>
                  <a:lnTo>
                    <a:pt x="561508" y="135141"/>
                  </a:lnTo>
                  <a:lnTo>
                    <a:pt x="566220" y="135141"/>
                  </a:lnTo>
                  <a:lnTo>
                    <a:pt x="566220" y="139853"/>
                  </a:lnTo>
                  <a:lnTo>
                    <a:pt x="566220" y="183933"/>
                  </a:lnTo>
                  <a:lnTo>
                    <a:pt x="566220" y="185872"/>
                  </a:lnTo>
                  <a:lnTo>
                    <a:pt x="564878" y="187244"/>
                  </a:lnTo>
                  <a:lnTo>
                    <a:pt x="517368" y="235947"/>
                  </a:lnTo>
                  <a:lnTo>
                    <a:pt x="515966" y="237378"/>
                  </a:lnTo>
                  <a:lnTo>
                    <a:pt x="513968" y="237378"/>
                  </a:lnTo>
                  <a:lnTo>
                    <a:pt x="492823" y="237378"/>
                  </a:lnTo>
                  <a:close/>
                </a:path>
              </a:pathLst>
            </a:custGeom>
            <a:grpFill/>
            <a:ln w="298" cap="flat">
              <a:noFill/>
              <a:prstDash val="solid"/>
              <a:miter/>
            </a:ln>
          </p:spPr>
          <p:txBody>
            <a:bodyPr rtlCol="0" anchor="ctr"/>
            <a:lstStyle/>
            <a:p>
              <a:endParaRPr lang="da-DK" baseline="30000" noProof="0"/>
            </a:p>
          </p:txBody>
        </p:sp>
        <p:sp>
          <p:nvSpPr>
            <p:cNvPr id="18" name="Freeform: Shape 3">
              <a:extLst>
                <a:ext uri="{FF2B5EF4-FFF2-40B4-BE49-F238E27FC236}">
                  <a16:creationId xmlns:a16="http://schemas.microsoft.com/office/drawing/2014/main" id="{14DB2FD9-9713-F90D-4936-3A113BEEABEA}"/>
                </a:ext>
              </a:extLst>
            </p:cNvPr>
            <p:cNvSpPr/>
            <p:nvPr/>
          </p:nvSpPr>
          <p:spPr>
            <a:xfrm>
              <a:off x="1046840" y="2028991"/>
              <a:ext cx="64420" cy="64420"/>
            </a:xfrm>
            <a:custGeom>
              <a:avLst/>
              <a:gdLst>
                <a:gd name="connsiteX0" fmla="*/ 32315 w 64420"/>
                <a:gd name="connsiteY0" fmla="*/ 64405 h 64420"/>
                <a:gd name="connsiteX1" fmla="*/ 224 w 64420"/>
                <a:gd name="connsiteY1" fmla="*/ 32315 h 64420"/>
                <a:gd name="connsiteX2" fmla="*/ 32315 w 64420"/>
                <a:gd name="connsiteY2" fmla="*/ 224 h 64420"/>
                <a:gd name="connsiteX3" fmla="*/ 64406 w 64420"/>
                <a:gd name="connsiteY3" fmla="*/ 32315 h 64420"/>
                <a:gd name="connsiteX4" fmla="*/ 32315 w 64420"/>
                <a:gd name="connsiteY4" fmla="*/ 64405 h 64420"/>
                <a:gd name="connsiteX5" fmla="*/ 32315 w 64420"/>
                <a:gd name="connsiteY5" fmla="*/ 3624 h 64420"/>
                <a:gd name="connsiteX6" fmla="*/ 3624 w 64420"/>
                <a:gd name="connsiteY6" fmla="*/ 32315 h 64420"/>
                <a:gd name="connsiteX7" fmla="*/ 32315 w 64420"/>
                <a:gd name="connsiteY7" fmla="*/ 61005 h 64420"/>
                <a:gd name="connsiteX8" fmla="*/ 61005 w 64420"/>
                <a:gd name="connsiteY8" fmla="*/ 32315 h 64420"/>
                <a:gd name="connsiteX9" fmla="*/ 32315 w 64420"/>
                <a:gd name="connsiteY9" fmla="*/ 3624 h 64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4420" h="64420">
                  <a:moveTo>
                    <a:pt x="32315" y="64405"/>
                  </a:moveTo>
                  <a:cubicBezTo>
                    <a:pt x="14629" y="64405"/>
                    <a:pt x="224" y="50030"/>
                    <a:pt x="224" y="32315"/>
                  </a:cubicBezTo>
                  <a:cubicBezTo>
                    <a:pt x="224" y="14599"/>
                    <a:pt x="14599" y="224"/>
                    <a:pt x="32315" y="224"/>
                  </a:cubicBezTo>
                  <a:cubicBezTo>
                    <a:pt x="50030" y="224"/>
                    <a:pt x="64406" y="14599"/>
                    <a:pt x="64406" y="32315"/>
                  </a:cubicBezTo>
                  <a:cubicBezTo>
                    <a:pt x="64406" y="50030"/>
                    <a:pt x="50000" y="64405"/>
                    <a:pt x="32315" y="64405"/>
                  </a:cubicBezTo>
                  <a:close/>
                  <a:moveTo>
                    <a:pt x="32315" y="3624"/>
                  </a:moveTo>
                  <a:cubicBezTo>
                    <a:pt x="16478" y="3624"/>
                    <a:pt x="3624" y="16508"/>
                    <a:pt x="3624" y="32315"/>
                  </a:cubicBezTo>
                  <a:cubicBezTo>
                    <a:pt x="3624" y="48121"/>
                    <a:pt x="16508" y="61005"/>
                    <a:pt x="32315" y="61005"/>
                  </a:cubicBezTo>
                  <a:cubicBezTo>
                    <a:pt x="48151" y="61005"/>
                    <a:pt x="61005" y="48121"/>
                    <a:pt x="61005" y="32315"/>
                  </a:cubicBezTo>
                  <a:cubicBezTo>
                    <a:pt x="61005" y="16508"/>
                    <a:pt x="48151" y="3624"/>
                    <a:pt x="32315" y="3624"/>
                  </a:cubicBezTo>
                  <a:close/>
                </a:path>
              </a:pathLst>
            </a:custGeom>
            <a:grpFill/>
            <a:ln w="9525" cap="flat">
              <a:noFill/>
              <a:prstDash val="solid"/>
              <a:miter/>
            </a:ln>
          </p:spPr>
          <p:txBody>
            <a:bodyPr rtlCol="0" anchor="ctr"/>
            <a:lstStyle/>
            <a:p>
              <a:endParaRPr lang="da-DK" baseline="30000" noProof="0"/>
            </a:p>
          </p:txBody>
        </p:sp>
        <p:sp>
          <p:nvSpPr>
            <p:cNvPr id="19" name="Freeform: Shape 4">
              <a:extLst>
                <a:ext uri="{FF2B5EF4-FFF2-40B4-BE49-F238E27FC236}">
                  <a16:creationId xmlns:a16="http://schemas.microsoft.com/office/drawing/2014/main" id="{976FE053-7F55-1809-363C-D2DC4CABAFC9}"/>
                </a:ext>
              </a:extLst>
            </p:cNvPr>
            <p:cNvSpPr/>
            <p:nvPr/>
          </p:nvSpPr>
          <p:spPr>
            <a:xfrm>
              <a:off x="690739" y="2028991"/>
              <a:ext cx="64420" cy="64420"/>
            </a:xfrm>
            <a:custGeom>
              <a:avLst/>
              <a:gdLst>
                <a:gd name="connsiteX0" fmla="*/ 32315 w 64420"/>
                <a:gd name="connsiteY0" fmla="*/ 64405 h 64420"/>
                <a:gd name="connsiteX1" fmla="*/ 224 w 64420"/>
                <a:gd name="connsiteY1" fmla="*/ 32315 h 64420"/>
                <a:gd name="connsiteX2" fmla="*/ 32315 w 64420"/>
                <a:gd name="connsiteY2" fmla="*/ 224 h 64420"/>
                <a:gd name="connsiteX3" fmla="*/ 64405 w 64420"/>
                <a:gd name="connsiteY3" fmla="*/ 32315 h 64420"/>
                <a:gd name="connsiteX4" fmla="*/ 32315 w 64420"/>
                <a:gd name="connsiteY4" fmla="*/ 64405 h 64420"/>
                <a:gd name="connsiteX5" fmla="*/ 32315 w 64420"/>
                <a:gd name="connsiteY5" fmla="*/ 3624 h 64420"/>
                <a:gd name="connsiteX6" fmla="*/ 3624 w 64420"/>
                <a:gd name="connsiteY6" fmla="*/ 32315 h 64420"/>
                <a:gd name="connsiteX7" fmla="*/ 32315 w 64420"/>
                <a:gd name="connsiteY7" fmla="*/ 61005 h 64420"/>
                <a:gd name="connsiteX8" fmla="*/ 61006 w 64420"/>
                <a:gd name="connsiteY8" fmla="*/ 32315 h 64420"/>
                <a:gd name="connsiteX9" fmla="*/ 32315 w 64420"/>
                <a:gd name="connsiteY9" fmla="*/ 3624 h 64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4420" h="64420">
                  <a:moveTo>
                    <a:pt x="32315" y="64405"/>
                  </a:moveTo>
                  <a:cubicBezTo>
                    <a:pt x="14629" y="64405"/>
                    <a:pt x="224" y="50030"/>
                    <a:pt x="224" y="32315"/>
                  </a:cubicBezTo>
                  <a:cubicBezTo>
                    <a:pt x="224" y="14599"/>
                    <a:pt x="14599" y="224"/>
                    <a:pt x="32315" y="224"/>
                  </a:cubicBezTo>
                  <a:cubicBezTo>
                    <a:pt x="50000" y="224"/>
                    <a:pt x="64405" y="14599"/>
                    <a:pt x="64405" y="32315"/>
                  </a:cubicBezTo>
                  <a:cubicBezTo>
                    <a:pt x="64405" y="50030"/>
                    <a:pt x="50000" y="64405"/>
                    <a:pt x="32315" y="64405"/>
                  </a:cubicBezTo>
                  <a:close/>
                  <a:moveTo>
                    <a:pt x="32315" y="3624"/>
                  </a:moveTo>
                  <a:cubicBezTo>
                    <a:pt x="16478" y="3624"/>
                    <a:pt x="3624" y="16508"/>
                    <a:pt x="3624" y="32315"/>
                  </a:cubicBezTo>
                  <a:cubicBezTo>
                    <a:pt x="3624" y="48121"/>
                    <a:pt x="16508" y="61005"/>
                    <a:pt x="32315" y="61005"/>
                  </a:cubicBezTo>
                  <a:cubicBezTo>
                    <a:pt x="48151" y="61005"/>
                    <a:pt x="61006" y="48121"/>
                    <a:pt x="61006" y="32315"/>
                  </a:cubicBezTo>
                  <a:cubicBezTo>
                    <a:pt x="61006" y="16508"/>
                    <a:pt x="48151" y="3624"/>
                    <a:pt x="32315" y="3624"/>
                  </a:cubicBezTo>
                  <a:close/>
                </a:path>
              </a:pathLst>
            </a:custGeom>
            <a:grpFill/>
            <a:ln w="9525" cap="flat">
              <a:noFill/>
              <a:prstDash val="solid"/>
              <a:miter/>
            </a:ln>
          </p:spPr>
          <p:txBody>
            <a:bodyPr rtlCol="0" anchor="ctr"/>
            <a:lstStyle/>
            <a:p>
              <a:endParaRPr lang="da-DK" baseline="30000" noProof="0"/>
            </a:p>
          </p:txBody>
        </p:sp>
      </p:grpSp>
      <p:grpSp>
        <p:nvGrpSpPr>
          <p:cNvPr id="28" name="Group 27">
            <a:extLst>
              <a:ext uri="{FF2B5EF4-FFF2-40B4-BE49-F238E27FC236}">
                <a16:creationId xmlns:a16="http://schemas.microsoft.com/office/drawing/2014/main" id="{65535A6D-2DA8-366B-1216-5905727AAC68}"/>
              </a:ext>
              <a:ext uri="{C183D7F6-B498-43B3-948B-1728B52AA6E4}">
                <adec:decorative xmlns:adec="http://schemas.microsoft.com/office/drawing/2017/decorative" val="1"/>
              </a:ext>
            </a:extLst>
          </p:cNvPr>
          <p:cNvGrpSpPr/>
          <p:nvPr/>
        </p:nvGrpSpPr>
        <p:grpSpPr>
          <a:xfrm>
            <a:off x="4425908" y="1672600"/>
            <a:ext cx="198341" cy="259314"/>
            <a:chOff x="8757994" y="2024065"/>
            <a:chExt cx="407987" cy="533401"/>
          </a:xfrm>
          <a:solidFill>
            <a:schemeClr val="bg1"/>
          </a:solidFill>
        </p:grpSpPr>
        <p:sp>
          <p:nvSpPr>
            <p:cNvPr id="29" name="Freeform 247">
              <a:extLst>
                <a:ext uri="{FF2B5EF4-FFF2-40B4-BE49-F238E27FC236}">
                  <a16:creationId xmlns:a16="http://schemas.microsoft.com/office/drawing/2014/main" id="{65180578-43A2-73C9-9B08-71C119E722B6}"/>
                </a:ext>
              </a:extLst>
            </p:cNvPr>
            <p:cNvSpPr>
              <a:spLocks/>
            </p:cNvSpPr>
            <p:nvPr/>
          </p:nvSpPr>
          <p:spPr bwMode="auto">
            <a:xfrm>
              <a:off x="9023106" y="2065340"/>
              <a:ext cx="103187" cy="103188"/>
            </a:xfrm>
            <a:custGeom>
              <a:avLst/>
              <a:gdLst>
                <a:gd name="T0" fmla="*/ 36 w 40"/>
                <a:gd name="T1" fmla="*/ 32 h 40"/>
                <a:gd name="T2" fmla="*/ 16 w 40"/>
                <a:gd name="T3" fmla="*/ 32 h 40"/>
                <a:gd name="T4" fmla="*/ 8 w 40"/>
                <a:gd name="T5" fmla="*/ 24 h 40"/>
                <a:gd name="T6" fmla="*/ 8 w 40"/>
                <a:gd name="T7" fmla="*/ 4 h 40"/>
                <a:gd name="T8" fmla="*/ 4 w 40"/>
                <a:gd name="T9" fmla="*/ 0 h 40"/>
                <a:gd name="T10" fmla="*/ 0 w 40"/>
                <a:gd name="T11" fmla="*/ 4 h 40"/>
                <a:gd name="T12" fmla="*/ 0 w 40"/>
                <a:gd name="T13" fmla="*/ 24 h 40"/>
                <a:gd name="T14" fmla="*/ 16 w 40"/>
                <a:gd name="T15" fmla="*/ 40 h 40"/>
                <a:gd name="T16" fmla="*/ 36 w 40"/>
                <a:gd name="T17" fmla="*/ 40 h 40"/>
                <a:gd name="T18" fmla="*/ 40 w 40"/>
                <a:gd name="T19" fmla="*/ 36 h 40"/>
                <a:gd name="T20" fmla="*/ 36 w 40"/>
                <a:gd name="T21" fmla="*/ 32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36" y="32"/>
                  </a:moveTo>
                  <a:cubicBezTo>
                    <a:pt x="16" y="32"/>
                    <a:pt x="16" y="32"/>
                    <a:pt x="16" y="32"/>
                  </a:cubicBezTo>
                  <a:cubicBezTo>
                    <a:pt x="12" y="32"/>
                    <a:pt x="8" y="28"/>
                    <a:pt x="8" y="24"/>
                  </a:cubicBezTo>
                  <a:cubicBezTo>
                    <a:pt x="8" y="4"/>
                    <a:pt x="8" y="4"/>
                    <a:pt x="8" y="4"/>
                  </a:cubicBezTo>
                  <a:cubicBezTo>
                    <a:pt x="8" y="2"/>
                    <a:pt x="6" y="0"/>
                    <a:pt x="4" y="0"/>
                  </a:cubicBez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30" name="Freeform 248">
              <a:extLst>
                <a:ext uri="{FF2B5EF4-FFF2-40B4-BE49-F238E27FC236}">
                  <a16:creationId xmlns:a16="http://schemas.microsoft.com/office/drawing/2014/main" id="{588E1078-75C7-859C-7911-EACBCA63C295}"/>
                </a:ext>
              </a:extLst>
            </p:cNvPr>
            <p:cNvSpPr>
              <a:spLocks noEditPoints="1"/>
            </p:cNvSpPr>
            <p:nvPr/>
          </p:nvSpPr>
          <p:spPr bwMode="auto">
            <a:xfrm>
              <a:off x="8757994" y="2024065"/>
              <a:ext cx="407987"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188 h 208"/>
                <a:gd name="T12" fmla="*/ 20 w 160"/>
                <a:gd name="T13" fmla="*/ 208 h 208"/>
                <a:gd name="T14" fmla="*/ 140 w 160"/>
                <a:gd name="T15" fmla="*/ 208 h 208"/>
                <a:gd name="T16" fmla="*/ 160 w 160"/>
                <a:gd name="T17" fmla="*/ 188 h 208"/>
                <a:gd name="T18" fmla="*/ 160 w 160"/>
                <a:gd name="T19" fmla="*/ 51 h 208"/>
                <a:gd name="T20" fmla="*/ 154 w 160"/>
                <a:gd name="T21" fmla="*/ 36 h 208"/>
                <a:gd name="T22" fmla="*/ 152 w 160"/>
                <a:gd name="T23" fmla="*/ 188 h 208"/>
                <a:gd name="T24" fmla="*/ 140 w 160"/>
                <a:gd name="T25" fmla="*/ 200 h 208"/>
                <a:gd name="T26" fmla="*/ 20 w 160"/>
                <a:gd name="T27" fmla="*/ 200 h 208"/>
                <a:gd name="T28" fmla="*/ 8 w 160"/>
                <a:gd name="T29" fmla="*/ 188 h 208"/>
                <a:gd name="T30" fmla="*/ 8 w 160"/>
                <a:gd name="T31" fmla="*/ 20 h 208"/>
                <a:gd name="T32" fmla="*/ 20 w 160"/>
                <a:gd name="T33" fmla="*/ 8 h 208"/>
                <a:gd name="T34" fmla="*/ 109 w 160"/>
                <a:gd name="T35" fmla="*/ 8 h 208"/>
                <a:gd name="T36" fmla="*/ 118 w 160"/>
                <a:gd name="T37" fmla="*/ 12 h 208"/>
                <a:gd name="T38" fmla="*/ 148 w 160"/>
                <a:gd name="T39" fmla="*/ 42 h 208"/>
                <a:gd name="T40" fmla="*/ 152 w 160"/>
                <a:gd name="T41" fmla="*/ 51 h 208"/>
                <a:gd name="T42" fmla="*/ 152 w 160"/>
                <a:gd name="T43" fmla="*/ 18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moveTo>
                    <a:pt x="152" y="188"/>
                  </a:moveTo>
                  <a:cubicBezTo>
                    <a:pt x="152" y="195"/>
                    <a:pt x="147" y="200"/>
                    <a:pt x="140" y="200"/>
                  </a:cubicBezTo>
                  <a:cubicBezTo>
                    <a:pt x="20" y="200"/>
                    <a:pt x="20" y="200"/>
                    <a:pt x="20" y="200"/>
                  </a:cubicBezTo>
                  <a:cubicBezTo>
                    <a:pt x="13" y="200"/>
                    <a:pt x="8" y="195"/>
                    <a:pt x="8" y="188"/>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lnTo>
                    <a:pt x="152" y="18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31" name="Freeform 249">
              <a:extLst>
                <a:ext uri="{FF2B5EF4-FFF2-40B4-BE49-F238E27FC236}">
                  <a16:creationId xmlns:a16="http://schemas.microsoft.com/office/drawing/2014/main" id="{398048FD-E3B5-EA44-0E9E-D49D7251AF7D}"/>
                </a:ext>
              </a:extLst>
            </p:cNvPr>
            <p:cNvSpPr>
              <a:spLocks/>
            </p:cNvSpPr>
            <p:nvPr/>
          </p:nvSpPr>
          <p:spPr bwMode="auto">
            <a:xfrm>
              <a:off x="8838956" y="2230440"/>
              <a:ext cx="82550" cy="80963"/>
            </a:xfrm>
            <a:custGeom>
              <a:avLst/>
              <a:gdLst>
                <a:gd name="T0" fmla="*/ 25 w 32"/>
                <a:gd name="T1" fmla="*/ 31 h 32"/>
                <a:gd name="T2" fmla="*/ 28 w 32"/>
                <a:gd name="T3" fmla="*/ 32 h 32"/>
                <a:gd name="T4" fmla="*/ 31 w 32"/>
                <a:gd name="T5" fmla="*/ 31 h 32"/>
                <a:gd name="T6" fmla="*/ 31 w 32"/>
                <a:gd name="T7" fmla="*/ 25 h 32"/>
                <a:gd name="T8" fmla="*/ 22 w 32"/>
                <a:gd name="T9" fmla="*/ 16 h 32"/>
                <a:gd name="T10" fmla="*/ 31 w 32"/>
                <a:gd name="T11" fmla="*/ 7 h 32"/>
                <a:gd name="T12" fmla="*/ 31 w 32"/>
                <a:gd name="T13" fmla="*/ 1 h 32"/>
                <a:gd name="T14" fmla="*/ 25 w 32"/>
                <a:gd name="T15" fmla="*/ 1 h 32"/>
                <a:gd name="T16" fmla="*/ 16 w 32"/>
                <a:gd name="T17" fmla="*/ 10 h 32"/>
                <a:gd name="T18" fmla="*/ 7 w 32"/>
                <a:gd name="T19" fmla="*/ 1 h 32"/>
                <a:gd name="T20" fmla="*/ 1 w 32"/>
                <a:gd name="T21" fmla="*/ 1 h 32"/>
                <a:gd name="T22" fmla="*/ 1 w 32"/>
                <a:gd name="T23" fmla="*/ 7 h 32"/>
                <a:gd name="T24" fmla="*/ 10 w 32"/>
                <a:gd name="T25" fmla="*/ 16 h 32"/>
                <a:gd name="T26" fmla="*/ 1 w 32"/>
                <a:gd name="T27" fmla="*/ 25 h 32"/>
                <a:gd name="T28" fmla="*/ 1 w 32"/>
                <a:gd name="T29" fmla="*/ 31 h 32"/>
                <a:gd name="T30" fmla="*/ 4 w 32"/>
                <a:gd name="T31" fmla="*/ 32 h 32"/>
                <a:gd name="T32" fmla="*/ 7 w 32"/>
                <a:gd name="T33" fmla="*/ 31 h 32"/>
                <a:gd name="T34" fmla="*/ 16 w 32"/>
                <a:gd name="T35" fmla="*/ 22 h 32"/>
                <a:gd name="T36" fmla="*/ 25 w 32"/>
                <a:gd name="T37" fmla="*/ 31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32" h="32">
                  <a:moveTo>
                    <a:pt x="25" y="31"/>
                  </a:moveTo>
                  <a:cubicBezTo>
                    <a:pt x="26" y="32"/>
                    <a:pt x="27" y="32"/>
                    <a:pt x="28" y="32"/>
                  </a:cubicBezTo>
                  <a:cubicBezTo>
                    <a:pt x="29" y="32"/>
                    <a:pt x="30" y="32"/>
                    <a:pt x="31" y="31"/>
                  </a:cubicBezTo>
                  <a:cubicBezTo>
                    <a:pt x="32" y="29"/>
                    <a:pt x="32" y="27"/>
                    <a:pt x="31" y="25"/>
                  </a:cubicBezTo>
                  <a:cubicBezTo>
                    <a:pt x="22" y="16"/>
                    <a:pt x="22" y="16"/>
                    <a:pt x="22" y="16"/>
                  </a:cubicBezTo>
                  <a:cubicBezTo>
                    <a:pt x="31" y="7"/>
                    <a:pt x="31" y="7"/>
                    <a:pt x="31" y="7"/>
                  </a:cubicBezTo>
                  <a:cubicBezTo>
                    <a:pt x="32" y="5"/>
                    <a:pt x="32" y="3"/>
                    <a:pt x="31" y="1"/>
                  </a:cubicBezTo>
                  <a:cubicBezTo>
                    <a:pt x="29" y="0"/>
                    <a:pt x="27" y="0"/>
                    <a:pt x="25" y="1"/>
                  </a:cubicBezTo>
                  <a:cubicBezTo>
                    <a:pt x="16" y="10"/>
                    <a:pt x="16" y="10"/>
                    <a:pt x="16" y="10"/>
                  </a:cubicBezTo>
                  <a:cubicBezTo>
                    <a:pt x="7" y="1"/>
                    <a:pt x="7" y="1"/>
                    <a:pt x="7" y="1"/>
                  </a:cubicBezTo>
                  <a:cubicBezTo>
                    <a:pt x="5" y="0"/>
                    <a:pt x="3" y="0"/>
                    <a:pt x="1" y="1"/>
                  </a:cubicBezTo>
                  <a:cubicBezTo>
                    <a:pt x="0" y="3"/>
                    <a:pt x="0" y="5"/>
                    <a:pt x="1" y="7"/>
                  </a:cubicBezTo>
                  <a:cubicBezTo>
                    <a:pt x="10" y="16"/>
                    <a:pt x="10" y="16"/>
                    <a:pt x="10" y="16"/>
                  </a:cubicBezTo>
                  <a:cubicBezTo>
                    <a:pt x="1" y="25"/>
                    <a:pt x="1" y="25"/>
                    <a:pt x="1" y="25"/>
                  </a:cubicBezTo>
                  <a:cubicBezTo>
                    <a:pt x="0" y="27"/>
                    <a:pt x="0" y="29"/>
                    <a:pt x="1" y="31"/>
                  </a:cubicBezTo>
                  <a:cubicBezTo>
                    <a:pt x="2" y="32"/>
                    <a:pt x="3" y="32"/>
                    <a:pt x="4" y="32"/>
                  </a:cubicBezTo>
                  <a:cubicBezTo>
                    <a:pt x="5" y="32"/>
                    <a:pt x="6" y="32"/>
                    <a:pt x="7" y="31"/>
                  </a:cubicBezTo>
                  <a:cubicBezTo>
                    <a:pt x="16" y="22"/>
                    <a:pt x="16" y="22"/>
                    <a:pt x="16" y="22"/>
                  </a:cubicBezTo>
                  <a:lnTo>
                    <a:pt x="25" y="31"/>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32" name="Freeform 250">
              <a:extLst>
                <a:ext uri="{FF2B5EF4-FFF2-40B4-BE49-F238E27FC236}">
                  <a16:creationId xmlns:a16="http://schemas.microsoft.com/office/drawing/2014/main" id="{2A127E1A-DBD5-B85D-EBBD-CE83D77D0C63}"/>
                </a:ext>
              </a:extLst>
            </p:cNvPr>
            <p:cNvSpPr>
              <a:spLocks/>
            </p:cNvSpPr>
            <p:nvPr/>
          </p:nvSpPr>
          <p:spPr bwMode="auto">
            <a:xfrm>
              <a:off x="9002469" y="2230440"/>
              <a:ext cx="82550" cy="80963"/>
            </a:xfrm>
            <a:custGeom>
              <a:avLst/>
              <a:gdLst>
                <a:gd name="T0" fmla="*/ 31 w 32"/>
                <a:gd name="T1" fmla="*/ 1 h 32"/>
                <a:gd name="T2" fmla="*/ 25 w 32"/>
                <a:gd name="T3" fmla="*/ 1 h 32"/>
                <a:gd name="T4" fmla="*/ 16 w 32"/>
                <a:gd name="T5" fmla="*/ 10 h 32"/>
                <a:gd name="T6" fmla="*/ 7 w 32"/>
                <a:gd name="T7" fmla="*/ 1 h 32"/>
                <a:gd name="T8" fmla="*/ 1 w 32"/>
                <a:gd name="T9" fmla="*/ 1 h 32"/>
                <a:gd name="T10" fmla="*/ 1 w 32"/>
                <a:gd name="T11" fmla="*/ 7 h 32"/>
                <a:gd name="T12" fmla="*/ 10 w 32"/>
                <a:gd name="T13" fmla="*/ 16 h 32"/>
                <a:gd name="T14" fmla="*/ 1 w 32"/>
                <a:gd name="T15" fmla="*/ 25 h 32"/>
                <a:gd name="T16" fmla="*/ 1 w 32"/>
                <a:gd name="T17" fmla="*/ 31 h 32"/>
                <a:gd name="T18" fmla="*/ 4 w 32"/>
                <a:gd name="T19" fmla="*/ 32 h 32"/>
                <a:gd name="T20" fmla="*/ 7 w 32"/>
                <a:gd name="T21" fmla="*/ 31 h 32"/>
                <a:gd name="T22" fmla="*/ 16 w 32"/>
                <a:gd name="T23" fmla="*/ 22 h 32"/>
                <a:gd name="T24" fmla="*/ 25 w 32"/>
                <a:gd name="T25" fmla="*/ 31 h 32"/>
                <a:gd name="T26" fmla="*/ 28 w 32"/>
                <a:gd name="T27" fmla="*/ 32 h 32"/>
                <a:gd name="T28" fmla="*/ 31 w 32"/>
                <a:gd name="T29" fmla="*/ 31 h 32"/>
                <a:gd name="T30" fmla="*/ 31 w 32"/>
                <a:gd name="T31" fmla="*/ 25 h 32"/>
                <a:gd name="T32" fmla="*/ 22 w 32"/>
                <a:gd name="T33" fmla="*/ 16 h 32"/>
                <a:gd name="T34" fmla="*/ 31 w 32"/>
                <a:gd name="T35" fmla="*/ 7 h 32"/>
                <a:gd name="T36" fmla="*/ 31 w 32"/>
                <a:gd name="T37" fmla="*/ 1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32" h="32">
                  <a:moveTo>
                    <a:pt x="31" y="1"/>
                  </a:moveTo>
                  <a:cubicBezTo>
                    <a:pt x="29" y="0"/>
                    <a:pt x="27" y="0"/>
                    <a:pt x="25" y="1"/>
                  </a:cubicBezTo>
                  <a:cubicBezTo>
                    <a:pt x="16" y="10"/>
                    <a:pt x="16" y="10"/>
                    <a:pt x="16" y="10"/>
                  </a:cubicBezTo>
                  <a:cubicBezTo>
                    <a:pt x="7" y="1"/>
                    <a:pt x="7" y="1"/>
                    <a:pt x="7" y="1"/>
                  </a:cubicBezTo>
                  <a:cubicBezTo>
                    <a:pt x="5" y="0"/>
                    <a:pt x="3" y="0"/>
                    <a:pt x="1" y="1"/>
                  </a:cubicBezTo>
                  <a:cubicBezTo>
                    <a:pt x="0" y="3"/>
                    <a:pt x="0" y="5"/>
                    <a:pt x="1" y="7"/>
                  </a:cubicBezTo>
                  <a:cubicBezTo>
                    <a:pt x="10" y="16"/>
                    <a:pt x="10" y="16"/>
                    <a:pt x="10" y="16"/>
                  </a:cubicBezTo>
                  <a:cubicBezTo>
                    <a:pt x="1" y="25"/>
                    <a:pt x="1" y="25"/>
                    <a:pt x="1" y="25"/>
                  </a:cubicBezTo>
                  <a:cubicBezTo>
                    <a:pt x="0" y="27"/>
                    <a:pt x="0" y="29"/>
                    <a:pt x="1" y="31"/>
                  </a:cubicBezTo>
                  <a:cubicBezTo>
                    <a:pt x="2" y="32"/>
                    <a:pt x="3" y="32"/>
                    <a:pt x="4" y="32"/>
                  </a:cubicBezTo>
                  <a:cubicBezTo>
                    <a:pt x="5" y="32"/>
                    <a:pt x="6" y="32"/>
                    <a:pt x="7" y="31"/>
                  </a:cubicBezTo>
                  <a:cubicBezTo>
                    <a:pt x="16" y="22"/>
                    <a:pt x="16" y="22"/>
                    <a:pt x="16" y="22"/>
                  </a:cubicBezTo>
                  <a:cubicBezTo>
                    <a:pt x="25" y="31"/>
                    <a:pt x="25" y="31"/>
                    <a:pt x="25" y="31"/>
                  </a:cubicBezTo>
                  <a:cubicBezTo>
                    <a:pt x="26" y="32"/>
                    <a:pt x="27" y="32"/>
                    <a:pt x="28" y="32"/>
                  </a:cubicBezTo>
                  <a:cubicBezTo>
                    <a:pt x="29" y="32"/>
                    <a:pt x="30" y="32"/>
                    <a:pt x="31" y="31"/>
                  </a:cubicBezTo>
                  <a:cubicBezTo>
                    <a:pt x="32" y="29"/>
                    <a:pt x="32" y="27"/>
                    <a:pt x="31" y="25"/>
                  </a:cubicBezTo>
                  <a:cubicBezTo>
                    <a:pt x="22" y="16"/>
                    <a:pt x="22" y="16"/>
                    <a:pt x="22" y="16"/>
                  </a:cubicBezTo>
                  <a:cubicBezTo>
                    <a:pt x="31" y="7"/>
                    <a:pt x="31" y="7"/>
                    <a:pt x="31" y="7"/>
                  </a:cubicBezTo>
                  <a:cubicBezTo>
                    <a:pt x="32" y="5"/>
                    <a:pt x="32" y="3"/>
                    <a:pt x="31" y="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33" name="Freeform 251">
              <a:extLst>
                <a:ext uri="{FF2B5EF4-FFF2-40B4-BE49-F238E27FC236}">
                  <a16:creationId xmlns:a16="http://schemas.microsoft.com/office/drawing/2014/main" id="{7C67BE37-B588-0693-41C7-9AE9D5692517}"/>
                </a:ext>
              </a:extLst>
            </p:cNvPr>
            <p:cNvSpPr>
              <a:spLocks/>
            </p:cNvSpPr>
            <p:nvPr/>
          </p:nvSpPr>
          <p:spPr bwMode="auto">
            <a:xfrm>
              <a:off x="8859594" y="2373315"/>
              <a:ext cx="204787" cy="61913"/>
            </a:xfrm>
            <a:custGeom>
              <a:avLst/>
              <a:gdLst>
                <a:gd name="T0" fmla="*/ 40 w 80"/>
                <a:gd name="T1" fmla="*/ 0 h 24"/>
                <a:gd name="T2" fmla="*/ 1 w 80"/>
                <a:gd name="T3" fmla="*/ 17 h 24"/>
                <a:gd name="T4" fmla="*/ 1 w 80"/>
                <a:gd name="T5" fmla="*/ 23 h 24"/>
                <a:gd name="T6" fmla="*/ 7 w 80"/>
                <a:gd name="T7" fmla="*/ 23 h 24"/>
                <a:gd name="T8" fmla="*/ 40 w 80"/>
                <a:gd name="T9" fmla="*/ 8 h 24"/>
                <a:gd name="T10" fmla="*/ 73 w 80"/>
                <a:gd name="T11" fmla="*/ 23 h 24"/>
                <a:gd name="T12" fmla="*/ 76 w 80"/>
                <a:gd name="T13" fmla="*/ 24 h 24"/>
                <a:gd name="T14" fmla="*/ 79 w 80"/>
                <a:gd name="T15" fmla="*/ 23 h 24"/>
                <a:gd name="T16" fmla="*/ 79 w 80"/>
                <a:gd name="T17" fmla="*/ 17 h 24"/>
                <a:gd name="T18" fmla="*/ 40 w 80"/>
                <a:gd name="T19" fmla="*/ 0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0" h="24">
                  <a:moveTo>
                    <a:pt x="40" y="0"/>
                  </a:moveTo>
                  <a:cubicBezTo>
                    <a:pt x="25" y="0"/>
                    <a:pt x="11" y="6"/>
                    <a:pt x="1" y="17"/>
                  </a:cubicBezTo>
                  <a:cubicBezTo>
                    <a:pt x="0" y="19"/>
                    <a:pt x="0" y="21"/>
                    <a:pt x="1" y="23"/>
                  </a:cubicBezTo>
                  <a:cubicBezTo>
                    <a:pt x="3" y="24"/>
                    <a:pt x="5" y="24"/>
                    <a:pt x="7" y="23"/>
                  </a:cubicBezTo>
                  <a:cubicBezTo>
                    <a:pt x="16" y="13"/>
                    <a:pt x="28" y="8"/>
                    <a:pt x="40" y="8"/>
                  </a:cubicBezTo>
                  <a:cubicBezTo>
                    <a:pt x="52" y="8"/>
                    <a:pt x="64" y="13"/>
                    <a:pt x="73" y="23"/>
                  </a:cubicBezTo>
                  <a:cubicBezTo>
                    <a:pt x="74" y="24"/>
                    <a:pt x="75" y="24"/>
                    <a:pt x="76" y="24"/>
                  </a:cubicBezTo>
                  <a:cubicBezTo>
                    <a:pt x="77" y="24"/>
                    <a:pt x="78" y="24"/>
                    <a:pt x="79" y="23"/>
                  </a:cubicBezTo>
                  <a:cubicBezTo>
                    <a:pt x="80" y="21"/>
                    <a:pt x="80" y="19"/>
                    <a:pt x="79" y="17"/>
                  </a:cubicBezTo>
                  <a:cubicBezTo>
                    <a:pt x="69" y="6"/>
                    <a:pt x="55" y="0"/>
                    <a:pt x="4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Tree>
    <p:extLst>
      <p:ext uri="{BB962C8B-B14F-4D97-AF65-F5344CB8AC3E}">
        <p14:creationId xmlns:p14="http://schemas.microsoft.com/office/powerpoint/2010/main" val="3672588679"/>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F59A37E-D1B0-0BB9-881D-263F0B6AF524}"/>
            </a:ext>
          </a:extLst>
        </p:cNvPr>
        <p:cNvGrpSpPr/>
        <p:nvPr/>
      </p:nvGrpSpPr>
      <p:grpSpPr>
        <a:xfrm>
          <a:off x="0" y="0"/>
          <a:ext cx="0" cy="0"/>
          <a:chOff x="0" y="0"/>
          <a:chExt cx="0" cy="0"/>
        </a:xfrm>
      </p:grpSpPr>
      <p:sp>
        <p:nvSpPr>
          <p:cNvPr id="13" name="Title 2">
            <a:extLst>
              <a:ext uri="{FF2B5EF4-FFF2-40B4-BE49-F238E27FC236}">
                <a16:creationId xmlns:a16="http://schemas.microsoft.com/office/drawing/2014/main" id="{EDF58FC7-9FC4-2B78-1ACC-9C90D1BBFF2B}"/>
              </a:ext>
            </a:extLst>
          </p:cNvPr>
          <p:cNvSpPr txBox="1">
            <a:spLocks noGrp="1"/>
          </p:cNvSpPr>
          <p:nvPr>
            <p:ph type="title" idx="4294967295"/>
          </p:nvPr>
        </p:nvSpPr>
        <p:spPr>
          <a:xfrm>
            <a:off x="1507880" y="637161"/>
            <a:ext cx="10134474" cy="792465"/>
          </a:xfrm>
          <a:prstGeom prst="rect">
            <a:avLst/>
          </a:prstGeom>
          <a:noFill/>
          <a:ln>
            <a:noFill/>
            <a:prstDash/>
          </a:ln>
          <a:effectLst/>
        </p:spPr>
        <p:txBody>
          <a:bodyPr rot="0" spcFirstLastPara="0" vertOverflow="overflow" horzOverflow="overflow" vert="horz" wrap="square" lIns="0" tIns="0" rIns="103931" bIns="0" numCol="1" spcCol="0" rtlCol="0" fromWordArt="0" anchor="ctr" anchorCtr="0" forceAA="0" compatLnSpc="1">
            <a:prstTxWarp prst="textNoShape">
              <a:avLst/>
            </a:prstTxWarp>
            <a:noAutofit/>
          </a:bodyPr>
          <a:lstStyle>
            <a:lvl1pPr marL="0" algn="l" defTabSz="1039307" rtl="0" eaLnBrk="1" latinLnBrk="0" hangingPunct="1">
              <a:lnSpc>
                <a:spcPct val="100000"/>
              </a:lnSpc>
              <a:spcBef>
                <a:spcPct val="0"/>
              </a:spcBef>
              <a:buNone/>
              <a:tabLst>
                <a:tab pos="0" algn="l"/>
                <a:tab pos="2874963" algn="l"/>
              </a:tabLst>
              <a:defRPr lang="en-GB" sz="2800" b="0" kern="1200" cap="none" spc="0" baseline="0" dirty="0">
                <a:solidFill>
                  <a:schemeClr val="accent1"/>
                </a:solidFill>
                <a:latin typeface="+mj-lt"/>
                <a:ea typeface="+mj-ea"/>
                <a:cs typeface="+mj-cs"/>
              </a:defRPr>
            </a:lvl1pPr>
          </a:lstStyle>
          <a:p>
            <a:pPr marL="0" marR="0" lvl="0" indent="0" algn="l" defTabSz="1039307" rtl="0" eaLnBrk="1" fontAlgn="auto" latinLnBrk="0" hangingPunct="1">
              <a:lnSpc>
                <a:spcPct val="100000"/>
              </a:lnSpc>
              <a:spcBef>
                <a:spcPct val="0"/>
              </a:spcBef>
              <a:spcAft>
                <a:spcPts val="0"/>
              </a:spcAft>
              <a:buClrTx/>
              <a:buSzTx/>
              <a:buFontTx/>
              <a:buNone/>
              <a:tabLst>
                <a:tab pos="0" algn="l"/>
                <a:tab pos="2874963" algn="l"/>
              </a:tabLst>
              <a:defRPr/>
            </a:pPr>
            <a:r>
              <a:rPr kumimoji="0" lang="da-DK" sz="2200" b="0" i="0" u="none" strike="noStrike" kern="1200" cap="none" spc="0" normalizeH="0" baseline="0" noProof="0" dirty="0">
                <a:ln>
                  <a:noFill/>
                </a:ln>
                <a:solidFill>
                  <a:schemeClr val="tx1"/>
                </a:solidFill>
                <a:effectLst/>
                <a:uLnTx/>
                <a:uFillTx/>
                <a:latin typeface="+mj-lt"/>
                <a:ea typeface="+mj-ea"/>
                <a:cs typeface="+mj-cs"/>
              </a:rPr>
              <a:t>Udfordring 04 | Sårbarheder i den digitale forsyningssikkerhed</a:t>
            </a:r>
          </a:p>
        </p:txBody>
      </p:sp>
      <p:sp>
        <p:nvSpPr>
          <p:cNvPr id="6" name="Rektangel 8">
            <a:extLst>
              <a:ext uri="{FF2B5EF4-FFF2-40B4-BE49-F238E27FC236}">
                <a16:creationId xmlns:a16="http://schemas.microsoft.com/office/drawing/2014/main" id="{38D93A10-4BCF-8E17-A5D5-EA62403BDB33}"/>
              </a:ext>
            </a:extLst>
          </p:cNvPr>
          <p:cNvSpPr/>
          <p:nvPr/>
        </p:nvSpPr>
        <p:spPr>
          <a:xfrm>
            <a:off x="554355" y="1643298"/>
            <a:ext cx="3508745" cy="4566240"/>
          </a:xfrm>
          <a:prstGeom prst="roundRect">
            <a:avLst>
              <a:gd name="adj" fmla="val 2683"/>
            </a:avLst>
          </a:prstGeom>
          <a:solidFill>
            <a:srgbClr val="EEF9FB"/>
          </a:solidFill>
          <a:ln>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indent="-171450">
              <a:spcAft>
                <a:spcPts val="600"/>
              </a:spcAft>
              <a:buClr>
                <a:srgbClr val="000000"/>
              </a:buClr>
              <a:buFont typeface="Arial" panose="020B0604020202020204" pitchFamily="34" charset="0"/>
              <a:buChar char="•"/>
            </a:pPr>
            <a:r>
              <a:rPr lang="da-DK" sz="1100" noProof="0">
                <a:solidFill>
                  <a:schemeClr val="accent3"/>
                </a:solidFill>
                <a:latin typeface="Arial" panose="020B0604020202020204" pitchFamily="34" charset="0"/>
              </a:rPr>
              <a:t>Den offentlige sektor er dybt integreret med internationale teknologileverandører og er afhængig af globale leverandørkæder for kritiske digitale komponenter – fra chips og hardware til cloud-infrastruktur og software.</a:t>
            </a:r>
          </a:p>
          <a:p>
            <a:pPr marL="171450" indent="-171450">
              <a:spcAft>
                <a:spcPts val="600"/>
              </a:spcAft>
              <a:buClr>
                <a:srgbClr val="000000"/>
              </a:buClr>
              <a:buFont typeface="Arial" panose="020B0604020202020204" pitchFamily="34" charset="0"/>
              <a:buChar char="•"/>
            </a:pPr>
            <a:r>
              <a:rPr lang="da-DK" sz="1100" noProof="0">
                <a:solidFill>
                  <a:schemeClr val="accent3"/>
                </a:solidFill>
                <a:latin typeface="Arial" panose="020B0604020202020204" pitchFamily="34" charset="0"/>
              </a:rPr>
              <a:t>En stor del af disse leverandører er placeret uden for EU, primært i USA og Asien.</a:t>
            </a:r>
          </a:p>
          <a:p>
            <a:pPr marL="171450" indent="-171450">
              <a:spcAft>
                <a:spcPts val="600"/>
              </a:spcAft>
              <a:buClr>
                <a:srgbClr val="000000"/>
              </a:buClr>
              <a:buFont typeface="Arial" panose="020B0604020202020204" pitchFamily="34" charset="0"/>
              <a:buChar char="•"/>
            </a:pPr>
            <a:r>
              <a:rPr lang="da-DK" sz="1100" noProof="0">
                <a:solidFill>
                  <a:schemeClr val="accent3"/>
                </a:solidFill>
                <a:latin typeface="Arial" panose="020B0604020202020204" pitchFamily="34" charset="0"/>
              </a:rPr>
              <a:t>Det betyder, at </a:t>
            </a:r>
            <a:r>
              <a:rPr lang="da-DK" sz="1100" b="1" noProof="0">
                <a:solidFill>
                  <a:schemeClr val="accent3"/>
                </a:solidFill>
                <a:latin typeface="Arial" panose="020B0604020202020204" pitchFamily="34" charset="0"/>
              </a:rPr>
              <a:t>forsyningssikkerheden ikke er under dansk eller europæisk kontrol</a:t>
            </a:r>
            <a:r>
              <a:rPr lang="da-DK" sz="1100" noProof="0">
                <a:solidFill>
                  <a:schemeClr val="accent3"/>
                </a:solidFill>
                <a:latin typeface="Arial" panose="020B0604020202020204" pitchFamily="34" charset="0"/>
              </a:rPr>
              <a:t>.</a:t>
            </a:r>
          </a:p>
          <a:p>
            <a:pPr marL="171450" indent="-171450">
              <a:spcAft>
                <a:spcPts val="600"/>
              </a:spcAft>
              <a:buClr>
                <a:srgbClr val="000000"/>
              </a:buClr>
              <a:buFont typeface="Arial" panose="020B0604020202020204" pitchFamily="34" charset="0"/>
              <a:buChar char="•"/>
            </a:pPr>
            <a:r>
              <a:rPr lang="da-DK" sz="1100" noProof="0">
                <a:solidFill>
                  <a:schemeClr val="accent3"/>
                </a:solidFill>
                <a:latin typeface="Arial" panose="020B0604020202020204" pitchFamily="34" charset="0"/>
              </a:rPr>
              <a:t>Politisk uro, handelsrestriktioner eller sanktioner kan hurtigt </a:t>
            </a:r>
            <a:r>
              <a:rPr lang="da-DK" sz="1100" b="1" noProof="0">
                <a:solidFill>
                  <a:schemeClr val="accent3"/>
                </a:solidFill>
                <a:latin typeface="Arial" panose="020B0604020202020204" pitchFamily="34" charset="0"/>
              </a:rPr>
              <a:t>påvirke tilgængeligheden </a:t>
            </a:r>
            <a:r>
              <a:rPr lang="da-DK" sz="1100" noProof="0">
                <a:solidFill>
                  <a:schemeClr val="accent3"/>
                </a:solidFill>
                <a:latin typeface="Arial" panose="020B0604020202020204" pitchFamily="34" charset="0"/>
              </a:rPr>
              <a:t>af kritiske teknologier.</a:t>
            </a:r>
          </a:p>
          <a:p>
            <a:pPr marL="171450" indent="-171450">
              <a:spcAft>
                <a:spcPts val="600"/>
              </a:spcAft>
              <a:buClr>
                <a:srgbClr val="000000"/>
              </a:buClr>
              <a:buFont typeface="Arial" panose="020B0604020202020204" pitchFamily="34" charset="0"/>
              <a:buChar char="•"/>
            </a:pPr>
            <a:r>
              <a:rPr lang="da-DK" sz="1100" noProof="0">
                <a:solidFill>
                  <a:schemeClr val="accent3"/>
                </a:solidFill>
                <a:latin typeface="Arial" panose="020B0604020202020204" pitchFamily="34" charset="0"/>
              </a:rPr>
              <a:t>Samtidig er der </a:t>
            </a:r>
            <a:r>
              <a:rPr lang="da-DK" sz="1100" b="1" noProof="0">
                <a:solidFill>
                  <a:schemeClr val="accent3"/>
                </a:solidFill>
                <a:latin typeface="Arial" panose="020B0604020202020204" pitchFamily="34" charset="0"/>
              </a:rPr>
              <a:t>begrænset kapacitet </a:t>
            </a:r>
            <a:r>
              <a:rPr lang="da-DK" sz="1100" noProof="0">
                <a:solidFill>
                  <a:schemeClr val="accent3"/>
                </a:solidFill>
                <a:latin typeface="Arial" panose="020B0604020202020204" pitchFamily="34" charset="0"/>
              </a:rPr>
              <a:t>til at producere avancerede chips, cloud-infrastruktur og andre nøglekomponenter i Europa såvel som i Danmark, hvilket forstærker sårbarheden yderligere.</a:t>
            </a:r>
          </a:p>
          <a:p>
            <a:pPr marL="171450" indent="-171450">
              <a:spcAft>
                <a:spcPts val="600"/>
              </a:spcAft>
              <a:buClr>
                <a:srgbClr val="000000"/>
              </a:buClr>
              <a:buFont typeface="Arial" panose="020B0604020202020204" pitchFamily="34" charset="0"/>
              <a:buChar char="•"/>
            </a:pPr>
            <a:r>
              <a:rPr lang="da-DK" sz="1100" noProof="0">
                <a:solidFill>
                  <a:schemeClr val="accent3"/>
                </a:solidFill>
                <a:latin typeface="Arial" panose="020B0604020202020204" pitchFamily="34" charset="0"/>
              </a:rPr>
              <a:t>Tilliden til juridiske aftaler er ikke længere i sig selv et tilstrækkeligt kontrolværn til at give ejere af it-infrastruktur kontrol og styring.</a:t>
            </a:r>
            <a:endParaRPr lang="da-DK" sz="1100" noProof="0">
              <a:solidFill>
                <a:schemeClr val="accent3"/>
              </a:solidFill>
            </a:endParaRPr>
          </a:p>
          <a:p>
            <a:pPr marL="171450" indent="-171450" algn="ctr">
              <a:buFont typeface="Arial" panose="020B0604020202020204" pitchFamily="34" charset="0"/>
              <a:buChar char="•"/>
            </a:pPr>
            <a:endParaRPr lang="da-DK" sz="1100" noProof="0">
              <a:solidFill>
                <a:schemeClr val="accent3"/>
              </a:solidFill>
            </a:endParaRPr>
          </a:p>
        </p:txBody>
      </p:sp>
      <p:sp>
        <p:nvSpPr>
          <p:cNvPr id="9" name="Rektangel 8">
            <a:extLst>
              <a:ext uri="{FF2B5EF4-FFF2-40B4-BE49-F238E27FC236}">
                <a16:creationId xmlns:a16="http://schemas.microsoft.com/office/drawing/2014/main" id="{AA00E9C0-7F32-7BB8-3404-6074B4826DBC}"/>
              </a:ext>
            </a:extLst>
          </p:cNvPr>
          <p:cNvSpPr/>
          <p:nvPr/>
        </p:nvSpPr>
        <p:spPr>
          <a:xfrm>
            <a:off x="4343102" y="1649648"/>
            <a:ext cx="3508745" cy="4566240"/>
          </a:xfrm>
          <a:prstGeom prst="roundRect">
            <a:avLst>
              <a:gd name="adj" fmla="val 2683"/>
            </a:avLst>
          </a:prstGeom>
          <a:solidFill>
            <a:srgbClr val="EEF9FB"/>
          </a:solidFill>
          <a:ln>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indent="-171450">
              <a:spcAft>
                <a:spcPts val="500"/>
              </a:spcAft>
              <a:buClr>
                <a:srgbClr val="000000"/>
              </a:buClr>
              <a:buFont typeface="Arial" panose="020B0604020202020204" pitchFamily="34" charset="0"/>
              <a:buChar char="•"/>
            </a:pPr>
            <a:r>
              <a:rPr lang="da-DK" sz="1100" b="1" noProof="0">
                <a:solidFill>
                  <a:schemeClr val="accent3"/>
                </a:solidFill>
                <a:latin typeface="Arial" panose="020B0604020202020204" pitchFamily="34" charset="0"/>
              </a:rPr>
              <a:t>Forsyningsstop</a:t>
            </a:r>
            <a:r>
              <a:rPr lang="da-DK" sz="1100" noProof="0">
                <a:solidFill>
                  <a:schemeClr val="accent3"/>
                </a:solidFill>
                <a:latin typeface="Arial" panose="020B0604020202020204" pitchFamily="34" charset="0"/>
              </a:rPr>
              <a:t>: Handelskonflikter eller sanktioner kan påvirke leverancer af kritisk hardware eller eksisterende forretningskritisk software og cloud-services*.</a:t>
            </a:r>
          </a:p>
          <a:p>
            <a:pPr marL="171450" indent="-171450">
              <a:spcAft>
                <a:spcPts val="500"/>
              </a:spcAft>
              <a:buClr>
                <a:srgbClr val="000000"/>
              </a:buClr>
              <a:buFont typeface="Arial" panose="020B0604020202020204" pitchFamily="34" charset="0"/>
              <a:buChar char="•"/>
            </a:pPr>
            <a:r>
              <a:rPr lang="da-DK" sz="1100" b="1" noProof="0">
                <a:solidFill>
                  <a:schemeClr val="accent3"/>
                </a:solidFill>
                <a:latin typeface="Arial" panose="020B0604020202020204" pitchFamily="34" charset="0"/>
              </a:rPr>
              <a:t>Indbyggede sårbarheder</a:t>
            </a:r>
            <a:r>
              <a:rPr lang="da-DK" sz="1100" noProof="0">
                <a:solidFill>
                  <a:schemeClr val="accent3"/>
                </a:solidFill>
                <a:latin typeface="Arial" panose="020B0604020202020204" pitchFamily="34" charset="0"/>
              </a:rPr>
              <a:t>: Leverandører uden for EU kan indbygge såkaldte </a:t>
            </a:r>
            <a:r>
              <a:rPr lang="da-DK" sz="1100" i="1" noProof="0" dirty="0" err="1">
                <a:solidFill>
                  <a:schemeClr val="accent3"/>
                </a:solidFill>
                <a:latin typeface="Arial" panose="020B0604020202020204" pitchFamily="34" charset="0"/>
              </a:rPr>
              <a:t>kill</a:t>
            </a:r>
            <a:r>
              <a:rPr lang="da-DK" sz="1100" i="1" noProof="0">
                <a:solidFill>
                  <a:schemeClr val="accent3"/>
                </a:solidFill>
                <a:latin typeface="Arial" panose="020B0604020202020204" pitchFamily="34" charset="0"/>
              </a:rPr>
              <a:t> bits </a:t>
            </a:r>
            <a:r>
              <a:rPr lang="da-DK" sz="1100" noProof="0">
                <a:solidFill>
                  <a:schemeClr val="accent3"/>
                </a:solidFill>
                <a:latin typeface="Arial" panose="020B0604020202020204" pitchFamily="34" charset="0"/>
              </a:rPr>
              <a:t>eller </a:t>
            </a:r>
            <a:r>
              <a:rPr lang="da-DK" sz="1100" i="1" noProof="0" dirty="0" err="1">
                <a:solidFill>
                  <a:schemeClr val="accent3"/>
                </a:solidFill>
                <a:latin typeface="Arial" panose="020B0604020202020204" pitchFamily="34" charset="0"/>
              </a:rPr>
              <a:t>kill</a:t>
            </a:r>
            <a:r>
              <a:rPr lang="da-DK" sz="1100" i="1" noProof="0">
                <a:solidFill>
                  <a:schemeClr val="accent3"/>
                </a:solidFill>
                <a:latin typeface="Arial" panose="020B0604020202020204" pitchFamily="34" charset="0"/>
              </a:rPr>
              <a:t> switches, </a:t>
            </a:r>
            <a:r>
              <a:rPr lang="da-DK" sz="1100" noProof="0">
                <a:solidFill>
                  <a:schemeClr val="accent3"/>
                </a:solidFill>
                <a:latin typeface="Arial" panose="020B0604020202020204" pitchFamily="34" charset="0"/>
              </a:rPr>
              <a:t>der kan deaktivere systemer.</a:t>
            </a:r>
          </a:p>
          <a:p>
            <a:pPr marL="171450" indent="-171450">
              <a:spcAft>
                <a:spcPts val="500"/>
              </a:spcAft>
              <a:buClr>
                <a:srgbClr val="000000"/>
              </a:buClr>
              <a:buFont typeface="Arial" panose="020B0604020202020204" pitchFamily="34" charset="0"/>
              <a:buChar char="•"/>
            </a:pPr>
            <a:r>
              <a:rPr lang="da-DK" sz="1100" b="1" noProof="0">
                <a:solidFill>
                  <a:schemeClr val="accent3"/>
                </a:solidFill>
                <a:latin typeface="Arial" panose="020B0604020202020204" pitchFamily="34" charset="0"/>
              </a:rPr>
              <a:t>Strategisk afhængighed</a:t>
            </a:r>
            <a:r>
              <a:rPr lang="da-DK" sz="1100" noProof="0">
                <a:solidFill>
                  <a:schemeClr val="accent3"/>
                </a:solidFill>
                <a:latin typeface="Arial" panose="020B0604020202020204" pitchFamily="34" charset="0"/>
              </a:rPr>
              <a:t>: Manglende europæisk produktion og kontrol reducerer handlefriheden i krisesituationer.</a:t>
            </a:r>
          </a:p>
          <a:p>
            <a:pPr marL="171450" indent="-171450">
              <a:spcAft>
                <a:spcPts val="500"/>
              </a:spcAft>
              <a:buClr>
                <a:srgbClr val="000000"/>
              </a:buClr>
              <a:buFont typeface="Arial" panose="020B0604020202020204" pitchFamily="34" charset="0"/>
              <a:buChar char="•"/>
            </a:pPr>
            <a:r>
              <a:rPr lang="da-DK" sz="1100" b="1" noProof="0">
                <a:solidFill>
                  <a:schemeClr val="accent3"/>
                </a:solidFill>
                <a:latin typeface="Arial" panose="020B0604020202020204" pitchFamily="34" charset="0"/>
              </a:rPr>
              <a:t>Øget politisk pres</a:t>
            </a:r>
            <a:r>
              <a:rPr lang="da-DK" sz="1100" noProof="0">
                <a:solidFill>
                  <a:schemeClr val="accent3"/>
                </a:solidFill>
                <a:latin typeface="Arial" panose="020B0604020202020204" pitchFamily="34" charset="0"/>
              </a:rPr>
              <a:t>: Geopolitiske spændinger kan bruges som pressionsmiddel mod Danmark og EU.</a:t>
            </a:r>
          </a:p>
          <a:p>
            <a:pPr marL="171450" indent="-171450">
              <a:buClr>
                <a:srgbClr val="000000"/>
              </a:buClr>
              <a:buFont typeface="Arial" panose="020B0604020202020204" pitchFamily="34" charset="0"/>
              <a:buChar char="•"/>
            </a:pPr>
            <a:endParaRPr lang="da-DK" sz="1100" noProof="0">
              <a:solidFill>
                <a:schemeClr val="accent3"/>
              </a:solidFill>
              <a:latin typeface="Arial" panose="020B0604020202020204" pitchFamily="34" charset="0"/>
            </a:endParaRPr>
          </a:p>
          <a:p>
            <a:pPr marL="171450" indent="-171450">
              <a:buClr>
                <a:srgbClr val="000000"/>
              </a:buClr>
              <a:buFont typeface="Arial" panose="020B0604020202020204" pitchFamily="34" charset="0"/>
              <a:buChar char="•"/>
            </a:pPr>
            <a:endParaRPr lang="da-DK" sz="1100" noProof="0">
              <a:solidFill>
                <a:schemeClr val="accent3"/>
              </a:solidFill>
              <a:latin typeface="Arial" panose="020B0604020202020204" pitchFamily="34" charset="0"/>
            </a:endParaRPr>
          </a:p>
        </p:txBody>
      </p:sp>
      <p:sp>
        <p:nvSpPr>
          <p:cNvPr id="17" name="Rektangel 8">
            <a:extLst>
              <a:ext uri="{FF2B5EF4-FFF2-40B4-BE49-F238E27FC236}">
                <a16:creationId xmlns:a16="http://schemas.microsoft.com/office/drawing/2014/main" id="{7D536769-B539-F50A-B221-D420D14B116A}"/>
              </a:ext>
            </a:extLst>
          </p:cNvPr>
          <p:cNvSpPr/>
          <p:nvPr/>
        </p:nvSpPr>
        <p:spPr>
          <a:xfrm>
            <a:off x="8129673" y="1649648"/>
            <a:ext cx="3508745" cy="4538299"/>
          </a:xfrm>
          <a:prstGeom prst="roundRect">
            <a:avLst>
              <a:gd name="adj" fmla="val 2683"/>
            </a:avLst>
          </a:prstGeom>
          <a:solidFill>
            <a:srgbClr val="EEF9FB"/>
          </a:solidFill>
          <a:ln w="28575">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marL="171450" indent="-171450">
              <a:spcAft>
                <a:spcPts val="500"/>
              </a:spcAft>
              <a:buClr>
                <a:srgbClr val="000000"/>
              </a:buClr>
              <a:buFont typeface="Arial" panose="020B0604020202020204" pitchFamily="34" charset="0"/>
              <a:buChar char="•"/>
            </a:pPr>
            <a:r>
              <a:rPr lang="da-DK" sz="1100" b="1" noProof="0">
                <a:solidFill>
                  <a:schemeClr val="accent3"/>
                </a:solidFill>
                <a:latin typeface="Arial" panose="020B0604020202020204" pitchFamily="34" charset="0"/>
              </a:rPr>
              <a:t>Global leverandørkæde:</a:t>
            </a:r>
            <a:r>
              <a:rPr lang="da-DK" sz="1100" noProof="0">
                <a:solidFill>
                  <a:schemeClr val="accent3"/>
                </a:solidFill>
                <a:latin typeface="Arial" panose="020B0604020202020204" pitchFamily="34" charset="0"/>
              </a:rPr>
              <a:t> Hardware og software er baseret på komponenter og platforme fra primært USA og Asien.</a:t>
            </a:r>
            <a:endParaRPr lang="da-DK" sz="1100" b="1" noProof="0">
              <a:solidFill>
                <a:schemeClr val="accent3"/>
              </a:solidFill>
              <a:latin typeface="Arial" panose="020B0604020202020204" pitchFamily="34" charset="0"/>
            </a:endParaRPr>
          </a:p>
          <a:p>
            <a:pPr marL="171450" indent="-171450">
              <a:spcAft>
                <a:spcPts val="500"/>
              </a:spcAft>
              <a:buClr>
                <a:srgbClr val="000000"/>
              </a:buClr>
              <a:buFont typeface="Arial" panose="020B0604020202020204" pitchFamily="34" charset="0"/>
              <a:buChar char="•"/>
            </a:pPr>
            <a:r>
              <a:rPr lang="da-DK" sz="1100" b="1" noProof="0">
                <a:solidFill>
                  <a:schemeClr val="accent3"/>
                </a:solidFill>
                <a:latin typeface="Arial" panose="020B0604020202020204" pitchFamily="34" charset="0"/>
              </a:rPr>
              <a:t>Begrænset europæisk kapacitet: </a:t>
            </a:r>
            <a:r>
              <a:rPr lang="da-DK" sz="1100" noProof="0">
                <a:solidFill>
                  <a:schemeClr val="accent3"/>
                </a:solidFill>
                <a:latin typeface="Arial" panose="020B0604020202020204" pitchFamily="34" charset="0"/>
              </a:rPr>
              <a:t>EU har et begrænset antal leverandører med varierende kvalitet inden for ERP, cloud, operativsystemer og kritiske hardwarekomponenter.</a:t>
            </a:r>
            <a:endParaRPr lang="da-DK" sz="1100" b="1" noProof="0">
              <a:solidFill>
                <a:schemeClr val="accent3"/>
              </a:solidFill>
              <a:latin typeface="Arial" panose="020B0604020202020204" pitchFamily="34" charset="0"/>
            </a:endParaRPr>
          </a:p>
          <a:p>
            <a:pPr marL="171450" indent="-171450">
              <a:spcAft>
                <a:spcPts val="500"/>
              </a:spcAft>
              <a:buClr>
                <a:srgbClr val="000000"/>
              </a:buClr>
              <a:buFont typeface="Arial" panose="020B0604020202020204" pitchFamily="34" charset="0"/>
              <a:buChar char="•"/>
            </a:pPr>
            <a:r>
              <a:rPr lang="da-DK" sz="1100" b="1" noProof="0">
                <a:solidFill>
                  <a:schemeClr val="accent3"/>
                </a:solidFill>
                <a:latin typeface="Arial" panose="020B0604020202020204" pitchFamily="34" charset="0"/>
              </a:rPr>
              <a:t>Kompleksitet i leverandørkæder: </a:t>
            </a:r>
            <a:r>
              <a:rPr lang="da-DK" sz="1100" noProof="0">
                <a:solidFill>
                  <a:schemeClr val="accent3"/>
                </a:solidFill>
                <a:latin typeface="Arial" panose="020B0604020202020204" pitchFamily="34" charset="0"/>
              </a:rPr>
              <a:t>Svært at skabe fuld transparens og kontrol over de samlede leverandørkæder. Det kan desuden være vanskeligt at opnå fuld indsigt i udenlandske ejerforhold hos leverandører.</a:t>
            </a:r>
          </a:p>
          <a:p>
            <a:pPr marL="171450" indent="-171450">
              <a:buClr>
                <a:srgbClr val="000000"/>
              </a:buClr>
              <a:buFont typeface="Arial" panose="020B0604020202020204" pitchFamily="34" charset="0"/>
              <a:buChar char="•"/>
            </a:pPr>
            <a:endParaRPr lang="da-DK" sz="1100" noProof="0">
              <a:solidFill>
                <a:schemeClr val="accent3"/>
              </a:solidFill>
              <a:latin typeface="Arial" panose="020B0604020202020204" pitchFamily="34" charset="0"/>
            </a:endParaRPr>
          </a:p>
          <a:p>
            <a:pPr marL="171450" indent="-171450">
              <a:buClr>
                <a:srgbClr val="000000"/>
              </a:buClr>
              <a:buFont typeface="Arial" panose="020B0604020202020204" pitchFamily="34" charset="0"/>
              <a:buChar char="•"/>
            </a:pPr>
            <a:endParaRPr lang="da-DK" sz="1100" noProof="0">
              <a:solidFill>
                <a:schemeClr val="accent3"/>
              </a:solidFill>
              <a:latin typeface="Arial" panose="020B0604020202020204" pitchFamily="34" charset="0"/>
            </a:endParaRPr>
          </a:p>
        </p:txBody>
      </p:sp>
      <p:sp>
        <p:nvSpPr>
          <p:cNvPr id="11" name="Rektangel: afrundede hjørner 10">
            <a:extLst>
              <a:ext uri="{FF2B5EF4-FFF2-40B4-BE49-F238E27FC236}">
                <a16:creationId xmlns:a16="http://schemas.microsoft.com/office/drawing/2014/main" id="{02BFB26C-F247-522B-10D9-1035210BDEBD}"/>
              </a:ext>
              <a:ext uri="{C183D7F6-B498-43B3-948B-1728B52AA6E4}">
                <adec:decorative xmlns:adec="http://schemas.microsoft.com/office/drawing/2017/decorative" val="1"/>
              </a:ext>
            </a:extLst>
          </p:cNvPr>
          <p:cNvSpPr>
            <a:spLocks/>
          </p:cNvSpPr>
          <p:nvPr/>
        </p:nvSpPr>
        <p:spPr>
          <a:xfrm>
            <a:off x="554355" y="761558"/>
            <a:ext cx="790258" cy="543670"/>
          </a:xfrm>
          <a:prstGeom prst="roundRect">
            <a:avLst>
              <a:gd name="adj" fmla="val 13163"/>
            </a:avLst>
          </a:prstGeom>
          <a:solidFill>
            <a:srgbClr val="EEF9FB"/>
          </a:solidFill>
          <a:ln w="19050">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Freeform 8">
            <a:extLst>
              <a:ext uri="{FF2B5EF4-FFF2-40B4-BE49-F238E27FC236}">
                <a16:creationId xmlns:a16="http://schemas.microsoft.com/office/drawing/2014/main" id="{77781B8B-943E-749F-3A85-7C5A33905525}"/>
              </a:ext>
              <a:ext uri="{C183D7F6-B498-43B3-948B-1728B52AA6E4}">
                <adec:decorative xmlns:adec="http://schemas.microsoft.com/office/drawing/2017/decorative" val="1"/>
              </a:ext>
            </a:extLst>
          </p:cNvPr>
          <p:cNvSpPr>
            <a:spLocks noChangeAspect="1" noEditPoints="1"/>
          </p:cNvSpPr>
          <p:nvPr/>
        </p:nvSpPr>
        <p:spPr bwMode="auto">
          <a:xfrm>
            <a:off x="771388" y="838993"/>
            <a:ext cx="356191" cy="388800"/>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4" name="TextBox 3">
            <a:extLst>
              <a:ext uri="{FF2B5EF4-FFF2-40B4-BE49-F238E27FC236}">
                <a16:creationId xmlns:a16="http://schemas.microsoft.com/office/drawing/2014/main" id="{B578E15C-6A08-3903-BB7D-028058660C20}"/>
              </a:ext>
            </a:extLst>
          </p:cNvPr>
          <p:cNvSpPr txBox="1"/>
          <p:nvPr/>
        </p:nvSpPr>
        <p:spPr>
          <a:xfrm>
            <a:off x="484998" y="6188941"/>
            <a:ext cx="11153420" cy="415498"/>
          </a:xfrm>
          <a:prstGeom prst="rect">
            <a:avLst/>
          </a:prstGeom>
          <a:noFill/>
        </p:spPr>
        <p:txBody>
          <a:bodyPr wrap="square">
            <a:spAutoFit/>
          </a:bodyPr>
          <a:lstStyle/>
          <a:p>
            <a:r>
              <a:rPr lang="da-DK" sz="700" i="1" noProof="0">
                <a:solidFill>
                  <a:schemeClr val="tx1"/>
                </a:solidFill>
              </a:rPr>
              <a:t>*</a:t>
            </a:r>
            <a:r>
              <a:rPr lang="da-DK" sz="700" i="1" noProof="0"/>
              <a:t>Danmark er især sårbar som følge af den massive afhængighed til amerikanske produkter og leverandører. De offentlige myndigheder anvender </a:t>
            </a:r>
            <a:r>
              <a:rPr lang="da-DK" sz="700" i="1" noProof="0" dirty="0"/>
              <a:t>M</a:t>
            </a:r>
            <a:r>
              <a:rPr lang="da-DK" sz="700" i="1" noProof="0">
                <a:solidFill>
                  <a:schemeClr val="tx1"/>
                </a:solidFill>
              </a:rPr>
              <a:t>icrosoft til udviklingsplatform, cloud-infrastruktur, data-, applikations- og automatiseringsplatform, Amazon Web Services (AWS) til </a:t>
            </a:r>
            <a:r>
              <a:rPr lang="da-DK" sz="700" i="1" noProof="0" dirty="0" err="1">
                <a:solidFill>
                  <a:schemeClr val="tx1"/>
                </a:solidFill>
              </a:rPr>
              <a:t>hosting</a:t>
            </a:r>
            <a:r>
              <a:rPr lang="da-DK" sz="700" i="1" noProof="0">
                <a:solidFill>
                  <a:schemeClr val="tx1"/>
                </a:solidFill>
              </a:rPr>
              <a:t> og cloudtjenester, Google Cloud Platform (GCP) til dataanalyse og AI, Oracle &amp; IBM til databaser og enterpriseløsninger og </a:t>
            </a:r>
            <a:r>
              <a:rPr lang="da-DK" sz="700" i="1" noProof="0" dirty="0" err="1">
                <a:solidFill>
                  <a:schemeClr val="tx1"/>
                </a:solidFill>
              </a:rPr>
              <a:t>ServiceNow</a:t>
            </a:r>
            <a:r>
              <a:rPr lang="da-DK" sz="700" i="1" noProof="0">
                <a:solidFill>
                  <a:schemeClr val="tx1"/>
                </a:solidFill>
              </a:rPr>
              <a:t> til ITSM og workflow-automatisering. Nogle af vores kritiske forretningssystemer er udviklet af ikke-europæiske leverandører eller på ikke-europæisk teknologi – fx</a:t>
            </a:r>
            <a:r>
              <a:rPr lang="da-DK" sz="700" i="1" noProof="0"/>
              <a:t> er Sundhedsplatformen bygget af en amerikansk leverandør og s</a:t>
            </a:r>
            <a:r>
              <a:rPr lang="da-DK" sz="700" i="1" noProof="0">
                <a:solidFill>
                  <a:schemeClr val="tx1"/>
                </a:solidFill>
              </a:rPr>
              <a:t>tatens system til økonomistyring er Microsoft-baseret. </a:t>
            </a:r>
            <a:endParaRPr lang="da-DK" sz="700" i="1" noProof="0"/>
          </a:p>
        </p:txBody>
      </p:sp>
      <p:sp>
        <p:nvSpPr>
          <p:cNvPr id="3" name="Rektangel 9">
            <a:extLst>
              <a:ext uri="{FF2B5EF4-FFF2-40B4-BE49-F238E27FC236}">
                <a16:creationId xmlns:a16="http://schemas.microsoft.com/office/drawing/2014/main" id="{D18A79F3-C510-6A5A-AE35-11D934F86B84}"/>
              </a:ext>
              <a:ext uri="{C183D7F6-B498-43B3-948B-1728B52AA6E4}">
                <adec:decorative xmlns:adec="http://schemas.microsoft.com/office/drawing/2017/decorative" val="1"/>
              </a:ext>
            </a:extLst>
          </p:cNvPr>
          <p:cNvSpPr/>
          <p:nvPr/>
        </p:nvSpPr>
        <p:spPr>
          <a:xfrm>
            <a:off x="554355"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a:solidFill>
                  <a:schemeClr val="bg1"/>
                </a:solidFill>
              </a:rPr>
              <a:t>Situation</a:t>
            </a:r>
          </a:p>
        </p:txBody>
      </p:sp>
      <p:grpSp>
        <p:nvGrpSpPr>
          <p:cNvPr id="5" name="Group 1">
            <a:extLst>
              <a:ext uri="{FF2B5EF4-FFF2-40B4-BE49-F238E27FC236}">
                <a16:creationId xmlns:a16="http://schemas.microsoft.com/office/drawing/2014/main" id="{B73DB7AC-ACA8-DD77-1A53-A96E6CA0C28D}"/>
              </a:ext>
              <a:ext uri="{C183D7F6-B498-43B3-948B-1728B52AA6E4}">
                <adec:decorative xmlns:adec="http://schemas.microsoft.com/office/drawing/2017/decorative" val="1"/>
              </a:ext>
            </a:extLst>
          </p:cNvPr>
          <p:cNvGrpSpPr>
            <a:grpSpLocks noChangeAspect="1"/>
          </p:cNvGrpSpPr>
          <p:nvPr/>
        </p:nvGrpSpPr>
        <p:grpSpPr>
          <a:xfrm>
            <a:off x="639485" y="1686479"/>
            <a:ext cx="274068" cy="246061"/>
            <a:chOff x="-4005223" y="8579"/>
            <a:chExt cx="1125879" cy="1010826"/>
          </a:xfrm>
          <a:solidFill>
            <a:schemeClr val="bg1"/>
          </a:solidFill>
        </p:grpSpPr>
        <p:sp>
          <p:nvSpPr>
            <p:cNvPr id="7" name="Freeform: Shape 2">
              <a:extLst>
                <a:ext uri="{FF2B5EF4-FFF2-40B4-BE49-F238E27FC236}">
                  <a16:creationId xmlns:a16="http://schemas.microsoft.com/office/drawing/2014/main" id="{D78C8E43-CAD0-B820-7218-A13E17AB0D5F}"/>
                </a:ext>
              </a:extLst>
            </p:cNvPr>
            <p:cNvSpPr/>
            <p:nvPr/>
          </p:nvSpPr>
          <p:spPr>
            <a:xfrm>
              <a:off x="-4005223" y="8579"/>
              <a:ext cx="1125879" cy="1010826"/>
            </a:xfrm>
            <a:custGeom>
              <a:avLst/>
              <a:gdLst>
                <a:gd name="connsiteX0" fmla="*/ 1097897 w 1125878"/>
                <a:gd name="connsiteY0" fmla="*/ 805990 h 1010825"/>
                <a:gd name="connsiteX1" fmla="*/ 681651 w 1125878"/>
                <a:gd name="connsiteY1" fmla="*/ 85263 h 1010825"/>
                <a:gd name="connsiteX2" fmla="*/ 563721 w 1125878"/>
                <a:gd name="connsiteY2" fmla="*/ 3082 h 1010825"/>
                <a:gd name="connsiteX3" fmla="*/ 445380 w 1125878"/>
                <a:gd name="connsiteY3" fmla="*/ 85263 h 1010825"/>
                <a:gd name="connsiteX4" fmla="*/ 29545 w 1125878"/>
                <a:gd name="connsiteY4" fmla="*/ 805990 h 1010825"/>
                <a:gd name="connsiteX5" fmla="*/ 17629 w 1125878"/>
                <a:gd name="connsiteY5" fmla="*/ 949395 h 1010825"/>
                <a:gd name="connsiteX6" fmla="*/ 147885 w 1125878"/>
                <a:gd name="connsiteY6" fmla="*/ 1010620 h 1010825"/>
                <a:gd name="connsiteX7" fmla="*/ 979967 w 1125878"/>
                <a:gd name="connsiteY7" fmla="*/ 1010620 h 1010825"/>
                <a:gd name="connsiteX8" fmla="*/ 1110225 w 1125878"/>
                <a:gd name="connsiteY8" fmla="*/ 949395 h 1010825"/>
                <a:gd name="connsiteX9" fmla="*/ 1097897 w 1125878"/>
                <a:gd name="connsiteY9" fmla="*/ 805990 h 1010825"/>
                <a:gd name="connsiteX10" fmla="*/ 1076119 w 1125878"/>
                <a:gd name="connsiteY10" fmla="*/ 929672 h 1010825"/>
                <a:gd name="connsiteX11" fmla="*/ 979967 w 1125878"/>
                <a:gd name="connsiteY11" fmla="*/ 971584 h 1010825"/>
                <a:gd name="connsiteX12" fmla="*/ 147475 w 1125878"/>
                <a:gd name="connsiteY12" fmla="*/ 971584 h 1010825"/>
                <a:gd name="connsiteX13" fmla="*/ 51323 w 1125878"/>
                <a:gd name="connsiteY13" fmla="*/ 929672 h 1010825"/>
                <a:gd name="connsiteX14" fmla="*/ 63239 w 1125878"/>
                <a:gd name="connsiteY14" fmla="*/ 825302 h 1010825"/>
                <a:gd name="connsiteX15" fmla="*/ 479074 w 1125878"/>
                <a:gd name="connsiteY15" fmla="*/ 104575 h 1010825"/>
                <a:gd name="connsiteX16" fmla="*/ 563310 w 1125878"/>
                <a:gd name="connsiteY16" fmla="*/ 42118 h 1010825"/>
                <a:gd name="connsiteX17" fmla="*/ 647545 w 1125878"/>
                <a:gd name="connsiteY17" fmla="*/ 104575 h 1010825"/>
                <a:gd name="connsiteX18" fmla="*/ 1063792 w 1125878"/>
                <a:gd name="connsiteY18" fmla="*/ 825302 h 1010825"/>
                <a:gd name="connsiteX19" fmla="*/ 1076119 w 1125878"/>
                <a:gd name="connsiteY19" fmla="*/ 929672 h 10108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125878" h="1010825">
                  <a:moveTo>
                    <a:pt x="1097897" y="805990"/>
                  </a:moveTo>
                  <a:lnTo>
                    <a:pt x="681651" y="85263"/>
                  </a:lnTo>
                  <a:cubicBezTo>
                    <a:pt x="651244" y="32256"/>
                    <a:pt x="609332" y="3082"/>
                    <a:pt x="563721" y="3082"/>
                  </a:cubicBezTo>
                  <a:cubicBezTo>
                    <a:pt x="518110" y="3082"/>
                    <a:pt x="476198" y="32256"/>
                    <a:pt x="445380" y="85263"/>
                  </a:cubicBezTo>
                  <a:lnTo>
                    <a:pt x="29545" y="805990"/>
                  </a:lnTo>
                  <a:cubicBezTo>
                    <a:pt x="-862" y="858996"/>
                    <a:pt x="-5382" y="909949"/>
                    <a:pt x="17629" y="949395"/>
                  </a:cubicBezTo>
                  <a:cubicBezTo>
                    <a:pt x="40228" y="988842"/>
                    <a:pt x="86661" y="1010620"/>
                    <a:pt x="147885" y="1010620"/>
                  </a:cubicBezTo>
                  <a:lnTo>
                    <a:pt x="979967" y="1010620"/>
                  </a:lnTo>
                  <a:cubicBezTo>
                    <a:pt x="1041192" y="1010620"/>
                    <a:pt x="1087214" y="988842"/>
                    <a:pt x="1110225" y="949395"/>
                  </a:cubicBezTo>
                  <a:cubicBezTo>
                    <a:pt x="1132413" y="909538"/>
                    <a:pt x="1128304" y="858585"/>
                    <a:pt x="1097897" y="805990"/>
                  </a:cubicBezTo>
                  <a:close/>
                  <a:moveTo>
                    <a:pt x="1076119" y="929672"/>
                  </a:moveTo>
                  <a:cubicBezTo>
                    <a:pt x="1060916" y="956381"/>
                    <a:pt x="1025578" y="971584"/>
                    <a:pt x="979967" y="971584"/>
                  </a:cubicBezTo>
                  <a:lnTo>
                    <a:pt x="147475" y="971584"/>
                  </a:lnTo>
                  <a:cubicBezTo>
                    <a:pt x="101453" y="971584"/>
                    <a:pt x="66526" y="956381"/>
                    <a:pt x="51323" y="929672"/>
                  </a:cubicBezTo>
                  <a:cubicBezTo>
                    <a:pt x="36119" y="902963"/>
                    <a:pt x="40228" y="865160"/>
                    <a:pt x="63239" y="825302"/>
                  </a:cubicBezTo>
                  <a:lnTo>
                    <a:pt x="479074" y="104575"/>
                  </a:lnTo>
                  <a:cubicBezTo>
                    <a:pt x="502086" y="64718"/>
                    <a:pt x="532903" y="42118"/>
                    <a:pt x="563310" y="42118"/>
                  </a:cubicBezTo>
                  <a:cubicBezTo>
                    <a:pt x="594128" y="42118"/>
                    <a:pt x="624535" y="64718"/>
                    <a:pt x="647545" y="104575"/>
                  </a:cubicBezTo>
                  <a:lnTo>
                    <a:pt x="1063792" y="825302"/>
                  </a:lnTo>
                  <a:cubicBezTo>
                    <a:pt x="1086803" y="865160"/>
                    <a:pt x="1091323" y="902963"/>
                    <a:pt x="1076119" y="929672"/>
                  </a:cubicBezTo>
                  <a:close/>
                </a:path>
              </a:pathLst>
            </a:custGeom>
            <a:grpFill/>
            <a:ln w="9525" cap="flat">
              <a:noFill/>
              <a:prstDash val="solid"/>
              <a:miter/>
            </a:ln>
          </p:spPr>
          <p:txBody>
            <a:bodyPr rtlCol="0" anchor="ctr"/>
            <a:lstStyle/>
            <a:p>
              <a:endParaRPr lang="da-DK" noProof="0"/>
            </a:p>
          </p:txBody>
        </p:sp>
        <p:sp>
          <p:nvSpPr>
            <p:cNvPr id="8" name="Freeform: Shape 3">
              <a:extLst>
                <a:ext uri="{FF2B5EF4-FFF2-40B4-BE49-F238E27FC236}">
                  <a16:creationId xmlns:a16="http://schemas.microsoft.com/office/drawing/2014/main" id="{224B3FF6-038D-DB2F-3ED9-2E838C93BBF0}"/>
                </a:ext>
              </a:extLst>
            </p:cNvPr>
            <p:cNvSpPr/>
            <p:nvPr/>
          </p:nvSpPr>
          <p:spPr>
            <a:xfrm>
              <a:off x="-3519369" y="738757"/>
              <a:ext cx="152035" cy="152035"/>
            </a:xfrm>
            <a:custGeom>
              <a:avLst/>
              <a:gdLst>
                <a:gd name="connsiteX0" fmla="*/ 130462 w 152034"/>
                <a:gd name="connsiteY0" fmla="*/ 24449 h 152034"/>
                <a:gd name="connsiteX1" fmla="*/ 78278 w 152034"/>
                <a:gd name="connsiteY1" fmla="*/ 3082 h 152034"/>
                <a:gd name="connsiteX2" fmla="*/ 25271 w 152034"/>
                <a:gd name="connsiteY2" fmla="*/ 24860 h 152034"/>
                <a:gd name="connsiteX3" fmla="*/ 3082 w 152034"/>
                <a:gd name="connsiteY3" fmla="*/ 77867 h 152034"/>
                <a:gd name="connsiteX4" fmla="*/ 25271 w 152034"/>
                <a:gd name="connsiteY4" fmla="*/ 130462 h 152034"/>
                <a:gd name="connsiteX5" fmla="*/ 78278 w 152034"/>
                <a:gd name="connsiteY5" fmla="*/ 152651 h 152034"/>
                <a:gd name="connsiteX6" fmla="*/ 130051 w 152034"/>
                <a:gd name="connsiteY6" fmla="*/ 130873 h 152034"/>
                <a:gd name="connsiteX7" fmla="*/ 152240 w 152034"/>
                <a:gd name="connsiteY7" fmla="*/ 77867 h 152034"/>
                <a:gd name="connsiteX8" fmla="*/ 130462 w 152034"/>
                <a:gd name="connsiteY8" fmla="*/ 24449 h 152034"/>
                <a:gd name="connsiteX9" fmla="*/ 108685 w 152034"/>
                <a:gd name="connsiteY9" fmla="*/ 108684 h 152034"/>
                <a:gd name="connsiteX10" fmla="*/ 78278 w 152034"/>
                <a:gd name="connsiteY10" fmla="*/ 121833 h 152034"/>
                <a:gd name="connsiteX11" fmla="*/ 47049 w 152034"/>
                <a:gd name="connsiteY11" fmla="*/ 108684 h 152034"/>
                <a:gd name="connsiteX12" fmla="*/ 33900 w 152034"/>
                <a:gd name="connsiteY12" fmla="*/ 77867 h 152034"/>
                <a:gd name="connsiteX13" fmla="*/ 47049 w 152034"/>
                <a:gd name="connsiteY13" fmla="*/ 47049 h 152034"/>
                <a:gd name="connsiteX14" fmla="*/ 78278 w 152034"/>
                <a:gd name="connsiteY14" fmla="*/ 34311 h 152034"/>
                <a:gd name="connsiteX15" fmla="*/ 108685 w 152034"/>
                <a:gd name="connsiteY15" fmla="*/ 47049 h 152034"/>
                <a:gd name="connsiteX16" fmla="*/ 121833 w 152034"/>
                <a:gd name="connsiteY16" fmla="*/ 78277 h 152034"/>
                <a:gd name="connsiteX17" fmla="*/ 108685 w 152034"/>
                <a:gd name="connsiteY17" fmla="*/ 108684 h 1520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52034" h="152034">
                  <a:moveTo>
                    <a:pt x="130462" y="24449"/>
                  </a:moveTo>
                  <a:cubicBezTo>
                    <a:pt x="116081" y="10478"/>
                    <a:pt x="98001" y="3082"/>
                    <a:pt x="78278" y="3082"/>
                  </a:cubicBezTo>
                  <a:cubicBezTo>
                    <a:pt x="58143" y="3082"/>
                    <a:pt x="39652" y="10478"/>
                    <a:pt x="25271" y="24860"/>
                  </a:cubicBezTo>
                  <a:cubicBezTo>
                    <a:pt x="10889" y="39241"/>
                    <a:pt x="3082" y="57321"/>
                    <a:pt x="3082" y="77867"/>
                  </a:cubicBezTo>
                  <a:cubicBezTo>
                    <a:pt x="3082" y="98001"/>
                    <a:pt x="10889" y="116081"/>
                    <a:pt x="25271" y="130462"/>
                  </a:cubicBezTo>
                  <a:cubicBezTo>
                    <a:pt x="39652" y="144844"/>
                    <a:pt x="58143" y="152651"/>
                    <a:pt x="78278" y="152651"/>
                  </a:cubicBezTo>
                  <a:cubicBezTo>
                    <a:pt x="97590" y="152651"/>
                    <a:pt x="115670" y="145255"/>
                    <a:pt x="130051" y="130873"/>
                  </a:cubicBezTo>
                  <a:cubicBezTo>
                    <a:pt x="144844" y="116492"/>
                    <a:pt x="152240" y="98412"/>
                    <a:pt x="152240" y="77867"/>
                  </a:cubicBezTo>
                  <a:cubicBezTo>
                    <a:pt x="152651" y="57321"/>
                    <a:pt x="144844" y="38831"/>
                    <a:pt x="130462" y="24449"/>
                  </a:cubicBezTo>
                  <a:close/>
                  <a:moveTo>
                    <a:pt x="108685" y="108684"/>
                  </a:moveTo>
                  <a:cubicBezTo>
                    <a:pt x="99644" y="117724"/>
                    <a:pt x="89783" y="121833"/>
                    <a:pt x="78278" y="121833"/>
                  </a:cubicBezTo>
                  <a:cubicBezTo>
                    <a:pt x="65950" y="121833"/>
                    <a:pt x="56089" y="117724"/>
                    <a:pt x="47049" y="108684"/>
                  </a:cubicBezTo>
                  <a:cubicBezTo>
                    <a:pt x="38009" y="99644"/>
                    <a:pt x="33900" y="90194"/>
                    <a:pt x="33900" y="77867"/>
                  </a:cubicBezTo>
                  <a:cubicBezTo>
                    <a:pt x="33900" y="65539"/>
                    <a:pt x="38009" y="55678"/>
                    <a:pt x="47049" y="47049"/>
                  </a:cubicBezTo>
                  <a:cubicBezTo>
                    <a:pt x="56089" y="38420"/>
                    <a:pt x="65950" y="34311"/>
                    <a:pt x="78278" y="34311"/>
                  </a:cubicBezTo>
                  <a:cubicBezTo>
                    <a:pt x="90194" y="34311"/>
                    <a:pt x="100055" y="38420"/>
                    <a:pt x="108685" y="47049"/>
                  </a:cubicBezTo>
                  <a:cubicBezTo>
                    <a:pt x="117724" y="55678"/>
                    <a:pt x="121833" y="65539"/>
                    <a:pt x="121833" y="78277"/>
                  </a:cubicBezTo>
                  <a:cubicBezTo>
                    <a:pt x="121833" y="90194"/>
                    <a:pt x="117724" y="100055"/>
                    <a:pt x="108685" y="108684"/>
                  </a:cubicBezTo>
                  <a:close/>
                </a:path>
              </a:pathLst>
            </a:custGeom>
            <a:grpFill/>
            <a:ln w="9525" cap="flat">
              <a:noFill/>
              <a:prstDash val="solid"/>
              <a:miter/>
            </a:ln>
          </p:spPr>
          <p:txBody>
            <a:bodyPr rtlCol="0" anchor="ctr"/>
            <a:lstStyle/>
            <a:p>
              <a:endParaRPr lang="da-DK" noProof="0"/>
            </a:p>
          </p:txBody>
        </p:sp>
        <p:sp>
          <p:nvSpPr>
            <p:cNvPr id="10" name="Freeform: Shape 4">
              <a:extLst>
                <a:ext uri="{FF2B5EF4-FFF2-40B4-BE49-F238E27FC236}">
                  <a16:creationId xmlns:a16="http://schemas.microsoft.com/office/drawing/2014/main" id="{2DA8B358-41C8-7904-204C-7CF24E0B8AA4}"/>
                </a:ext>
              </a:extLst>
            </p:cNvPr>
            <p:cNvSpPr/>
            <p:nvPr/>
          </p:nvSpPr>
          <p:spPr>
            <a:xfrm>
              <a:off x="-3536163" y="230057"/>
              <a:ext cx="180798" cy="460213"/>
            </a:xfrm>
            <a:custGeom>
              <a:avLst/>
              <a:gdLst>
                <a:gd name="connsiteX0" fmla="*/ 179308 w 180798"/>
                <a:gd name="connsiteY0" fmla="*/ 105808 h 460213"/>
                <a:gd name="connsiteX1" fmla="*/ 155064 w 180798"/>
                <a:gd name="connsiteY1" fmla="*/ 28969 h 460213"/>
                <a:gd name="connsiteX2" fmla="*/ 89730 w 180798"/>
                <a:gd name="connsiteY2" fmla="*/ 3082 h 460213"/>
                <a:gd name="connsiteX3" fmla="*/ 25218 w 180798"/>
                <a:gd name="connsiteY3" fmla="*/ 28969 h 460213"/>
                <a:gd name="connsiteX4" fmla="*/ 3440 w 180798"/>
                <a:gd name="connsiteY4" fmla="*/ 105397 h 460213"/>
                <a:gd name="connsiteX5" fmla="*/ 33026 w 180798"/>
                <a:gd name="connsiteY5" fmla="*/ 446037 h 460213"/>
                <a:gd name="connsiteX6" fmla="*/ 48229 w 180798"/>
                <a:gd name="connsiteY6" fmla="*/ 460008 h 460213"/>
                <a:gd name="connsiteX7" fmla="*/ 135341 w 180798"/>
                <a:gd name="connsiteY7" fmla="*/ 460008 h 460213"/>
                <a:gd name="connsiteX8" fmla="*/ 150544 w 180798"/>
                <a:gd name="connsiteY8" fmla="*/ 446037 h 460213"/>
                <a:gd name="connsiteX9" fmla="*/ 179308 w 180798"/>
                <a:gd name="connsiteY9" fmla="*/ 105808 h 460213"/>
                <a:gd name="connsiteX10" fmla="*/ 148490 w 180798"/>
                <a:gd name="connsiteY10" fmla="*/ 102932 h 460213"/>
                <a:gd name="connsiteX11" fmla="*/ 121781 w 180798"/>
                <a:gd name="connsiteY11" fmla="*/ 426725 h 460213"/>
                <a:gd name="connsiteX12" fmla="*/ 121781 w 180798"/>
                <a:gd name="connsiteY12" fmla="*/ 428779 h 460213"/>
                <a:gd name="connsiteX13" fmla="*/ 119727 w 180798"/>
                <a:gd name="connsiteY13" fmla="*/ 428779 h 460213"/>
                <a:gd name="connsiteX14" fmla="*/ 64665 w 180798"/>
                <a:gd name="connsiteY14" fmla="*/ 428779 h 460213"/>
                <a:gd name="connsiteX15" fmla="*/ 62611 w 180798"/>
                <a:gd name="connsiteY15" fmla="*/ 428779 h 460213"/>
                <a:gd name="connsiteX16" fmla="*/ 62611 w 180798"/>
                <a:gd name="connsiteY16" fmla="*/ 426725 h 460213"/>
                <a:gd name="connsiteX17" fmla="*/ 34258 w 180798"/>
                <a:gd name="connsiteY17" fmla="*/ 101699 h 460213"/>
                <a:gd name="connsiteX18" fmla="*/ 48229 w 180798"/>
                <a:gd name="connsiteY18" fmla="*/ 49103 h 460213"/>
                <a:gd name="connsiteX19" fmla="*/ 89730 w 180798"/>
                <a:gd name="connsiteY19" fmla="*/ 33489 h 460213"/>
                <a:gd name="connsiteX20" fmla="*/ 132054 w 180798"/>
                <a:gd name="connsiteY20" fmla="*/ 49103 h 460213"/>
                <a:gd name="connsiteX21" fmla="*/ 148490 w 180798"/>
                <a:gd name="connsiteY21" fmla="*/ 102932 h 4602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80798" h="460213">
                  <a:moveTo>
                    <a:pt x="179308" y="105808"/>
                  </a:moveTo>
                  <a:cubicBezTo>
                    <a:pt x="179719" y="100877"/>
                    <a:pt x="182184" y="58554"/>
                    <a:pt x="155064" y="28969"/>
                  </a:cubicBezTo>
                  <a:cubicBezTo>
                    <a:pt x="144381" y="17053"/>
                    <a:pt x="124246" y="3082"/>
                    <a:pt x="89730" y="3082"/>
                  </a:cubicBezTo>
                  <a:cubicBezTo>
                    <a:pt x="55214" y="3082"/>
                    <a:pt x="35491" y="17053"/>
                    <a:pt x="25218" y="28969"/>
                  </a:cubicBezTo>
                  <a:cubicBezTo>
                    <a:pt x="-1490" y="58965"/>
                    <a:pt x="3440" y="103343"/>
                    <a:pt x="3440" y="105397"/>
                  </a:cubicBezTo>
                  <a:lnTo>
                    <a:pt x="33026" y="446037"/>
                  </a:lnTo>
                  <a:cubicBezTo>
                    <a:pt x="33847" y="454255"/>
                    <a:pt x="40422" y="460008"/>
                    <a:pt x="48229" y="460008"/>
                  </a:cubicBezTo>
                  <a:lnTo>
                    <a:pt x="135341" y="460008"/>
                  </a:lnTo>
                  <a:cubicBezTo>
                    <a:pt x="143148" y="460008"/>
                    <a:pt x="150134" y="453844"/>
                    <a:pt x="150544" y="446037"/>
                  </a:cubicBezTo>
                  <a:lnTo>
                    <a:pt x="179308" y="105808"/>
                  </a:lnTo>
                  <a:close/>
                  <a:moveTo>
                    <a:pt x="148490" y="102932"/>
                  </a:moveTo>
                  <a:lnTo>
                    <a:pt x="121781" y="426725"/>
                  </a:lnTo>
                  <a:lnTo>
                    <a:pt x="121781" y="428779"/>
                  </a:lnTo>
                  <a:lnTo>
                    <a:pt x="119727" y="428779"/>
                  </a:lnTo>
                  <a:lnTo>
                    <a:pt x="64665" y="428779"/>
                  </a:lnTo>
                  <a:lnTo>
                    <a:pt x="62611" y="428779"/>
                  </a:lnTo>
                  <a:lnTo>
                    <a:pt x="62611" y="426725"/>
                  </a:lnTo>
                  <a:lnTo>
                    <a:pt x="34258" y="101699"/>
                  </a:lnTo>
                  <a:cubicBezTo>
                    <a:pt x="33437" y="93481"/>
                    <a:pt x="33847" y="65539"/>
                    <a:pt x="48229" y="49103"/>
                  </a:cubicBezTo>
                  <a:cubicBezTo>
                    <a:pt x="51516" y="45405"/>
                    <a:pt x="62200" y="33489"/>
                    <a:pt x="89730" y="33489"/>
                  </a:cubicBezTo>
                  <a:cubicBezTo>
                    <a:pt x="108632" y="33489"/>
                    <a:pt x="122192" y="38420"/>
                    <a:pt x="132054" y="49103"/>
                  </a:cubicBezTo>
                  <a:cubicBezTo>
                    <a:pt x="147668" y="65950"/>
                    <a:pt x="149312" y="93892"/>
                    <a:pt x="148490" y="102932"/>
                  </a:cubicBezTo>
                  <a:close/>
                </a:path>
              </a:pathLst>
            </a:custGeom>
            <a:grpFill/>
            <a:ln w="9525" cap="flat">
              <a:noFill/>
              <a:prstDash val="solid"/>
              <a:miter/>
            </a:ln>
          </p:spPr>
          <p:txBody>
            <a:bodyPr rtlCol="0" anchor="ctr"/>
            <a:lstStyle/>
            <a:p>
              <a:endParaRPr lang="da-DK" noProof="0"/>
            </a:p>
          </p:txBody>
        </p:sp>
      </p:grpSp>
      <p:sp>
        <p:nvSpPr>
          <p:cNvPr id="12" name="Rektangel 9">
            <a:extLst>
              <a:ext uri="{FF2B5EF4-FFF2-40B4-BE49-F238E27FC236}">
                <a16:creationId xmlns:a16="http://schemas.microsoft.com/office/drawing/2014/main" id="{D2E29FFD-E426-5E4A-BA5E-076B30ACF3A2}"/>
              </a:ext>
              <a:ext uri="{C183D7F6-B498-43B3-948B-1728B52AA6E4}">
                <adec:decorative xmlns:adec="http://schemas.microsoft.com/office/drawing/2017/decorative" val="1"/>
              </a:ext>
            </a:extLst>
          </p:cNvPr>
          <p:cNvSpPr>
            <a:spLocks/>
          </p:cNvSpPr>
          <p:nvPr/>
        </p:nvSpPr>
        <p:spPr>
          <a:xfrm>
            <a:off x="4343103"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a:solidFill>
                  <a:schemeClr val="bg1"/>
                </a:solidFill>
              </a:rPr>
              <a:t> Problemer</a:t>
            </a:r>
          </a:p>
        </p:txBody>
      </p:sp>
      <p:sp>
        <p:nvSpPr>
          <p:cNvPr id="14" name="Rektangel 9">
            <a:extLst>
              <a:ext uri="{FF2B5EF4-FFF2-40B4-BE49-F238E27FC236}">
                <a16:creationId xmlns:a16="http://schemas.microsoft.com/office/drawing/2014/main" id="{B8043B8C-6263-7C9B-FD37-3A81865EEB85}"/>
              </a:ext>
              <a:ext uri="{C183D7F6-B498-43B3-948B-1728B52AA6E4}">
                <adec:decorative xmlns:adec="http://schemas.microsoft.com/office/drawing/2017/decorative" val="1"/>
              </a:ext>
            </a:extLst>
          </p:cNvPr>
          <p:cNvSpPr>
            <a:spLocks/>
          </p:cNvSpPr>
          <p:nvPr/>
        </p:nvSpPr>
        <p:spPr>
          <a:xfrm>
            <a:off x="8133980" y="1631360"/>
            <a:ext cx="3508745" cy="366962"/>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indent="360363"/>
            <a:r>
              <a:rPr lang="da-DK" sz="1200" b="1" noProof="0">
                <a:solidFill>
                  <a:schemeClr val="bg1"/>
                </a:solidFill>
              </a:rPr>
              <a:t>Strukturelle barrierer</a:t>
            </a:r>
          </a:p>
        </p:txBody>
      </p:sp>
      <p:grpSp>
        <p:nvGrpSpPr>
          <p:cNvPr id="15" name="Group 1">
            <a:extLst>
              <a:ext uri="{FF2B5EF4-FFF2-40B4-BE49-F238E27FC236}">
                <a16:creationId xmlns:a16="http://schemas.microsoft.com/office/drawing/2014/main" id="{4BA70901-A643-1D32-D2BE-BD8F27EEC752}"/>
              </a:ext>
              <a:ext uri="{C183D7F6-B498-43B3-948B-1728B52AA6E4}">
                <adec:decorative xmlns:adec="http://schemas.microsoft.com/office/drawing/2017/decorative" val="1"/>
              </a:ext>
            </a:extLst>
          </p:cNvPr>
          <p:cNvGrpSpPr>
            <a:grpSpLocks noChangeAspect="1"/>
          </p:cNvGrpSpPr>
          <p:nvPr/>
        </p:nvGrpSpPr>
        <p:grpSpPr>
          <a:xfrm>
            <a:off x="8224868" y="1687109"/>
            <a:ext cx="244800" cy="244800"/>
            <a:chOff x="606791" y="2013550"/>
            <a:chExt cx="589924" cy="589924"/>
          </a:xfrm>
          <a:solidFill>
            <a:schemeClr val="bg1"/>
          </a:solidFill>
        </p:grpSpPr>
        <p:sp>
          <p:nvSpPr>
            <p:cNvPr id="16" name="Freeform: Shape 2">
              <a:extLst>
                <a:ext uri="{FF2B5EF4-FFF2-40B4-BE49-F238E27FC236}">
                  <a16:creationId xmlns:a16="http://schemas.microsoft.com/office/drawing/2014/main" id="{97311A45-53F4-DCF4-18F7-D6F2AB4C906B}"/>
                </a:ext>
              </a:extLst>
            </p:cNvPr>
            <p:cNvSpPr/>
            <p:nvPr/>
          </p:nvSpPr>
          <p:spPr>
            <a:xfrm>
              <a:off x="606791" y="2013550"/>
              <a:ext cx="589924" cy="589924"/>
            </a:xfrm>
            <a:custGeom>
              <a:avLst/>
              <a:gdLst>
                <a:gd name="connsiteX0" fmla="*/ 501054 w 589923"/>
                <a:gd name="connsiteY0" fmla="*/ 258553 h 589923"/>
                <a:gd name="connsiteX1" fmla="*/ 501054 w 589923"/>
                <a:gd name="connsiteY1" fmla="*/ 253841 h 589923"/>
                <a:gd name="connsiteX2" fmla="*/ 505767 w 589923"/>
                <a:gd name="connsiteY2" fmla="*/ 253841 h 589923"/>
                <a:gd name="connsiteX3" fmla="*/ 519366 w 589923"/>
                <a:gd name="connsiteY3" fmla="*/ 253841 h 589923"/>
                <a:gd name="connsiteX4" fmla="*/ 581818 w 589923"/>
                <a:gd name="connsiteY4" fmla="*/ 253841 h 589923"/>
                <a:gd name="connsiteX5" fmla="*/ 590050 w 589923"/>
                <a:gd name="connsiteY5" fmla="*/ 245610 h 589923"/>
                <a:gd name="connsiteX6" fmla="*/ 590050 w 589923"/>
                <a:gd name="connsiteY6" fmla="*/ 126909 h 589923"/>
                <a:gd name="connsiteX7" fmla="*/ 581818 w 589923"/>
                <a:gd name="connsiteY7" fmla="*/ 118678 h 589923"/>
                <a:gd name="connsiteX8" fmla="*/ 574362 w 589923"/>
                <a:gd name="connsiteY8" fmla="*/ 118678 h 589923"/>
                <a:gd name="connsiteX9" fmla="*/ 505737 w 589923"/>
                <a:gd name="connsiteY9" fmla="*/ 118678 h 589923"/>
                <a:gd name="connsiteX10" fmla="*/ 501025 w 589923"/>
                <a:gd name="connsiteY10" fmla="*/ 118678 h 589923"/>
                <a:gd name="connsiteX11" fmla="*/ 501025 w 589923"/>
                <a:gd name="connsiteY11" fmla="*/ 113965 h 589923"/>
                <a:gd name="connsiteX12" fmla="*/ 501025 w 589923"/>
                <a:gd name="connsiteY12" fmla="*/ 88824 h 589923"/>
                <a:gd name="connsiteX13" fmla="*/ 501025 w 589923"/>
                <a:gd name="connsiteY13" fmla="*/ 86557 h 589923"/>
                <a:gd name="connsiteX14" fmla="*/ 502814 w 589923"/>
                <a:gd name="connsiteY14" fmla="*/ 85125 h 589923"/>
                <a:gd name="connsiteX15" fmla="*/ 520828 w 589923"/>
                <a:gd name="connsiteY15" fmla="*/ 47785 h 589923"/>
                <a:gd name="connsiteX16" fmla="*/ 473019 w 589923"/>
                <a:gd name="connsiteY16" fmla="*/ 7 h 589923"/>
                <a:gd name="connsiteX17" fmla="*/ 425241 w 589923"/>
                <a:gd name="connsiteY17" fmla="*/ 47785 h 589923"/>
                <a:gd name="connsiteX18" fmla="*/ 443255 w 589923"/>
                <a:gd name="connsiteY18" fmla="*/ 85125 h 589923"/>
                <a:gd name="connsiteX19" fmla="*/ 445044 w 589923"/>
                <a:gd name="connsiteY19" fmla="*/ 86557 h 589923"/>
                <a:gd name="connsiteX20" fmla="*/ 445044 w 589923"/>
                <a:gd name="connsiteY20" fmla="*/ 88824 h 589923"/>
                <a:gd name="connsiteX21" fmla="*/ 445044 w 589923"/>
                <a:gd name="connsiteY21" fmla="*/ 113965 h 589923"/>
                <a:gd name="connsiteX22" fmla="*/ 445044 w 589923"/>
                <a:gd name="connsiteY22" fmla="*/ 118678 h 589923"/>
                <a:gd name="connsiteX23" fmla="*/ 440332 w 589923"/>
                <a:gd name="connsiteY23" fmla="*/ 118678 h 589923"/>
                <a:gd name="connsiteX24" fmla="*/ 363058 w 589923"/>
                <a:gd name="connsiteY24" fmla="*/ 118678 h 589923"/>
                <a:gd name="connsiteX25" fmla="*/ 325897 w 589923"/>
                <a:gd name="connsiteY25" fmla="*/ 118678 h 589923"/>
                <a:gd name="connsiteX26" fmla="*/ 321184 w 589923"/>
                <a:gd name="connsiteY26" fmla="*/ 118678 h 589923"/>
                <a:gd name="connsiteX27" fmla="*/ 321184 w 589923"/>
                <a:gd name="connsiteY27" fmla="*/ 113965 h 589923"/>
                <a:gd name="connsiteX28" fmla="*/ 321184 w 589923"/>
                <a:gd name="connsiteY28" fmla="*/ 88824 h 589923"/>
                <a:gd name="connsiteX29" fmla="*/ 321184 w 589923"/>
                <a:gd name="connsiteY29" fmla="*/ 86557 h 589923"/>
                <a:gd name="connsiteX30" fmla="*/ 322944 w 589923"/>
                <a:gd name="connsiteY30" fmla="*/ 85125 h 589923"/>
                <a:gd name="connsiteX31" fmla="*/ 340958 w 589923"/>
                <a:gd name="connsiteY31" fmla="*/ 47785 h 589923"/>
                <a:gd name="connsiteX32" fmla="*/ 293179 w 589923"/>
                <a:gd name="connsiteY32" fmla="*/ 7 h 589923"/>
                <a:gd name="connsiteX33" fmla="*/ 245371 w 589923"/>
                <a:gd name="connsiteY33" fmla="*/ 47785 h 589923"/>
                <a:gd name="connsiteX34" fmla="*/ 263385 w 589923"/>
                <a:gd name="connsiteY34" fmla="*/ 85125 h 589923"/>
                <a:gd name="connsiteX35" fmla="*/ 265174 w 589923"/>
                <a:gd name="connsiteY35" fmla="*/ 86557 h 589923"/>
                <a:gd name="connsiteX36" fmla="*/ 265174 w 589923"/>
                <a:gd name="connsiteY36" fmla="*/ 88824 h 589923"/>
                <a:gd name="connsiteX37" fmla="*/ 265174 w 589923"/>
                <a:gd name="connsiteY37" fmla="*/ 113965 h 589923"/>
                <a:gd name="connsiteX38" fmla="*/ 265174 w 589923"/>
                <a:gd name="connsiteY38" fmla="*/ 118678 h 589923"/>
                <a:gd name="connsiteX39" fmla="*/ 260462 w 589923"/>
                <a:gd name="connsiteY39" fmla="*/ 118678 h 589923"/>
                <a:gd name="connsiteX40" fmla="*/ 227029 w 589923"/>
                <a:gd name="connsiteY40" fmla="*/ 118678 h 589923"/>
                <a:gd name="connsiteX41" fmla="*/ 149755 w 589923"/>
                <a:gd name="connsiteY41" fmla="*/ 118678 h 589923"/>
                <a:gd name="connsiteX42" fmla="*/ 145042 w 589923"/>
                <a:gd name="connsiteY42" fmla="*/ 118678 h 589923"/>
                <a:gd name="connsiteX43" fmla="*/ 145042 w 589923"/>
                <a:gd name="connsiteY43" fmla="*/ 113965 h 589923"/>
                <a:gd name="connsiteX44" fmla="*/ 145042 w 589923"/>
                <a:gd name="connsiteY44" fmla="*/ 88824 h 589923"/>
                <a:gd name="connsiteX45" fmla="*/ 145042 w 589923"/>
                <a:gd name="connsiteY45" fmla="*/ 86557 h 589923"/>
                <a:gd name="connsiteX46" fmla="*/ 146832 w 589923"/>
                <a:gd name="connsiteY46" fmla="*/ 85125 h 589923"/>
                <a:gd name="connsiteX47" fmla="*/ 164846 w 589923"/>
                <a:gd name="connsiteY47" fmla="*/ 47785 h 589923"/>
                <a:gd name="connsiteX48" fmla="*/ 117037 w 589923"/>
                <a:gd name="connsiteY48" fmla="*/ 7 h 589923"/>
                <a:gd name="connsiteX49" fmla="*/ 69229 w 589923"/>
                <a:gd name="connsiteY49" fmla="*/ 47785 h 589923"/>
                <a:gd name="connsiteX50" fmla="*/ 87243 w 589923"/>
                <a:gd name="connsiteY50" fmla="*/ 85125 h 589923"/>
                <a:gd name="connsiteX51" fmla="*/ 89032 w 589923"/>
                <a:gd name="connsiteY51" fmla="*/ 86557 h 589923"/>
                <a:gd name="connsiteX52" fmla="*/ 89032 w 589923"/>
                <a:gd name="connsiteY52" fmla="*/ 88824 h 589923"/>
                <a:gd name="connsiteX53" fmla="*/ 89032 w 589923"/>
                <a:gd name="connsiteY53" fmla="*/ 113965 h 589923"/>
                <a:gd name="connsiteX54" fmla="*/ 89032 w 589923"/>
                <a:gd name="connsiteY54" fmla="*/ 118678 h 589923"/>
                <a:gd name="connsiteX55" fmla="*/ 84320 w 589923"/>
                <a:gd name="connsiteY55" fmla="*/ 118678 h 589923"/>
                <a:gd name="connsiteX56" fmla="*/ 8238 w 589923"/>
                <a:gd name="connsiteY56" fmla="*/ 118678 h 589923"/>
                <a:gd name="connsiteX57" fmla="*/ 7 w 589923"/>
                <a:gd name="connsiteY57" fmla="*/ 126909 h 589923"/>
                <a:gd name="connsiteX58" fmla="*/ 7 w 589923"/>
                <a:gd name="connsiteY58" fmla="*/ 245610 h 589923"/>
                <a:gd name="connsiteX59" fmla="*/ 8238 w 589923"/>
                <a:gd name="connsiteY59" fmla="*/ 253841 h 589923"/>
                <a:gd name="connsiteX60" fmla="*/ 15695 w 589923"/>
                <a:gd name="connsiteY60" fmla="*/ 253841 h 589923"/>
                <a:gd name="connsiteX61" fmla="*/ 84320 w 589923"/>
                <a:gd name="connsiteY61" fmla="*/ 253841 h 589923"/>
                <a:gd name="connsiteX62" fmla="*/ 89032 w 589923"/>
                <a:gd name="connsiteY62" fmla="*/ 253841 h 589923"/>
                <a:gd name="connsiteX63" fmla="*/ 89032 w 589923"/>
                <a:gd name="connsiteY63" fmla="*/ 258553 h 589923"/>
                <a:gd name="connsiteX64" fmla="*/ 89032 w 589923"/>
                <a:gd name="connsiteY64" fmla="*/ 272213 h 589923"/>
                <a:gd name="connsiteX65" fmla="*/ 89032 w 589923"/>
                <a:gd name="connsiteY65" fmla="*/ 276925 h 589923"/>
                <a:gd name="connsiteX66" fmla="*/ 84320 w 589923"/>
                <a:gd name="connsiteY66" fmla="*/ 276925 h 589923"/>
                <a:gd name="connsiteX67" fmla="*/ 8238 w 589923"/>
                <a:gd name="connsiteY67" fmla="*/ 276925 h 589923"/>
                <a:gd name="connsiteX68" fmla="*/ 7 w 589923"/>
                <a:gd name="connsiteY68" fmla="*/ 285157 h 589923"/>
                <a:gd name="connsiteX69" fmla="*/ 7 w 589923"/>
                <a:gd name="connsiteY69" fmla="*/ 403857 h 589923"/>
                <a:gd name="connsiteX70" fmla="*/ 8238 w 589923"/>
                <a:gd name="connsiteY70" fmla="*/ 412089 h 589923"/>
                <a:gd name="connsiteX71" fmla="*/ 14442 w 589923"/>
                <a:gd name="connsiteY71" fmla="*/ 412089 h 589923"/>
                <a:gd name="connsiteX72" fmla="*/ 14681 w 589923"/>
                <a:gd name="connsiteY72" fmla="*/ 412089 h 589923"/>
                <a:gd name="connsiteX73" fmla="*/ 14919 w 589923"/>
                <a:gd name="connsiteY73" fmla="*/ 412118 h 589923"/>
                <a:gd name="connsiteX74" fmla="*/ 15724 w 589923"/>
                <a:gd name="connsiteY74" fmla="*/ 412148 h 589923"/>
                <a:gd name="connsiteX75" fmla="*/ 84350 w 589923"/>
                <a:gd name="connsiteY75" fmla="*/ 412148 h 589923"/>
                <a:gd name="connsiteX76" fmla="*/ 89062 w 589923"/>
                <a:gd name="connsiteY76" fmla="*/ 412148 h 589923"/>
                <a:gd name="connsiteX77" fmla="*/ 89062 w 589923"/>
                <a:gd name="connsiteY77" fmla="*/ 416860 h 589923"/>
                <a:gd name="connsiteX78" fmla="*/ 89062 w 589923"/>
                <a:gd name="connsiteY78" fmla="*/ 581878 h 589923"/>
                <a:gd name="connsiteX79" fmla="*/ 97294 w 589923"/>
                <a:gd name="connsiteY79" fmla="*/ 590110 h 589923"/>
                <a:gd name="connsiteX80" fmla="*/ 136870 w 589923"/>
                <a:gd name="connsiteY80" fmla="*/ 590110 h 589923"/>
                <a:gd name="connsiteX81" fmla="*/ 145102 w 589923"/>
                <a:gd name="connsiteY81" fmla="*/ 581878 h 589923"/>
                <a:gd name="connsiteX82" fmla="*/ 145102 w 589923"/>
                <a:gd name="connsiteY82" fmla="*/ 545373 h 589923"/>
                <a:gd name="connsiteX83" fmla="*/ 145102 w 589923"/>
                <a:gd name="connsiteY83" fmla="*/ 540661 h 589923"/>
                <a:gd name="connsiteX84" fmla="*/ 149814 w 589923"/>
                <a:gd name="connsiteY84" fmla="*/ 540661 h 589923"/>
                <a:gd name="connsiteX85" fmla="*/ 440422 w 589923"/>
                <a:gd name="connsiteY85" fmla="*/ 540661 h 589923"/>
                <a:gd name="connsiteX86" fmla="*/ 445134 w 589923"/>
                <a:gd name="connsiteY86" fmla="*/ 540661 h 589923"/>
                <a:gd name="connsiteX87" fmla="*/ 445134 w 589923"/>
                <a:gd name="connsiteY87" fmla="*/ 545373 h 589923"/>
                <a:gd name="connsiteX88" fmla="*/ 445134 w 589923"/>
                <a:gd name="connsiteY88" fmla="*/ 581878 h 589923"/>
                <a:gd name="connsiteX89" fmla="*/ 453365 w 589923"/>
                <a:gd name="connsiteY89" fmla="*/ 590110 h 589923"/>
                <a:gd name="connsiteX90" fmla="*/ 492942 w 589923"/>
                <a:gd name="connsiteY90" fmla="*/ 590110 h 589923"/>
                <a:gd name="connsiteX91" fmla="*/ 501174 w 589923"/>
                <a:gd name="connsiteY91" fmla="*/ 581878 h 589923"/>
                <a:gd name="connsiteX92" fmla="*/ 501174 w 589923"/>
                <a:gd name="connsiteY92" fmla="*/ 416860 h 589923"/>
                <a:gd name="connsiteX93" fmla="*/ 501174 w 589923"/>
                <a:gd name="connsiteY93" fmla="*/ 412148 h 589923"/>
                <a:gd name="connsiteX94" fmla="*/ 505886 w 589923"/>
                <a:gd name="connsiteY94" fmla="*/ 412148 h 589923"/>
                <a:gd name="connsiteX95" fmla="*/ 581968 w 589923"/>
                <a:gd name="connsiteY95" fmla="*/ 412089 h 589923"/>
                <a:gd name="connsiteX96" fmla="*/ 590199 w 589923"/>
                <a:gd name="connsiteY96" fmla="*/ 403857 h 589923"/>
                <a:gd name="connsiteX97" fmla="*/ 590199 w 589923"/>
                <a:gd name="connsiteY97" fmla="*/ 285157 h 589923"/>
                <a:gd name="connsiteX98" fmla="*/ 581968 w 589923"/>
                <a:gd name="connsiteY98" fmla="*/ 276925 h 589923"/>
                <a:gd name="connsiteX99" fmla="*/ 505886 w 589923"/>
                <a:gd name="connsiteY99" fmla="*/ 276925 h 589923"/>
                <a:gd name="connsiteX100" fmla="*/ 501174 w 589923"/>
                <a:gd name="connsiteY100" fmla="*/ 276925 h 589923"/>
                <a:gd name="connsiteX101" fmla="*/ 501174 w 589923"/>
                <a:gd name="connsiteY101" fmla="*/ 272213 h 589923"/>
                <a:gd name="connsiteX102" fmla="*/ 501174 w 589923"/>
                <a:gd name="connsiteY102" fmla="*/ 258553 h 589923"/>
                <a:gd name="connsiteX103" fmla="*/ 573617 w 589923"/>
                <a:gd name="connsiteY103" fmla="*/ 213429 h 589923"/>
                <a:gd name="connsiteX104" fmla="*/ 573617 w 589923"/>
                <a:gd name="connsiteY104" fmla="*/ 232666 h 589923"/>
                <a:gd name="connsiteX105" fmla="*/ 573617 w 589923"/>
                <a:gd name="connsiteY105" fmla="*/ 237378 h 589923"/>
                <a:gd name="connsiteX106" fmla="*/ 568904 w 589923"/>
                <a:gd name="connsiteY106" fmla="*/ 237378 h 589923"/>
                <a:gd name="connsiteX107" fmla="*/ 550145 w 589923"/>
                <a:gd name="connsiteY107" fmla="*/ 237378 h 589923"/>
                <a:gd name="connsiteX108" fmla="*/ 538931 w 589923"/>
                <a:gd name="connsiteY108" fmla="*/ 237378 h 589923"/>
                <a:gd name="connsiteX109" fmla="*/ 546775 w 589923"/>
                <a:gd name="connsiteY109" fmla="*/ 229355 h 589923"/>
                <a:gd name="connsiteX110" fmla="*/ 565534 w 589923"/>
                <a:gd name="connsiteY110" fmla="*/ 210119 h 589923"/>
                <a:gd name="connsiteX111" fmla="*/ 573647 w 589923"/>
                <a:gd name="connsiteY111" fmla="*/ 201798 h 589923"/>
                <a:gd name="connsiteX112" fmla="*/ 573647 w 589923"/>
                <a:gd name="connsiteY112" fmla="*/ 213429 h 589923"/>
                <a:gd name="connsiteX113" fmla="*/ 441704 w 589923"/>
                <a:gd name="connsiteY113" fmla="*/ 47785 h 589923"/>
                <a:gd name="connsiteX114" fmla="*/ 473049 w 589923"/>
                <a:gd name="connsiteY114" fmla="*/ 16440 h 589923"/>
                <a:gd name="connsiteX115" fmla="*/ 504395 w 589923"/>
                <a:gd name="connsiteY115" fmla="*/ 47785 h 589923"/>
                <a:gd name="connsiteX116" fmla="*/ 473049 w 589923"/>
                <a:gd name="connsiteY116" fmla="*/ 79131 h 589923"/>
                <a:gd name="connsiteX117" fmla="*/ 441704 w 589923"/>
                <a:gd name="connsiteY117" fmla="*/ 47785 h 589923"/>
                <a:gd name="connsiteX118" fmla="*/ 484591 w 589923"/>
                <a:gd name="connsiteY118" fmla="*/ 94460 h 589923"/>
                <a:gd name="connsiteX119" fmla="*/ 484591 w 589923"/>
                <a:gd name="connsiteY119" fmla="*/ 99829 h 589923"/>
                <a:gd name="connsiteX120" fmla="*/ 484591 w 589923"/>
                <a:gd name="connsiteY120" fmla="*/ 113936 h 589923"/>
                <a:gd name="connsiteX121" fmla="*/ 484591 w 589923"/>
                <a:gd name="connsiteY121" fmla="*/ 118648 h 589923"/>
                <a:gd name="connsiteX122" fmla="*/ 479879 w 589923"/>
                <a:gd name="connsiteY122" fmla="*/ 118648 h 589923"/>
                <a:gd name="connsiteX123" fmla="*/ 466220 w 589923"/>
                <a:gd name="connsiteY123" fmla="*/ 118648 h 589923"/>
                <a:gd name="connsiteX124" fmla="*/ 461507 w 589923"/>
                <a:gd name="connsiteY124" fmla="*/ 118648 h 589923"/>
                <a:gd name="connsiteX125" fmla="*/ 461507 w 589923"/>
                <a:gd name="connsiteY125" fmla="*/ 113936 h 589923"/>
                <a:gd name="connsiteX126" fmla="*/ 461507 w 589923"/>
                <a:gd name="connsiteY126" fmla="*/ 99829 h 589923"/>
                <a:gd name="connsiteX127" fmla="*/ 461507 w 589923"/>
                <a:gd name="connsiteY127" fmla="*/ 94460 h 589923"/>
                <a:gd name="connsiteX128" fmla="*/ 466846 w 589923"/>
                <a:gd name="connsiteY128" fmla="*/ 95146 h 589923"/>
                <a:gd name="connsiteX129" fmla="*/ 469769 w 589923"/>
                <a:gd name="connsiteY129" fmla="*/ 95445 h 589923"/>
                <a:gd name="connsiteX130" fmla="*/ 469978 w 589923"/>
                <a:gd name="connsiteY130" fmla="*/ 95474 h 589923"/>
                <a:gd name="connsiteX131" fmla="*/ 470097 w 589923"/>
                <a:gd name="connsiteY131" fmla="*/ 95474 h 589923"/>
                <a:gd name="connsiteX132" fmla="*/ 473079 w 589923"/>
                <a:gd name="connsiteY132" fmla="*/ 95564 h 589923"/>
                <a:gd name="connsiteX133" fmla="*/ 476091 w 589923"/>
                <a:gd name="connsiteY133" fmla="*/ 95445 h 589923"/>
                <a:gd name="connsiteX134" fmla="*/ 476211 w 589923"/>
                <a:gd name="connsiteY134" fmla="*/ 95445 h 589923"/>
                <a:gd name="connsiteX135" fmla="*/ 476390 w 589923"/>
                <a:gd name="connsiteY135" fmla="*/ 95445 h 589923"/>
                <a:gd name="connsiteX136" fmla="*/ 479312 w 589923"/>
                <a:gd name="connsiteY136" fmla="*/ 95146 h 589923"/>
                <a:gd name="connsiteX137" fmla="*/ 484591 w 589923"/>
                <a:gd name="connsiteY137" fmla="*/ 94460 h 589923"/>
                <a:gd name="connsiteX138" fmla="*/ 365115 w 589923"/>
                <a:gd name="connsiteY138" fmla="*/ 136572 h 589923"/>
                <a:gd name="connsiteX139" fmla="*/ 366517 w 589923"/>
                <a:gd name="connsiteY139" fmla="*/ 135141 h 589923"/>
                <a:gd name="connsiteX140" fmla="*/ 368515 w 589923"/>
                <a:gd name="connsiteY140" fmla="*/ 135141 h 589923"/>
                <a:gd name="connsiteX141" fmla="*/ 453276 w 589923"/>
                <a:gd name="connsiteY141" fmla="*/ 135141 h 589923"/>
                <a:gd name="connsiteX142" fmla="*/ 467621 w 589923"/>
                <a:gd name="connsiteY142" fmla="*/ 135141 h 589923"/>
                <a:gd name="connsiteX143" fmla="*/ 478776 w 589923"/>
                <a:gd name="connsiteY143" fmla="*/ 135141 h 589923"/>
                <a:gd name="connsiteX144" fmla="*/ 471021 w 589923"/>
                <a:gd name="connsiteY144" fmla="*/ 143163 h 589923"/>
                <a:gd name="connsiteX145" fmla="*/ 381250 w 589923"/>
                <a:gd name="connsiteY145" fmla="*/ 235947 h 589923"/>
                <a:gd name="connsiteX146" fmla="*/ 379849 w 589923"/>
                <a:gd name="connsiteY146" fmla="*/ 237378 h 589923"/>
                <a:gd name="connsiteX147" fmla="*/ 377850 w 589923"/>
                <a:gd name="connsiteY147" fmla="*/ 237378 h 589923"/>
                <a:gd name="connsiteX148" fmla="*/ 277999 w 589923"/>
                <a:gd name="connsiteY148" fmla="*/ 237378 h 589923"/>
                <a:gd name="connsiteX149" fmla="*/ 266785 w 589923"/>
                <a:gd name="connsiteY149" fmla="*/ 237378 h 589923"/>
                <a:gd name="connsiteX150" fmla="*/ 274629 w 589923"/>
                <a:gd name="connsiteY150" fmla="*/ 229355 h 589923"/>
                <a:gd name="connsiteX151" fmla="*/ 365115 w 589923"/>
                <a:gd name="connsiteY151" fmla="*/ 136572 h 589923"/>
                <a:gd name="connsiteX152" fmla="*/ 467592 w 589923"/>
                <a:gd name="connsiteY152" fmla="*/ 293448 h 589923"/>
                <a:gd name="connsiteX153" fmla="*/ 478746 w 589923"/>
                <a:gd name="connsiteY153" fmla="*/ 293448 h 589923"/>
                <a:gd name="connsiteX154" fmla="*/ 470991 w 589923"/>
                <a:gd name="connsiteY154" fmla="*/ 301470 h 589923"/>
                <a:gd name="connsiteX155" fmla="*/ 381280 w 589923"/>
                <a:gd name="connsiteY155" fmla="*/ 394194 h 589923"/>
                <a:gd name="connsiteX156" fmla="*/ 379878 w 589923"/>
                <a:gd name="connsiteY156" fmla="*/ 395626 h 589923"/>
                <a:gd name="connsiteX157" fmla="*/ 377880 w 589923"/>
                <a:gd name="connsiteY157" fmla="*/ 395626 h 589923"/>
                <a:gd name="connsiteX158" fmla="*/ 278029 w 589923"/>
                <a:gd name="connsiteY158" fmla="*/ 395626 h 589923"/>
                <a:gd name="connsiteX159" fmla="*/ 266815 w 589923"/>
                <a:gd name="connsiteY159" fmla="*/ 395626 h 589923"/>
                <a:gd name="connsiteX160" fmla="*/ 274659 w 589923"/>
                <a:gd name="connsiteY160" fmla="*/ 387603 h 589923"/>
                <a:gd name="connsiteX161" fmla="*/ 365145 w 589923"/>
                <a:gd name="connsiteY161" fmla="*/ 294879 h 589923"/>
                <a:gd name="connsiteX162" fmla="*/ 366547 w 589923"/>
                <a:gd name="connsiteY162" fmla="*/ 293448 h 589923"/>
                <a:gd name="connsiteX163" fmla="*/ 368545 w 589923"/>
                <a:gd name="connsiteY163" fmla="*/ 293448 h 589923"/>
                <a:gd name="connsiteX164" fmla="*/ 467592 w 589923"/>
                <a:gd name="connsiteY164" fmla="*/ 293448 h 589923"/>
                <a:gd name="connsiteX165" fmla="*/ 461478 w 589923"/>
                <a:gd name="connsiteY165" fmla="*/ 276955 h 589923"/>
                <a:gd name="connsiteX166" fmla="*/ 461478 w 589923"/>
                <a:gd name="connsiteY166" fmla="*/ 272243 h 589923"/>
                <a:gd name="connsiteX167" fmla="*/ 461478 w 589923"/>
                <a:gd name="connsiteY167" fmla="*/ 258583 h 589923"/>
                <a:gd name="connsiteX168" fmla="*/ 461478 w 589923"/>
                <a:gd name="connsiteY168" fmla="*/ 253871 h 589923"/>
                <a:gd name="connsiteX169" fmla="*/ 466190 w 589923"/>
                <a:gd name="connsiteY169" fmla="*/ 253871 h 589923"/>
                <a:gd name="connsiteX170" fmla="*/ 479849 w 589923"/>
                <a:gd name="connsiteY170" fmla="*/ 253871 h 589923"/>
                <a:gd name="connsiteX171" fmla="*/ 484562 w 589923"/>
                <a:gd name="connsiteY171" fmla="*/ 253871 h 589923"/>
                <a:gd name="connsiteX172" fmla="*/ 484562 w 589923"/>
                <a:gd name="connsiteY172" fmla="*/ 258583 h 589923"/>
                <a:gd name="connsiteX173" fmla="*/ 484562 w 589923"/>
                <a:gd name="connsiteY173" fmla="*/ 272243 h 589923"/>
                <a:gd name="connsiteX174" fmla="*/ 484562 w 589923"/>
                <a:gd name="connsiteY174" fmla="*/ 276955 h 589923"/>
                <a:gd name="connsiteX175" fmla="*/ 479849 w 589923"/>
                <a:gd name="connsiteY175" fmla="*/ 276955 h 589923"/>
                <a:gd name="connsiteX176" fmla="*/ 466190 w 589923"/>
                <a:gd name="connsiteY176" fmla="*/ 276955 h 589923"/>
                <a:gd name="connsiteX177" fmla="*/ 461478 w 589923"/>
                <a:gd name="connsiteY177" fmla="*/ 276955 h 589923"/>
                <a:gd name="connsiteX178" fmla="*/ 445044 w 589923"/>
                <a:gd name="connsiteY178" fmla="*/ 258553 h 589923"/>
                <a:gd name="connsiteX179" fmla="*/ 445044 w 589923"/>
                <a:gd name="connsiteY179" fmla="*/ 272213 h 589923"/>
                <a:gd name="connsiteX180" fmla="*/ 445044 w 589923"/>
                <a:gd name="connsiteY180" fmla="*/ 276925 h 589923"/>
                <a:gd name="connsiteX181" fmla="*/ 440332 w 589923"/>
                <a:gd name="connsiteY181" fmla="*/ 276925 h 589923"/>
                <a:gd name="connsiteX182" fmla="*/ 149725 w 589923"/>
                <a:gd name="connsiteY182" fmla="*/ 276925 h 589923"/>
                <a:gd name="connsiteX183" fmla="*/ 145012 w 589923"/>
                <a:gd name="connsiteY183" fmla="*/ 276925 h 589923"/>
                <a:gd name="connsiteX184" fmla="*/ 145012 w 589923"/>
                <a:gd name="connsiteY184" fmla="*/ 272213 h 589923"/>
                <a:gd name="connsiteX185" fmla="*/ 145012 w 589923"/>
                <a:gd name="connsiteY185" fmla="*/ 258553 h 589923"/>
                <a:gd name="connsiteX186" fmla="*/ 145012 w 589923"/>
                <a:gd name="connsiteY186" fmla="*/ 253841 h 589923"/>
                <a:gd name="connsiteX187" fmla="*/ 149725 w 589923"/>
                <a:gd name="connsiteY187" fmla="*/ 253841 h 589923"/>
                <a:gd name="connsiteX188" fmla="*/ 247250 w 589923"/>
                <a:gd name="connsiteY188" fmla="*/ 253841 h 589923"/>
                <a:gd name="connsiteX189" fmla="*/ 383338 w 589923"/>
                <a:gd name="connsiteY189" fmla="*/ 253841 h 589923"/>
                <a:gd name="connsiteX190" fmla="*/ 440332 w 589923"/>
                <a:gd name="connsiteY190" fmla="*/ 253841 h 589923"/>
                <a:gd name="connsiteX191" fmla="*/ 445044 w 589923"/>
                <a:gd name="connsiteY191" fmla="*/ 253841 h 589923"/>
                <a:gd name="connsiteX192" fmla="*/ 445044 w 589923"/>
                <a:gd name="connsiteY192" fmla="*/ 258553 h 589923"/>
                <a:gd name="connsiteX193" fmla="*/ 261804 w 589923"/>
                <a:gd name="connsiteY193" fmla="*/ 47785 h 589923"/>
                <a:gd name="connsiteX194" fmla="*/ 273883 w 589923"/>
                <a:gd name="connsiteY194" fmla="*/ 23091 h 589923"/>
                <a:gd name="connsiteX195" fmla="*/ 294313 w 589923"/>
                <a:gd name="connsiteY195" fmla="*/ 15724 h 589923"/>
                <a:gd name="connsiteX196" fmla="*/ 326404 w 589923"/>
                <a:gd name="connsiteY196" fmla="*/ 47815 h 589923"/>
                <a:gd name="connsiteX197" fmla="*/ 294313 w 589923"/>
                <a:gd name="connsiteY197" fmla="*/ 79906 h 589923"/>
                <a:gd name="connsiteX198" fmla="*/ 273316 w 589923"/>
                <a:gd name="connsiteY198" fmla="*/ 72033 h 589923"/>
                <a:gd name="connsiteX199" fmla="*/ 261804 w 589923"/>
                <a:gd name="connsiteY199" fmla="*/ 47785 h 589923"/>
                <a:gd name="connsiteX200" fmla="*/ 304691 w 589923"/>
                <a:gd name="connsiteY200" fmla="*/ 94460 h 589923"/>
                <a:gd name="connsiteX201" fmla="*/ 304691 w 589923"/>
                <a:gd name="connsiteY201" fmla="*/ 99829 h 589923"/>
                <a:gd name="connsiteX202" fmla="*/ 304691 w 589923"/>
                <a:gd name="connsiteY202" fmla="*/ 113936 h 589923"/>
                <a:gd name="connsiteX203" fmla="*/ 304691 w 589923"/>
                <a:gd name="connsiteY203" fmla="*/ 118648 h 589923"/>
                <a:gd name="connsiteX204" fmla="*/ 299949 w 589923"/>
                <a:gd name="connsiteY204" fmla="*/ 118648 h 589923"/>
                <a:gd name="connsiteX205" fmla="*/ 286290 w 589923"/>
                <a:gd name="connsiteY205" fmla="*/ 118648 h 589923"/>
                <a:gd name="connsiteX206" fmla="*/ 281578 w 589923"/>
                <a:gd name="connsiteY206" fmla="*/ 118648 h 589923"/>
                <a:gd name="connsiteX207" fmla="*/ 281578 w 589923"/>
                <a:gd name="connsiteY207" fmla="*/ 113936 h 589923"/>
                <a:gd name="connsiteX208" fmla="*/ 281578 w 589923"/>
                <a:gd name="connsiteY208" fmla="*/ 99829 h 589923"/>
                <a:gd name="connsiteX209" fmla="*/ 281578 w 589923"/>
                <a:gd name="connsiteY209" fmla="*/ 94460 h 589923"/>
                <a:gd name="connsiteX210" fmla="*/ 286916 w 589923"/>
                <a:gd name="connsiteY210" fmla="*/ 95146 h 589923"/>
                <a:gd name="connsiteX211" fmla="*/ 289839 w 589923"/>
                <a:gd name="connsiteY211" fmla="*/ 95445 h 589923"/>
                <a:gd name="connsiteX212" fmla="*/ 290048 w 589923"/>
                <a:gd name="connsiteY212" fmla="*/ 95474 h 589923"/>
                <a:gd name="connsiteX213" fmla="*/ 290137 w 589923"/>
                <a:gd name="connsiteY213" fmla="*/ 95474 h 589923"/>
                <a:gd name="connsiteX214" fmla="*/ 293120 w 589923"/>
                <a:gd name="connsiteY214" fmla="*/ 95564 h 589923"/>
                <a:gd name="connsiteX215" fmla="*/ 296132 w 589923"/>
                <a:gd name="connsiteY215" fmla="*/ 95445 h 589923"/>
                <a:gd name="connsiteX216" fmla="*/ 296221 w 589923"/>
                <a:gd name="connsiteY216" fmla="*/ 95445 h 589923"/>
                <a:gd name="connsiteX217" fmla="*/ 296430 w 589923"/>
                <a:gd name="connsiteY217" fmla="*/ 95415 h 589923"/>
                <a:gd name="connsiteX218" fmla="*/ 299353 w 589923"/>
                <a:gd name="connsiteY218" fmla="*/ 95117 h 589923"/>
                <a:gd name="connsiteX219" fmla="*/ 304691 w 589923"/>
                <a:gd name="connsiteY219" fmla="*/ 94460 h 589923"/>
                <a:gd name="connsiteX220" fmla="*/ 229027 w 589923"/>
                <a:gd name="connsiteY220" fmla="*/ 136572 h 589923"/>
                <a:gd name="connsiteX221" fmla="*/ 230429 w 589923"/>
                <a:gd name="connsiteY221" fmla="*/ 135141 h 589923"/>
                <a:gd name="connsiteX222" fmla="*/ 232427 w 589923"/>
                <a:gd name="connsiteY222" fmla="*/ 135141 h 589923"/>
                <a:gd name="connsiteX223" fmla="*/ 273376 w 589923"/>
                <a:gd name="connsiteY223" fmla="*/ 135141 h 589923"/>
                <a:gd name="connsiteX224" fmla="*/ 312953 w 589923"/>
                <a:gd name="connsiteY224" fmla="*/ 135141 h 589923"/>
                <a:gd name="connsiteX225" fmla="*/ 332339 w 589923"/>
                <a:gd name="connsiteY225" fmla="*/ 135141 h 589923"/>
                <a:gd name="connsiteX226" fmla="*/ 343553 w 589923"/>
                <a:gd name="connsiteY226" fmla="*/ 135141 h 589923"/>
                <a:gd name="connsiteX227" fmla="*/ 335709 w 589923"/>
                <a:gd name="connsiteY227" fmla="*/ 143163 h 589923"/>
                <a:gd name="connsiteX228" fmla="*/ 245162 w 589923"/>
                <a:gd name="connsiteY228" fmla="*/ 235947 h 589923"/>
                <a:gd name="connsiteX229" fmla="*/ 243761 w 589923"/>
                <a:gd name="connsiteY229" fmla="*/ 237378 h 589923"/>
                <a:gd name="connsiteX230" fmla="*/ 241762 w 589923"/>
                <a:gd name="connsiteY230" fmla="*/ 237378 h 589923"/>
                <a:gd name="connsiteX231" fmla="*/ 141881 w 589923"/>
                <a:gd name="connsiteY231" fmla="*/ 237378 h 589923"/>
                <a:gd name="connsiteX232" fmla="*/ 130667 w 589923"/>
                <a:gd name="connsiteY232" fmla="*/ 237378 h 589923"/>
                <a:gd name="connsiteX233" fmla="*/ 138511 w 589923"/>
                <a:gd name="connsiteY233" fmla="*/ 229355 h 589923"/>
                <a:gd name="connsiteX234" fmla="*/ 229027 w 589923"/>
                <a:gd name="connsiteY234" fmla="*/ 136572 h 589923"/>
                <a:gd name="connsiteX235" fmla="*/ 84887 w 589923"/>
                <a:gd name="connsiteY235" fmla="*/ 47785 h 589923"/>
                <a:gd name="connsiteX236" fmla="*/ 116978 w 589923"/>
                <a:gd name="connsiteY236" fmla="*/ 15695 h 589923"/>
                <a:gd name="connsiteX237" fmla="*/ 149039 w 589923"/>
                <a:gd name="connsiteY237" fmla="*/ 47785 h 589923"/>
                <a:gd name="connsiteX238" fmla="*/ 116948 w 589923"/>
                <a:gd name="connsiteY238" fmla="*/ 79876 h 589923"/>
                <a:gd name="connsiteX239" fmla="*/ 84887 w 589923"/>
                <a:gd name="connsiteY239" fmla="*/ 47785 h 589923"/>
                <a:gd name="connsiteX240" fmla="*/ 128490 w 589923"/>
                <a:gd name="connsiteY240" fmla="*/ 94460 h 589923"/>
                <a:gd name="connsiteX241" fmla="*/ 128490 w 589923"/>
                <a:gd name="connsiteY241" fmla="*/ 99829 h 589923"/>
                <a:gd name="connsiteX242" fmla="*/ 128490 w 589923"/>
                <a:gd name="connsiteY242" fmla="*/ 113936 h 589923"/>
                <a:gd name="connsiteX243" fmla="*/ 128490 w 589923"/>
                <a:gd name="connsiteY243" fmla="*/ 118648 h 589923"/>
                <a:gd name="connsiteX244" fmla="*/ 123778 w 589923"/>
                <a:gd name="connsiteY244" fmla="*/ 118648 h 589923"/>
                <a:gd name="connsiteX245" fmla="*/ 110118 w 589923"/>
                <a:gd name="connsiteY245" fmla="*/ 118648 h 589923"/>
                <a:gd name="connsiteX246" fmla="*/ 105406 w 589923"/>
                <a:gd name="connsiteY246" fmla="*/ 118648 h 589923"/>
                <a:gd name="connsiteX247" fmla="*/ 105406 w 589923"/>
                <a:gd name="connsiteY247" fmla="*/ 113936 h 589923"/>
                <a:gd name="connsiteX248" fmla="*/ 105406 w 589923"/>
                <a:gd name="connsiteY248" fmla="*/ 99829 h 589923"/>
                <a:gd name="connsiteX249" fmla="*/ 105406 w 589923"/>
                <a:gd name="connsiteY249" fmla="*/ 94460 h 589923"/>
                <a:gd name="connsiteX250" fmla="*/ 110744 w 589923"/>
                <a:gd name="connsiteY250" fmla="*/ 95146 h 589923"/>
                <a:gd name="connsiteX251" fmla="*/ 113667 w 589923"/>
                <a:gd name="connsiteY251" fmla="*/ 95445 h 589923"/>
                <a:gd name="connsiteX252" fmla="*/ 113846 w 589923"/>
                <a:gd name="connsiteY252" fmla="*/ 95445 h 589923"/>
                <a:gd name="connsiteX253" fmla="*/ 113965 w 589923"/>
                <a:gd name="connsiteY253" fmla="*/ 95445 h 589923"/>
                <a:gd name="connsiteX254" fmla="*/ 116948 w 589923"/>
                <a:gd name="connsiteY254" fmla="*/ 95534 h 589923"/>
                <a:gd name="connsiteX255" fmla="*/ 119960 w 589923"/>
                <a:gd name="connsiteY255" fmla="*/ 95415 h 589923"/>
                <a:gd name="connsiteX256" fmla="*/ 120050 w 589923"/>
                <a:gd name="connsiteY256" fmla="*/ 95415 h 589923"/>
                <a:gd name="connsiteX257" fmla="*/ 120258 w 589923"/>
                <a:gd name="connsiteY257" fmla="*/ 95385 h 589923"/>
                <a:gd name="connsiteX258" fmla="*/ 123181 w 589923"/>
                <a:gd name="connsiteY258" fmla="*/ 95087 h 589923"/>
                <a:gd name="connsiteX259" fmla="*/ 128490 w 589923"/>
                <a:gd name="connsiteY259" fmla="*/ 94460 h 589923"/>
                <a:gd name="connsiteX260" fmla="*/ 16380 w 589923"/>
                <a:gd name="connsiteY260" fmla="*/ 178893 h 589923"/>
                <a:gd name="connsiteX261" fmla="*/ 16380 w 589923"/>
                <a:gd name="connsiteY261" fmla="*/ 139853 h 589923"/>
                <a:gd name="connsiteX262" fmla="*/ 16380 w 589923"/>
                <a:gd name="connsiteY262" fmla="*/ 135141 h 589923"/>
                <a:gd name="connsiteX263" fmla="*/ 21093 w 589923"/>
                <a:gd name="connsiteY263" fmla="*/ 135141 h 589923"/>
                <a:gd name="connsiteX264" fmla="*/ 59178 w 589923"/>
                <a:gd name="connsiteY264" fmla="*/ 135141 h 589923"/>
                <a:gd name="connsiteX265" fmla="*/ 70392 w 589923"/>
                <a:gd name="connsiteY265" fmla="*/ 135141 h 589923"/>
                <a:gd name="connsiteX266" fmla="*/ 62548 w 589923"/>
                <a:gd name="connsiteY266" fmla="*/ 143163 h 589923"/>
                <a:gd name="connsiteX267" fmla="*/ 24493 w 589923"/>
                <a:gd name="connsiteY267" fmla="*/ 182173 h 589923"/>
                <a:gd name="connsiteX268" fmla="*/ 16380 w 589923"/>
                <a:gd name="connsiteY268" fmla="*/ 190494 h 589923"/>
                <a:gd name="connsiteX269" fmla="*/ 16380 w 589923"/>
                <a:gd name="connsiteY269" fmla="*/ 178893 h 589923"/>
                <a:gd name="connsiteX270" fmla="*/ 28549 w 589923"/>
                <a:gd name="connsiteY270" fmla="*/ 237378 h 589923"/>
                <a:gd name="connsiteX271" fmla="*/ 23837 w 589923"/>
                <a:gd name="connsiteY271" fmla="*/ 237378 h 589923"/>
                <a:gd name="connsiteX272" fmla="*/ 23837 w 589923"/>
                <a:gd name="connsiteY272" fmla="*/ 232666 h 589923"/>
                <a:gd name="connsiteX273" fmla="*/ 23837 w 589923"/>
                <a:gd name="connsiteY273" fmla="*/ 208359 h 589923"/>
                <a:gd name="connsiteX274" fmla="*/ 23837 w 589923"/>
                <a:gd name="connsiteY274" fmla="*/ 206421 h 589923"/>
                <a:gd name="connsiteX275" fmla="*/ 25179 w 589923"/>
                <a:gd name="connsiteY275" fmla="*/ 205049 h 589923"/>
                <a:gd name="connsiteX276" fmla="*/ 91985 w 589923"/>
                <a:gd name="connsiteY276" fmla="*/ 136572 h 589923"/>
                <a:gd name="connsiteX277" fmla="*/ 93387 w 589923"/>
                <a:gd name="connsiteY277" fmla="*/ 135141 h 589923"/>
                <a:gd name="connsiteX278" fmla="*/ 95385 w 589923"/>
                <a:gd name="connsiteY278" fmla="*/ 135141 h 589923"/>
                <a:gd name="connsiteX279" fmla="*/ 97174 w 589923"/>
                <a:gd name="connsiteY279" fmla="*/ 135141 h 589923"/>
                <a:gd name="connsiteX280" fmla="*/ 136751 w 589923"/>
                <a:gd name="connsiteY280" fmla="*/ 135141 h 589923"/>
                <a:gd name="connsiteX281" fmla="*/ 196251 w 589923"/>
                <a:gd name="connsiteY281" fmla="*/ 135141 h 589923"/>
                <a:gd name="connsiteX282" fmla="*/ 207464 w 589923"/>
                <a:gd name="connsiteY282" fmla="*/ 135141 h 589923"/>
                <a:gd name="connsiteX283" fmla="*/ 199621 w 589923"/>
                <a:gd name="connsiteY283" fmla="*/ 143163 h 589923"/>
                <a:gd name="connsiteX284" fmla="*/ 109074 w 589923"/>
                <a:gd name="connsiteY284" fmla="*/ 235947 h 589923"/>
                <a:gd name="connsiteX285" fmla="*/ 107673 w 589923"/>
                <a:gd name="connsiteY285" fmla="*/ 237378 h 589923"/>
                <a:gd name="connsiteX286" fmla="*/ 105674 w 589923"/>
                <a:gd name="connsiteY286" fmla="*/ 237378 h 589923"/>
                <a:gd name="connsiteX287" fmla="*/ 97145 w 589923"/>
                <a:gd name="connsiteY287" fmla="*/ 237378 h 589923"/>
                <a:gd name="connsiteX288" fmla="*/ 28549 w 589923"/>
                <a:gd name="connsiteY288" fmla="*/ 237378 h 589923"/>
                <a:gd name="connsiteX289" fmla="*/ 128490 w 589923"/>
                <a:gd name="connsiteY289" fmla="*/ 253841 h 589923"/>
                <a:gd name="connsiteX290" fmla="*/ 128490 w 589923"/>
                <a:gd name="connsiteY290" fmla="*/ 258553 h 589923"/>
                <a:gd name="connsiteX291" fmla="*/ 128490 w 589923"/>
                <a:gd name="connsiteY291" fmla="*/ 272213 h 589923"/>
                <a:gd name="connsiteX292" fmla="*/ 128490 w 589923"/>
                <a:gd name="connsiteY292" fmla="*/ 276925 h 589923"/>
                <a:gd name="connsiteX293" fmla="*/ 123778 w 589923"/>
                <a:gd name="connsiteY293" fmla="*/ 276925 h 589923"/>
                <a:gd name="connsiteX294" fmla="*/ 110118 w 589923"/>
                <a:gd name="connsiteY294" fmla="*/ 276925 h 589923"/>
                <a:gd name="connsiteX295" fmla="*/ 105406 w 589923"/>
                <a:gd name="connsiteY295" fmla="*/ 276925 h 589923"/>
                <a:gd name="connsiteX296" fmla="*/ 105406 w 589923"/>
                <a:gd name="connsiteY296" fmla="*/ 272213 h 589923"/>
                <a:gd name="connsiteX297" fmla="*/ 105406 w 589923"/>
                <a:gd name="connsiteY297" fmla="*/ 258553 h 589923"/>
                <a:gd name="connsiteX298" fmla="*/ 105406 w 589923"/>
                <a:gd name="connsiteY298" fmla="*/ 253841 h 589923"/>
                <a:gd name="connsiteX299" fmla="*/ 110118 w 589923"/>
                <a:gd name="connsiteY299" fmla="*/ 253841 h 589923"/>
                <a:gd name="connsiteX300" fmla="*/ 111132 w 589923"/>
                <a:gd name="connsiteY300" fmla="*/ 253841 h 589923"/>
                <a:gd name="connsiteX301" fmla="*/ 123778 w 589923"/>
                <a:gd name="connsiteY301" fmla="*/ 253841 h 589923"/>
                <a:gd name="connsiteX302" fmla="*/ 128490 w 589923"/>
                <a:gd name="connsiteY302" fmla="*/ 253841 h 589923"/>
                <a:gd name="connsiteX303" fmla="*/ 16380 w 589923"/>
                <a:gd name="connsiteY303" fmla="*/ 337200 h 589923"/>
                <a:gd name="connsiteX304" fmla="*/ 16380 w 589923"/>
                <a:gd name="connsiteY304" fmla="*/ 298130 h 589923"/>
                <a:gd name="connsiteX305" fmla="*/ 16380 w 589923"/>
                <a:gd name="connsiteY305" fmla="*/ 293418 h 589923"/>
                <a:gd name="connsiteX306" fmla="*/ 21093 w 589923"/>
                <a:gd name="connsiteY306" fmla="*/ 293418 h 589923"/>
                <a:gd name="connsiteX307" fmla="*/ 59238 w 589923"/>
                <a:gd name="connsiteY307" fmla="*/ 293418 h 589923"/>
                <a:gd name="connsiteX308" fmla="*/ 70452 w 589923"/>
                <a:gd name="connsiteY308" fmla="*/ 293418 h 589923"/>
                <a:gd name="connsiteX309" fmla="*/ 62608 w 589923"/>
                <a:gd name="connsiteY309" fmla="*/ 301441 h 589923"/>
                <a:gd name="connsiteX310" fmla="*/ 24463 w 589923"/>
                <a:gd name="connsiteY310" fmla="*/ 340510 h 589923"/>
                <a:gd name="connsiteX311" fmla="*/ 16351 w 589923"/>
                <a:gd name="connsiteY311" fmla="*/ 348831 h 589923"/>
                <a:gd name="connsiteX312" fmla="*/ 16351 w 589923"/>
                <a:gd name="connsiteY312" fmla="*/ 337200 h 589923"/>
                <a:gd name="connsiteX313" fmla="*/ 28549 w 589923"/>
                <a:gd name="connsiteY313" fmla="*/ 395655 h 589923"/>
                <a:gd name="connsiteX314" fmla="*/ 23837 w 589923"/>
                <a:gd name="connsiteY314" fmla="*/ 395655 h 589923"/>
                <a:gd name="connsiteX315" fmla="*/ 23837 w 589923"/>
                <a:gd name="connsiteY315" fmla="*/ 390943 h 589923"/>
                <a:gd name="connsiteX316" fmla="*/ 23837 w 589923"/>
                <a:gd name="connsiteY316" fmla="*/ 366696 h 589923"/>
                <a:gd name="connsiteX317" fmla="*/ 23837 w 589923"/>
                <a:gd name="connsiteY317" fmla="*/ 364758 h 589923"/>
                <a:gd name="connsiteX318" fmla="*/ 25179 w 589923"/>
                <a:gd name="connsiteY318" fmla="*/ 363386 h 589923"/>
                <a:gd name="connsiteX319" fmla="*/ 91985 w 589923"/>
                <a:gd name="connsiteY319" fmla="*/ 294909 h 589923"/>
                <a:gd name="connsiteX320" fmla="*/ 93387 w 589923"/>
                <a:gd name="connsiteY320" fmla="*/ 293478 h 589923"/>
                <a:gd name="connsiteX321" fmla="*/ 95385 w 589923"/>
                <a:gd name="connsiteY321" fmla="*/ 293478 h 589923"/>
                <a:gd name="connsiteX322" fmla="*/ 196221 w 589923"/>
                <a:gd name="connsiteY322" fmla="*/ 293478 h 589923"/>
                <a:gd name="connsiteX323" fmla="*/ 207435 w 589923"/>
                <a:gd name="connsiteY323" fmla="*/ 293478 h 589923"/>
                <a:gd name="connsiteX324" fmla="*/ 199591 w 589923"/>
                <a:gd name="connsiteY324" fmla="*/ 301500 h 589923"/>
                <a:gd name="connsiteX325" fmla="*/ 109104 w 589923"/>
                <a:gd name="connsiteY325" fmla="*/ 394224 h 589923"/>
                <a:gd name="connsiteX326" fmla="*/ 107702 w 589923"/>
                <a:gd name="connsiteY326" fmla="*/ 395655 h 589923"/>
                <a:gd name="connsiteX327" fmla="*/ 105704 w 589923"/>
                <a:gd name="connsiteY327" fmla="*/ 395655 h 589923"/>
                <a:gd name="connsiteX328" fmla="*/ 97115 w 589923"/>
                <a:gd name="connsiteY328" fmla="*/ 395655 h 589923"/>
                <a:gd name="connsiteX329" fmla="*/ 28549 w 589923"/>
                <a:gd name="connsiteY329" fmla="*/ 395655 h 589923"/>
                <a:gd name="connsiteX330" fmla="*/ 128490 w 589923"/>
                <a:gd name="connsiteY330" fmla="*/ 416831 h 589923"/>
                <a:gd name="connsiteX331" fmla="*/ 128490 w 589923"/>
                <a:gd name="connsiteY331" fmla="*/ 568964 h 589923"/>
                <a:gd name="connsiteX332" fmla="*/ 128490 w 589923"/>
                <a:gd name="connsiteY332" fmla="*/ 573676 h 589923"/>
                <a:gd name="connsiteX333" fmla="*/ 123778 w 589923"/>
                <a:gd name="connsiteY333" fmla="*/ 573676 h 589923"/>
                <a:gd name="connsiteX334" fmla="*/ 110118 w 589923"/>
                <a:gd name="connsiteY334" fmla="*/ 573676 h 589923"/>
                <a:gd name="connsiteX335" fmla="*/ 105406 w 589923"/>
                <a:gd name="connsiteY335" fmla="*/ 573676 h 589923"/>
                <a:gd name="connsiteX336" fmla="*/ 105406 w 589923"/>
                <a:gd name="connsiteY336" fmla="*/ 568964 h 589923"/>
                <a:gd name="connsiteX337" fmla="*/ 105406 w 589923"/>
                <a:gd name="connsiteY337" fmla="*/ 416890 h 589923"/>
                <a:gd name="connsiteX338" fmla="*/ 105406 w 589923"/>
                <a:gd name="connsiteY338" fmla="*/ 412178 h 589923"/>
                <a:gd name="connsiteX339" fmla="*/ 110118 w 589923"/>
                <a:gd name="connsiteY339" fmla="*/ 412178 h 589923"/>
                <a:gd name="connsiteX340" fmla="*/ 111132 w 589923"/>
                <a:gd name="connsiteY340" fmla="*/ 412178 h 589923"/>
                <a:gd name="connsiteX341" fmla="*/ 111937 w 589923"/>
                <a:gd name="connsiteY341" fmla="*/ 412148 h 589923"/>
                <a:gd name="connsiteX342" fmla="*/ 112176 w 589923"/>
                <a:gd name="connsiteY342" fmla="*/ 412118 h 589923"/>
                <a:gd name="connsiteX343" fmla="*/ 112415 w 589923"/>
                <a:gd name="connsiteY343" fmla="*/ 412118 h 589923"/>
                <a:gd name="connsiteX344" fmla="*/ 123778 w 589923"/>
                <a:gd name="connsiteY344" fmla="*/ 412118 h 589923"/>
                <a:gd name="connsiteX345" fmla="*/ 128490 w 589923"/>
                <a:gd name="connsiteY345" fmla="*/ 412118 h 589923"/>
                <a:gd name="connsiteX346" fmla="*/ 128490 w 589923"/>
                <a:gd name="connsiteY346" fmla="*/ 416831 h 589923"/>
                <a:gd name="connsiteX347" fmla="*/ 141941 w 589923"/>
                <a:gd name="connsiteY347" fmla="*/ 395655 h 589923"/>
                <a:gd name="connsiteX348" fmla="*/ 130727 w 589923"/>
                <a:gd name="connsiteY348" fmla="*/ 395655 h 589923"/>
                <a:gd name="connsiteX349" fmla="*/ 138570 w 589923"/>
                <a:gd name="connsiteY349" fmla="*/ 387633 h 589923"/>
                <a:gd name="connsiteX350" fmla="*/ 229117 w 589923"/>
                <a:gd name="connsiteY350" fmla="*/ 294849 h 589923"/>
                <a:gd name="connsiteX351" fmla="*/ 230519 w 589923"/>
                <a:gd name="connsiteY351" fmla="*/ 293418 h 589923"/>
                <a:gd name="connsiteX352" fmla="*/ 232517 w 589923"/>
                <a:gd name="connsiteY352" fmla="*/ 293418 h 589923"/>
                <a:gd name="connsiteX353" fmla="*/ 332398 w 589923"/>
                <a:gd name="connsiteY353" fmla="*/ 293418 h 589923"/>
                <a:gd name="connsiteX354" fmla="*/ 343612 w 589923"/>
                <a:gd name="connsiteY354" fmla="*/ 293418 h 589923"/>
                <a:gd name="connsiteX355" fmla="*/ 335768 w 589923"/>
                <a:gd name="connsiteY355" fmla="*/ 301441 h 589923"/>
                <a:gd name="connsiteX356" fmla="*/ 245222 w 589923"/>
                <a:gd name="connsiteY356" fmla="*/ 394224 h 589923"/>
                <a:gd name="connsiteX357" fmla="*/ 243820 w 589923"/>
                <a:gd name="connsiteY357" fmla="*/ 395655 h 589923"/>
                <a:gd name="connsiteX358" fmla="*/ 241822 w 589923"/>
                <a:gd name="connsiteY358" fmla="*/ 395655 h 589923"/>
                <a:gd name="connsiteX359" fmla="*/ 141941 w 589923"/>
                <a:gd name="connsiteY359" fmla="*/ 395655 h 589923"/>
                <a:gd name="connsiteX360" fmla="*/ 445044 w 589923"/>
                <a:gd name="connsiteY360" fmla="*/ 486053 h 589923"/>
                <a:gd name="connsiteX361" fmla="*/ 445044 w 589923"/>
                <a:gd name="connsiteY361" fmla="*/ 519486 h 589923"/>
                <a:gd name="connsiteX362" fmla="*/ 445044 w 589923"/>
                <a:gd name="connsiteY362" fmla="*/ 524198 h 589923"/>
                <a:gd name="connsiteX363" fmla="*/ 440332 w 589923"/>
                <a:gd name="connsiteY363" fmla="*/ 524198 h 589923"/>
                <a:gd name="connsiteX364" fmla="*/ 149725 w 589923"/>
                <a:gd name="connsiteY364" fmla="*/ 524198 h 589923"/>
                <a:gd name="connsiteX365" fmla="*/ 145012 w 589923"/>
                <a:gd name="connsiteY365" fmla="*/ 524198 h 589923"/>
                <a:gd name="connsiteX366" fmla="*/ 145012 w 589923"/>
                <a:gd name="connsiteY366" fmla="*/ 519486 h 589923"/>
                <a:gd name="connsiteX367" fmla="*/ 145012 w 589923"/>
                <a:gd name="connsiteY367" fmla="*/ 486053 h 589923"/>
                <a:gd name="connsiteX368" fmla="*/ 145012 w 589923"/>
                <a:gd name="connsiteY368" fmla="*/ 481340 h 589923"/>
                <a:gd name="connsiteX369" fmla="*/ 149725 w 589923"/>
                <a:gd name="connsiteY369" fmla="*/ 481340 h 589923"/>
                <a:gd name="connsiteX370" fmla="*/ 440332 w 589923"/>
                <a:gd name="connsiteY370" fmla="*/ 481340 h 589923"/>
                <a:gd name="connsiteX371" fmla="*/ 445044 w 589923"/>
                <a:gd name="connsiteY371" fmla="*/ 481340 h 589923"/>
                <a:gd name="connsiteX372" fmla="*/ 445044 w 589923"/>
                <a:gd name="connsiteY372" fmla="*/ 486053 h 589923"/>
                <a:gd name="connsiteX373" fmla="*/ 445044 w 589923"/>
                <a:gd name="connsiteY373" fmla="*/ 416890 h 589923"/>
                <a:gd name="connsiteX374" fmla="*/ 445044 w 589923"/>
                <a:gd name="connsiteY374" fmla="*/ 460165 h 589923"/>
                <a:gd name="connsiteX375" fmla="*/ 445044 w 589923"/>
                <a:gd name="connsiteY375" fmla="*/ 464878 h 589923"/>
                <a:gd name="connsiteX376" fmla="*/ 440332 w 589923"/>
                <a:gd name="connsiteY376" fmla="*/ 464878 h 589923"/>
                <a:gd name="connsiteX377" fmla="*/ 149725 w 589923"/>
                <a:gd name="connsiteY377" fmla="*/ 464878 h 589923"/>
                <a:gd name="connsiteX378" fmla="*/ 145012 w 589923"/>
                <a:gd name="connsiteY378" fmla="*/ 464878 h 589923"/>
                <a:gd name="connsiteX379" fmla="*/ 145012 w 589923"/>
                <a:gd name="connsiteY379" fmla="*/ 460165 h 589923"/>
                <a:gd name="connsiteX380" fmla="*/ 145012 w 589923"/>
                <a:gd name="connsiteY380" fmla="*/ 416831 h 589923"/>
                <a:gd name="connsiteX381" fmla="*/ 145012 w 589923"/>
                <a:gd name="connsiteY381" fmla="*/ 412118 h 589923"/>
                <a:gd name="connsiteX382" fmla="*/ 383368 w 589923"/>
                <a:gd name="connsiteY382" fmla="*/ 412178 h 589923"/>
                <a:gd name="connsiteX383" fmla="*/ 440362 w 589923"/>
                <a:gd name="connsiteY383" fmla="*/ 412178 h 589923"/>
                <a:gd name="connsiteX384" fmla="*/ 445074 w 589923"/>
                <a:gd name="connsiteY384" fmla="*/ 412178 h 589923"/>
                <a:gd name="connsiteX385" fmla="*/ 445074 w 589923"/>
                <a:gd name="connsiteY385" fmla="*/ 416890 h 589923"/>
                <a:gd name="connsiteX386" fmla="*/ 484591 w 589923"/>
                <a:gd name="connsiteY386" fmla="*/ 416890 h 589923"/>
                <a:gd name="connsiteX387" fmla="*/ 484591 w 589923"/>
                <a:gd name="connsiteY387" fmla="*/ 568964 h 589923"/>
                <a:gd name="connsiteX388" fmla="*/ 484591 w 589923"/>
                <a:gd name="connsiteY388" fmla="*/ 573676 h 589923"/>
                <a:gd name="connsiteX389" fmla="*/ 479879 w 589923"/>
                <a:gd name="connsiteY389" fmla="*/ 573676 h 589923"/>
                <a:gd name="connsiteX390" fmla="*/ 466220 w 589923"/>
                <a:gd name="connsiteY390" fmla="*/ 573676 h 589923"/>
                <a:gd name="connsiteX391" fmla="*/ 461507 w 589923"/>
                <a:gd name="connsiteY391" fmla="*/ 573676 h 589923"/>
                <a:gd name="connsiteX392" fmla="*/ 461507 w 589923"/>
                <a:gd name="connsiteY392" fmla="*/ 568964 h 589923"/>
                <a:gd name="connsiteX393" fmla="*/ 461507 w 589923"/>
                <a:gd name="connsiteY393" fmla="*/ 532489 h 589923"/>
                <a:gd name="connsiteX394" fmla="*/ 461507 w 589923"/>
                <a:gd name="connsiteY394" fmla="*/ 532370 h 589923"/>
                <a:gd name="connsiteX395" fmla="*/ 461507 w 589923"/>
                <a:gd name="connsiteY395" fmla="*/ 532370 h 589923"/>
                <a:gd name="connsiteX396" fmla="*/ 461507 w 589923"/>
                <a:gd name="connsiteY396" fmla="*/ 473258 h 589923"/>
                <a:gd name="connsiteX397" fmla="*/ 461507 w 589923"/>
                <a:gd name="connsiteY397" fmla="*/ 473258 h 589923"/>
                <a:gd name="connsiteX398" fmla="*/ 461507 w 589923"/>
                <a:gd name="connsiteY398" fmla="*/ 473139 h 589923"/>
                <a:gd name="connsiteX399" fmla="*/ 461507 w 589923"/>
                <a:gd name="connsiteY399" fmla="*/ 416920 h 589923"/>
                <a:gd name="connsiteX400" fmla="*/ 461507 w 589923"/>
                <a:gd name="connsiteY400" fmla="*/ 412208 h 589923"/>
                <a:gd name="connsiteX401" fmla="*/ 466220 w 589923"/>
                <a:gd name="connsiteY401" fmla="*/ 412208 h 589923"/>
                <a:gd name="connsiteX402" fmla="*/ 479879 w 589923"/>
                <a:gd name="connsiteY402" fmla="*/ 412208 h 589923"/>
                <a:gd name="connsiteX403" fmla="*/ 484591 w 589923"/>
                <a:gd name="connsiteY403" fmla="*/ 412208 h 589923"/>
                <a:gd name="connsiteX404" fmla="*/ 484591 w 589923"/>
                <a:gd name="connsiteY404" fmla="*/ 416890 h 589923"/>
                <a:gd name="connsiteX405" fmla="*/ 573617 w 589923"/>
                <a:gd name="connsiteY405" fmla="*/ 371736 h 589923"/>
                <a:gd name="connsiteX406" fmla="*/ 573617 w 589923"/>
                <a:gd name="connsiteY406" fmla="*/ 390913 h 589923"/>
                <a:gd name="connsiteX407" fmla="*/ 573617 w 589923"/>
                <a:gd name="connsiteY407" fmla="*/ 395626 h 589923"/>
                <a:gd name="connsiteX408" fmla="*/ 568904 w 589923"/>
                <a:gd name="connsiteY408" fmla="*/ 395626 h 589923"/>
                <a:gd name="connsiteX409" fmla="*/ 550175 w 589923"/>
                <a:gd name="connsiteY409" fmla="*/ 395626 h 589923"/>
                <a:gd name="connsiteX410" fmla="*/ 538961 w 589923"/>
                <a:gd name="connsiteY410" fmla="*/ 395626 h 589923"/>
                <a:gd name="connsiteX411" fmla="*/ 546805 w 589923"/>
                <a:gd name="connsiteY411" fmla="*/ 387603 h 589923"/>
                <a:gd name="connsiteX412" fmla="*/ 565505 w 589923"/>
                <a:gd name="connsiteY412" fmla="*/ 368426 h 589923"/>
                <a:gd name="connsiteX413" fmla="*/ 573617 w 589923"/>
                <a:gd name="connsiteY413" fmla="*/ 360105 h 589923"/>
                <a:gd name="connsiteX414" fmla="*/ 573617 w 589923"/>
                <a:gd name="connsiteY414" fmla="*/ 371736 h 589923"/>
                <a:gd name="connsiteX415" fmla="*/ 501203 w 589923"/>
                <a:gd name="connsiteY415" fmla="*/ 294879 h 589923"/>
                <a:gd name="connsiteX416" fmla="*/ 502605 w 589923"/>
                <a:gd name="connsiteY416" fmla="*/ 293448 h 589923"/>
                <a:gd name="connsiteX417" fmla="*/ 504603 w 589923"/>
                <a:gd name="connsiteY417" fmla="*/ 293448 h 589923"/>
                <a:gd name="connsiteX418" fmla="*/ 561478 w 589923"/>
                <a:gd name="connsiteY418" fmla="*/ 293448 h 589923"/>
                <a:gd name="connsiteX419" fmla="*/ 566191 w 589923"/>
                <a:gd name="connsiteY419" fmla="*/ 293448 h 589923"/>
                <a:gd name="connsiteX420" fmla="*/ 566191 w 589923"/>
                <a:gd name="connsiteY420" fmla="*/ 298160 h 589923"/>
                <a:gd name="connsiteX421" fmla="*/ 566191 w 589923"/>
                <a:gd name="connsiteY421" fmla="*/ 342240 h 589923"/>
                <a:gd name="connsiteX422" fmla="*/ 566191 w 589923"/>
                <a:gd name="connsiteY422" fmla="*/ 344179 h 589923"/>
                <a:gd name="connsiteX423" fmla="*/ 564848 w 589923"/>
                <a:gd name="connsiteY423" fmla="*/ 345551 h 589923"/>
                <a:gd name="connsiteX424" fmla="*/ 517368 w 589923"/>
                <a:gd name="connsiteY424" fmla="*/ 394224 h 589923"/>
                <a:gd name="connsiteX425" fmla="*/ 515966 w 589923"/>
                <a:gd name="connsiteY425" fmla="*/ 395655 h 589923"/>
                <a:gd name="connsiteX426" fmla="*/ 513968 w 589923"/>
                <a:gd name="connsiteY426" fmla="*/ 395655 h 589923"/>
                <a:gd name="connsiteX427" fmla="*/ 492793 w 589923"/>
                <a:gd name="connsiteY427" fmla="*/ 395655 h 589923"/>
                <a:gd name="connsiteX428" fmla="*/ 453246 w 589923"/>
                <a:gd name="connsiteY428" fmla="*/ 395655 h 589923"/>
                <a:gd name="connsiteX429" fmla="*/ 414087 w 589923"/>
                <a:gd name="connsiteY429" fmla="*/ 395655 h 589923"/>
                <a:gd name="connsiteX430" fmla="*/ 402873 w 589923"/>
                <a:gd name="connsiteY430" fmla="*/ 395655 h 589923"/>
                <a:gd name="connsiteX431" fmla="*/ 410717 w 589923"/>
                <a:gd name="connsiteY431" fmla="*/ 387633 h 589923"/>
                <a:gd name="connsiteX432" fmla="*/ 501203 w 589923"/>
                <a:gd name="connsiteY432" fmla="*/ 294879 h 589923"/>
                <a:gd name="connsiteX433" fmla="*/ 492823 w 589923"/>
                <a:gd name="connsiteY433" fmla="*/ 237378 h 589923"/>
                <a:gd name="connsiteX434" fmla="*/ 453246 w 589923"/>
                <a:gd name="connsiteY434" fmla="*/ 237378 h 589923"/>
                <a:gd name="connsiteX435" fmla="*/ 414027 w 589923"/>
                <a:gd name="connsiteY435" fmla="*/ 237378 h 589923"/>
                <a:gd name="connsiteX436" fmla="*/ 402843 w 589923"/>
                <a:gd name="connsiteY436" fmla="*/ 237378 h 589923"/>
                <a:gd name="connsiteX437" fmla="*/ 410687 w 589923"/>
                <a:gd name="connsiteY437" fmla="*/ 229355 h 589923"/>
                <a:gd name="connsiteX438" fmla="*/ 501233 w 589923"/>
                <a:gd name="connsiteY438" fmla="*/ 136572 h 589923"/>
                <a:gd name="connsiteX439" fmla="*/ 502635 w 589923"/>
                <a:gd name="connsiteY439" fmla="*/ 135141 h 589923"/>
                <a:gd name="connsiteX440" fmla="*/ 504633 w 589923"/>
                <a:gd name="connsiteY440" fmla="*/ 135141 h 589923"/>
                <a:gd name="connsiteX441" fmla="*/ 561508 w 589923"/>
                <a:gd name="connsiteY441" fmla="*/ 135141 h 589923"/>
                <a:gd name="connsiteX442" fmla="*/ 566220 w 589923"/>
                <a:gd name="connsiteY442" fmla="*/ 135141 h 589923"/>
                <a:gd name="connsiteX443" fmla="*/ 566220 w 589923"/>
                <a:gd name="connsiteY443" fmla="*/ 139853 h 589923"/>
                <a:gd name="connsiteX444" fmla="*/ 566220 w 589923"/>
                <a:gd name="connsiteY444" fmla="*/ 183933 h 589923"/>
                <a:gd name="connsiteX445" fmla="*/ 566220 w 589923"/>
                <a:gd name="connsiteY445" fmla="*/ 185872 h 589923"/>
                <a:gd name="connsiteX446" fmla="*/ 564878 w 589923"/>
                <a:gd name="connsiteY446" fmla="*/ 187244 h 589923"/>
                <a:gd name="connsiteX447" fmla="*/ 517368 w 589923"/>
                <a:gd name="connsiteY447" fmla="*/ 235947 h 589923"/>
                <a:gd name="connsiteX448" fmla="*/ 515966 w 589923"/>
                <a:gd name="connsiteY448" fmla="*/ 237378 h 589923"/>
                <a:gd name="connsiteX449" fmla="*/ 513968 w 589923"/>
                <a:gd name="connsiteY449" fmla="*/ 237378 h 589923"/>
                <a:gd name="connsiteX450" fmla="*/ 492823 w 589923"/>
                <a:gd name="connsiteY450" fmla="*/ 237378 h 5899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Lst>
              <a:rect l="l" t="t" r="r" b="b"/>
              <a:pathLst>
                <a:path w="589923" h="589923">
                  <a:moveTo>
                    <a:pt x="501054" y="258553"/>
                  </a:moveTo>
                  <a:lnTo>
                    <a:pt x="501054" y="253841"/>
                  </a:lnTo>
                  <a:lnTo>
                    <a:pt x="505767" y="253841"/>
                  </a:lnTo>
                  <a:lnTo>
                    <a:pt x="519366" y="253841"/>
                  </a:lnTo>
                  <a:lnTo>
                    <a:pt x="581818" y="253841"/>
                  </a:lnTo>
                  <a:cubicBezTo>
                    <a:pt x="586352" y="253841"/>
                    <a:pt x="590050" y="250143"/>
                    <a:pt x="590050" y="245610"/>
                  </a:cubicBezTo>
                  <a:lnTo>
                    <a:pt x="590050" y="126909"/>
                  </a:lnTo>
                  <a:cubicBezTo>
                    <a:pt x="590050" y="122376"/>
                    <a:pt x="586352" y="118678"/>
                    <a:pt x="581818" y="118678"/>
                  </a:cubicBezTo>
                  <a:lnTo>
                    <a:pt x="574362" y="118678"/>
                  </a:lnTo>
                  <a:lnTo>
                    <a:pt x="505737" y="118678"/>
                  </a:lnTo>
                  <a:lnTo>
                    <a:pt x="501025" y="118678"/>
                  </a:lnTo>
                  <a:lnTo>
                    <a:pt x="501025" y="113965"/>
                  </a:lnTo>
                  <a:lnTo>
                    <a:pt x="501025" y="88824"/>
                  </a:lnTo>
                  <a:lnTo>
                    <a:pt x="501025" y="86557"/>
                  </a:lnTo>
                  <a:lnTo>
                    <a:pt x="502814" y="85125"/>
                  </a:lnTo>
                  <a:cubicBezTo>
                    <a:pt x="514267" y="75969"/>
                    <a:pt x="520828" y="62369"/>
                    <a:pt x="520828" y="47785"/>
                  </a:cubicBezTo>
                  <a:cubicBezTo>
                    <a:pt x="520828" y="21421"/>
                    <a:pt x="499384" y="7"/>
                    <a:pt x="473019" y="7"/>
                  </a:cubicBezTo>
                  <a:cubicBezTo>
                    <a:pt x="446655" y="7"/>
                    <a:pt x="425241" y="21451"/>
                    <a:pt x="425241" y="47785"/>
                  </a:cubicBezTo>
                  <a:cubicBezTo>
                    <a:pt x="425241" y="62369"/>
                    <a:pt x="431802" y="75969"/>
                    <a:pt x="443255" y="85125"/>
                  </a:cubicBezTo>
                  <a:lnTo>
                    <a:pt x="445044" y="86557"/>
                  </a:lnTo>
                  <a:lnTo>
                    <a:pt x="445044" y="88824"/>
                  </a:lnTo>
                  <a:lnTo>
                    <a:pt x="445044" y="113965"/>
                  </a:lnTo>
                  <a:lnTo>
                    <a:pt x="445044" y="118678"/>
                  </a:lnTo>
                  <a:lnTo>
                    <a:pt x="440332" y="118678"/>
                  </a:lnTo>
                  <a:lnTo>
                    <a:pt x="363058" y="118678"/>
                  </a:lnTo>
                  <a:lnTo>
                    <a:pt x="325897" y="118678"/>
                  </a:lnTo>
                  <a:lnTo>
                    <a:pt x="321184" y="118678"/>
                  </a:lnTo>
                  <a:lnTo>
                    <a:pt x="321184" y="113965"/>
                  </a:lnTo>
                  <a:lnTo>
                    <a:pt x="321184" y="88824"/>
                  </a:lnTo>
                  <a:lnTo>
                    <a:pt x="321184" y="86557"/>
                  </a:lnTo>
                  <a:lnTo>
                    <a:pt x="322944" y="85125"/>
                  </a:lnTo>
                  <a:cubicBezTo>
                    <a:pt x="334396" y="75969"/>
                    <a:pt x="340958" y="62369"/>
                    <a:pt x="340958" y="47785"/>
                  </a:cubicBezTo>
                  <a:cubicBezTo>
                    <a:pt x="340958" y="21421"/>
                    <a:pt x="319514" y="7"/>
                    <a:pt x="293179" y="7"/>
                  </a:cubicBezTo>
                  <a:cubicBezTo>
                    <a:pt x="266815" y="7"/>
                    <a:pt x="245371" y="21451"/>
                    <a:pt x="245371" y="47785"/>
                  </a:cubicBezTo>
                  <a:cubicBezTo>
                    <a:pt x="245371" y="62369"/>
                    <a:pt x="251932" y="75969"/>
                    <a:pt x="263385" y="85125"/>
                  </a:cubicBezTo>
                  <a:lnTo>
                    <a:pt x="265174" y="86557"/>
                  </a:lnTo>
                  <a:lnTo>
                    <a:pt x="265174" y="88824"/>
                  </a:lnTo>
                  <a:lnTo>
                    <a:pt x="265174" y="113965"/>
                  </a:lnTo>
                  <a:lnTo>
                    <a:pt x="265174" y="118678"/>
                  </a:lnTo>
                  <a:lnTo>
                    <a:pt x="260462" y="118678"/>
                  </a:lnTo>
                  <a:lnTo>
                    <a:pt x="227029" y="118678"/>
                  </a:lnTo>
                  <a:lnTo>
                    <a:pt x="149755" y="118678"/>
                  </a:lnTo>
                  <a:lnTo>
                    <a:pt x="145042" y="118678"/>
                  </a:lnTo>
                  <a:lnTo>
                    <a:pt x="145042" y="113965"/>
                  </a:lnTo>
                  <a:lnTo>
                    <a:pt x="145042" y="88824"/>
                  </a:lnTo>
                  <a:lnTo>
                    <a:pt x="145042" y="86557"/>
                  </a:lnTo>
                  <a:lnTo>
                    <a:pt x="146832" y="85125"/>
                  </a:lnTo>
                  <a:cubicBezTo>
                    <a:pt x="158284" y="75969"/>
                    <a:pt x="164846" y="62369"/>
                    <a:pt x="164846" y="47785"/>
                  </a:cubicBezTo>
                  <a:cubicBezTo>
                    <a:pt x="164846" y="21421"/>
                    <a:pt x="143402" y="7"/>
                    <a:pt x="117037" y="7"/>
                  </a:cubicBezTo>
                  <a:cubicBezTo>
                    <a:pt x="90673" y="7"/>
                    <a:pt x="69229" y="21451"/>
                    <a:pt x="69229" y="47785"/>
                  </a:cubicBezTo>
                  <a:cubicBezTo>
                    <a:pt x="69229" y="62369"/>
                    <a:pt x="75790" y="75969"/>
                    <a:pt x="87243" y="85125"/>
                  </a:cubicBezTo>
                  <a:lnTo>
                    <a:pt x="89032" y="86557"/>
                  </a:lnTo>
                  <a:lnTo>
                    <a:pt x="89032" y="88824"/>
                  </a:lnTo>
                  <a:lnTo>
                    <a:pt x="89032" y="113965"/>
                  </a:lnTo>
                  <a:lnTo>
                    <a:pt x="89032" y="118678"/>
                  </a:lnTo>
                  <a:lnTo>
                    <a:pt x="84320" y="118678"/>
                  </a:lnTo>
                  <a:lnTo>
                    <a:pt x="8238" y="118678"/>
                  </a:lnTo>
                  <a:cubicBezTo>
                    <a:pt x="3705" y="118678"/>
                    <a:pt x="7" y="122376"/>
                    <a:pt x="7" y="126909"/>
                  </a:cubicBezTo>
                  <a:lnTo>
                    <a:pt x="7" y="245610"/>
                  </a:lnTo>
                  <a:cubicBezTo>
                    <a:pt x="7" y="250143"/>
                    <a:pt x="3705" y="253841"/>
                    <a:pt x="8238" y="253841"/>
                  </a:cubicBezTo>
                  <a:lnTo>
                    <a:pt x="15695" y="253841"/>
                  </a:lnTo>
                  <a:lnTo>
                    <a:pt x="84320" y="253841"/>
                  </a:lnTo>
                  <a:lnTo>
                    <a:pt x="89032" y="253841"/>
                  </a:lnTo>
                  <a:lnTo>
                    <a:pt x="89032" y="258553"/>
                  </a:lnTo>
                  <a:lnTo>
                    <a:pt x="89032" y="272213"/>
                  </a:lnTo>
                  <a:lnTo>
                    <a:pt x="89032" y="276925"/>
                  </a:lnTo>
                  <a:lnTo>
                    <a:pt x="84320" y="276925"/>
                  </a:lnTo>
                  <a:lnTo>
                    <a:pt x="8238" y="276925"/>
                  </a:lnTo>
                  <a:cubicBezTo>
                    <a:pt x="3705" y="276925"/>
                    <a:pt x="7" y="280623"/>
                    <a:pt x="7" y="285157"/>
                  </a:cubicBezTo>
                  <a:lnTo>
                    <a:pt x="7" y="403857"/>
                  </a:lnTo>
                  <a:cubicBezTo>
                    <a:pt x="7" y="408390"/>
                    <a:pt x="3705" y="412089"/>
                    <a:pt x="8238" y="412089"/>
                  </a:cubicBezTo>
                  <a:lnTo>
                    <a:pt x="14442" y="412089"/>
                  </a:lnTo>
                  <a:lnTo>
                    <a:pt x="14681" y="412089"/>
                  </a:lnTo>
                  <a:lnTo>
                    <a:pt x="14919" y="412118"/>
                  </a:lnTo>
                  <a:cubicBezTo>
                    <a:pt x="15217" y="412148"/>
                    <a:pt x="15456" y="412148"/>
                    <a:pt x="15724" y="412148"/>
                  </a:cubicBezTo>
                  <a:lnTo>
                    <a:pt x="84350" y="412148"/>
                  </a:lnTo>
                  <a:lnTo>
                    <a:pt x="89062" y="412148"/>
                  </a:lnTo>
                  <a:lnTo>
                    <a:pt x="89062" y="416860"/>
                  </a:lnTo>
                  <a:lnTo>
                    <a:pt x="89062" y="581878"/>
                  </a:lnTo>
                  <a:cubicBezTo>
                    <a:pt x="89062" y="586411"/>
                    <a:pt x="92760" y="590110"/>
                    <a:pt x="97294" y="590110"/>
                  </a:cubicBezTo>
                  <a:lnTo>
                    <a:pt x="136870" y="590110"/>
                  </a:lnTo>
                  <a:cubicBezTo>
                    <a:pt x="141404" y="590110"/>
                    <a:pt x="145102" y="586411"/>
                    <a:pt x="145102" y="581878"/>
                  </a:cubicBezTo>
                  <a:lnTo>
                    <a:pt x="145102" y="545373"/>
                  </a:lnTo>
                  <a:lnTo>
                    <a:pt x="145102" y="540661"/>
                  </a:lnTo>
                  <a:lnTo>
                    <a:pt x="149814" y="540661"/>
                  </a:lnTo>
                  <a:lnTo>
                    <a:pt x="440422" y="540661"/>
                  </a:lnTo>
                  <a:lnTo>
                    <a:pt x="445134" y="540661"/>
                  </a:lnTo>
                  <a:lnTo>
                    <a:pt x="445134" y="545373"/>
                  </a:lnTo>
                  <a:lnTo>
                    <a:pt x="445134" y="581878"/>
                  </a:lnTo>
                  <a:cubicBezTo>
                    <a:pt x="445134" y="586411"/>
                    <a:pt x="448832" y="590110"/>
                    <a:pt x="453365" y="590110"/>
                  </a:cubicBezTo>
                  <a:lnTo>
                    <a:pt x="492942" y="590110"/>
                  </a:lnTo>
                  <a:cubicBezTo>
                    <a:pt x="497475" y="590110"/>
                    <a:pt x="501174" y="586411"/>
                    <a:pt x="501174" y="581878"/>
                  </a:cubicBezTo>
                  <a:lnTo>
                    <a:pt x="501174" y="416860"/>
                  </a:lnTo>
                  <a:lnTo>
                    <a:pt x="501174" y="412148"/>
                  </a:lnTo>
                  <a:lnTo>
                    <a:pt x="505886" y="412148"/>
                  </a:lnTo>
                  <a:lnTo>
                    <a:pt x="581968" y="412089"/>
                  </a:lnTo>
                  <a:cubicBezTo>
                    <a:pt x="586501" y="412089"/>
                    <a:pt x="590199" y="408390"/>
                    <a:pt x="590199" y="403857"/>
                  </a:cubicBezTo>
                  <a:lnTo>
                    <a:pt x="590199" y="285157"/>
                  </a:lnTo>
                  <a:cubicBezTo>
                    <a:pt x="590199" y="280623"/>
                    <a:pt x="586501" y="276925"/>
                    <a:pt x="581968" y="276925"/>
                  </a:cubicBezTo>
                  <a:lnTo>
                    <a:pt x="505886" y="276925"/>
                  </a:lnTo>
                  <a:lnTo>
                    <a:pt x="501174" y="276925"/>
                  </a:lnTo>
                  <a:lnTo>
                    <a:pt x="501174" y="272213"/>
                  </a:lnTo>
                  <a:lnTo>
                    <a:pt x="501174" y="258553"/>
                  </a:lnTo>
                  <a:close/>
                  <a:moveTo>
                    <a:pt x="573617" y="213429"/>
                  </a:moveTo>
                  <a:lnTo>
                    <a:pt x="573617" y="232666"/>
                  </a:lnTo>
                  <a:lnTo>
                    <a:pt x="573617" y="237378"/>
                  </a:lnTo>
                  <a:lnTo>
                    <a:pt x="568904" y="237378"/>
                  </a:lnTo>
                  <a:lnTo>
                    <a:pt x="550145" y="237378"/>
                  </a:lnTo>
                  <a:lnTo>
                    <a:pt x="538931" y="237378"/>
                  </a:lnTo>
                  <a:lnTo>
                    <a:pt x="546775" y="229355"/>
                  </a:lnTo>
                  <a:lnTo>
                    <a:pt x="565534" y="210119"/>
                  </a:lnTo>
                  <a:lnTo>
                    <a:pt x="573647" y="201798"/>
                  </a:lnTo>
                  <a:lnTo>
                    <a:pt x="573647" y="213429"/>
                  </a:lnTo>
                  <a:close/>
                  <a:moveTo>
                    <a:pt x="441704" y="47785"/>
                  </a:moveTo>
                  <a:cubicBezTo>
                    <a:pt x="441704" y="30517"/>
                    <a:pt x="455751" y="16440"/>
                    <a:pt x="473049" y="16440"/>
                  </a:cubicBezTo>
                  <a:cubicBezTo>
                    <a:pt x="490318" y="16440"/>
                    <a:pt x="504395" y="30487"/>
                    <a:pt x="504395" y="47785"/>
                  </a:cubicBezTo>
                  <a:cubicBezTo>
                    <a:pt x="504395" y="57717"/>
                    <a:pt x="494940" y="79131"/>
                    <a:pt x="473049" y="79131"/>
                  </a:cubicBezTo>
                  <a:cubicBezTo>
                    <a:pt x="446088" y="79101"/>
                    <a:pt x="441704" y="57687"/>
                    <a:pt x="441704" y="47785"/>
                  </a:cubicBezTo>
                  <a:close/>
                  <a:moveTo>
                    <a:pt x="484591" y="94460"/>
                  </a:moveTo>
                  <a:lnTo>
                    <a:pt x="484591" y="99829"/>
                  </a:lnTo>
                  <a:lnTo>
                    <a:pt x="484591" y="113936"/>
                  </a:lnTo>
                  <a:lnTo>
                    <a:pt x="484591" y="118648"/>
                  </a:lnTo>
                  <a:lnTo>
                    <a:pt x="479879" y="118648"/>
                  </a:lnTo>
                  <a:lnTo>
                    <a:pt x="466220" y="118648"/>
                  </a:lnTo>
                  <a:lnTo>
                    <a:pt x="461507" y="118648"/>
                  </a:lnTo>
                  <a:lnTo>
                    <a:pt x="461507" y="113936"/>
                  </a:lnTo>
                  <a:lnTo>
                    <a:pt x="461507" y="99829"/>
                  </a:lnTo>
                  <a:lnTo>
                    <a:pt x="461507" y="94460"/>
                  </a:lnTo>
                  <a:lnTo>
                    <a:pt x="466846" y="95146"/>
                  </a:lnTo>
                  <a:cubicBezTo>
                    <a:pt x="467830" y="95266"/>
                    <a:pt x="468814" y="95385"/>
                    <a:pt x="469769" y="95445"/>
                  </a:cubicBezTo>
                  <a:lnTo>
                    <a:pt x="469978" y="95474"/>
                  </a:lnTo>
                  <a:lnTo>
                    <a:pt x="470097" y="95474"/>
                  </a:lnTo>
                  <a:cubicBezTo>
                    <a:pt x="471200" y="95534"/>
                    <a:pt x="472184" y="95564"/>
                    <a:pt x="473079" y="95564"/>
                  </a:cubicBezTo>
                  <a:cubicBezTo>
                    <a:pt x="473974" y="95564"/>
                    <a:pt x="474928" y="95534"/>
                    <a:pt x="476091" y="95445"/>
                  </a:cubicBezTo>
                  <a:lnTo>
                    <a:pt x="476211" y="95445"/>
                  </a:lnTo>
                  <a:lnTo>
                    <a:pt x="476390" y="95445"/>
                  </a:lnTo>
                  <a:cubicBezTo>
                    <a:pt x="477374" y="95385"/>
                    <a:pt x="478358" y="95266"/>
                    <a:pt x="479312" y="95146"/>
                  </a:cubicBezTo>
                  <a:lnTo>
                    <a:pt x="484591" y="94460"/>
                  </a:lnTo>
                  <a:close/>
                  <a:moveTo>
                    <a:pt x="365115" y="136572"/>
                  </a:moveTo>
                  <a:lnTo>
                    <a:pt x="366517" y="135141"/>
                  </a:lnTo>
                  <a:lnTo>
                    <a:pt x="368515" y="135141"/>
                  </a:lnTo>
                  <a:lnTo>
                    <a:pt x="453276" y="135141"/>
                  </a:lnTo>
                  <a:lnTo>
                    <a:pt x="467621" y="135141"/>
                  </a:lnTo>
                  <a:lnTo>
                    <a:pt x="478776" y="135141"/>
                  </a:lnTo>
                  <a:lnTo>
                    <a:pt x="471021" y="143163"/>
                  </a:lnTo>
                  <a:lnTo>
                    <a:pt x="381250" y="235947"/>
                  </a:lnTo>
                  <a:lnTo>
                    <a:pt x="379849" y="237378"/>
                  </a:lnTo>
                  <a:lnTo>
                    <a:pt x="377850" y="237378"/>
                  </a:lnTo>
                  <a:lnTo>
                    <a:pt x="277999" y="237378"/>
                  </a:lnTo>
                  <a:lnTo>
                    <a:pt x="266785" y="237378"/>
                  </a:lnTo>
                  <a:lnTo>
                    <a:pt x="274629" y="229355"/>
                  </a:lnTo>
                  <a:lnTo>
                    <a:pt x="365115" y="136572"/>
                  </a:lnTo>
                  <a:close/>
                  <a:moveTo>
                    <a:pt x="467592" y="293448"/>
                  </a:moveTo>
                  <a:lnTo>
                    <a:pt x="478746" y="293448"/>
                  </a:lnTo>
                  <a:lnTo>
                    <a:pt x="470991" y="301470"/>
                  </a:lnTo>
                  <a:lnTo>
                    <a:pt x="381280" y="394194"/>
                  </a:lnTo>
                  <a:lnTo>
                    <a:pt x="379878" y="395626"/>
                  </a:lnTo>
                  <a:lnTo>
                    <a:pt x="377880" y="395626"/>
                  </a:lnTo>
                  <a:lnTo>
                    <a:pt x="278029" y="395626"/>
                  </a:lnTo>
                  <a:lnTo>
                    <a:pt x="266815" y="395626"/>
                  </a:lnTo>
                  <a:lnTo>
                    <a:pt x="274659" y="387603"/>
                  </a:lnTo>
                  <a:lnTo>
                    <a:pt x="365145" y="294879"/>
                  </a:lnTo>
                  <a:lnTo>
                    <a:pt x="366547" y="293448"/>
                  </a:lnTo>
                  <a:lnTo>
                    <a:pt x="368545" y="293448"/>
                  </a:lnTo>
                  <a:lnTo>
                    <a:pt x="467592" y="293448"/>
                  </a:lnTo>
                  <a:close/>
                  <a:moveTo>
                    <a:pt x="461478" y="276955"/>
                  </a:moveTo>
                  <a:lnTo>
                    <a:pt x="461478" y="272243"/>
                  </a:lnTo>
                  <a:lnTo>
                    <a:pt x="461478" y="258583"/>
                  </a:lnTo>
                  <a:lnTo>
                    <a:pt x="461478" y="253871"/>
                  </a:lnTo>
                  <a:lnTo>
                    <a:pt x="466190" y="253871"/>
                  </a:lnTo>
                  <a:lnTo>
                    <a:pt x="479849" y="253871"/>
                  </a:lnTo>
                  <a:lnTo>
                    <a:pt x="484562" y="253871"/>
                  </a:lnTo>
                  <a:lnTo>
                    <a:pt x="484562" y="258583"/>
                  </a:lnTo>
                  <a:lnTo>
                    <a:pt x="484562" y="272243"/>
                  </a:lnTo>
                  <a:lnTo>
                    <a:pt x="484562" y="276955"/>
                  </a:lnTo>
                  <a:lnTo>
                    <a:pt x="479849" y="276955"/>
                  </a:lnTo>
                  <a:lnTo>
                    <a:pt x="466190" y="276955"/>
                  </a:lnTo>
                  <a:lnTo>
                    <a:pt x="461478" y="276955"/>
                  </a:lnTo>
                  <a:close/>
                  <a:moveTo>
                    <a:pt x="445044" y="258553"/>
                  </a:moveTo>
                  <a:lnTo>
                    <a:pt x="445044" y="272213"/>
                  </a:lnTo>
                  <a:lnTo>
                    <a:pt x="445044" y="276925"/>
                  </a:lnTo>
                  <a:lnTo>
                    <a:pt x="440332" y="276925"/>
                  </a:lnTo>
                  <a:lnTo>
                    <a:pt x="149725" y="276925"/>
                  </a:lnTo>
                  <a:lnTo>
                    <a:pt x="145012" y="276925"/>
                  </a:lnTo>
                  <a:lnTo>
                    <a:pt x="145012" y="272213"/>
                  </a:lnTo>
                  <a:lnTo>
                    <a:pt x="145012" y="258553"/>
                  </a:lnTo>
                  <a:lnTo>
                    <a:pt x="145012" y="253841"/>
                  </a:lnTo>
                  <a:lnTo>
                    <a:pt x="149725" y="253841"/>
                  </a:lnTo>
                  <a:lnTo>
                    <a:pt x="247250" y="253841"/>
                  </a:lnTo>
                  <a:lnTo>
                    <a:pt x="383338" y="253841"/>
                  </a:lnTo>
                  <a:lnTo>
                    <a:pt x="440332" y="253841"/>
                  </a:lnTo>
                  <a:lnTo>
                    <a:pt x="445044" y="253841"/>
                  </a:lnTo>
                  <a:lnTo>
                    <a:pt x="445044" y="258553"/>
                  </a:lnTo>
                  <a:close/>
                  <a:moveTo>
                    <a:pt x="261804" y="47785"/>
                  </a:moveTo>
                  <a:cubicBezTo>
                    <a:pt x="261804" y="37764"/>
                    <a:pt x="266546" y="28817"/>
                    <a:pt x="273883" y="23091"/>
                  </a:cubicBezTo>
                  <a:cubicBezTo>
                    <a:pt x="279430" y="18498"/>
                    <a:pt x="286558" y="15724"/>
                    <a:pt x="294313" y="15724"/>
                  </a:cubicBezTo>
                  <a:cubicBezTo>
                    <a:pt x="311998" y="15724"/>
                    <a:pt x="326404" y="30100"/>
                    <a:pt x="326404" y="47815"/>
                  </a:cubicBezTo>
                  <a:cubicBezTo>
                    <a:pt x="326404" y="65531"/>
                    <a:pt x="312028" y="79906"/>
                    <a:pt x="294313" y="79906"/>
                  </a:cubicBezTo>
                  <a:cubicBezTo>
                    <a:pt x="286290" y="79906"/>
                    <a:pt x="278953" y="76924"/>
                    <a:pt x="273316" y="72033"/>
                  </a:cubicBezTo>
                  <a:cubicBezTo>
                    <a:pt x="265980" y="65978"/>
                    <a:pt x="261804" y="57240"/>
                    <a:pt x="261804" y="47785"/>
                  </a:cubicBezTo>
                  <a:close/>
                  <a:moveTo>
                    <a:pt x="304691" y="94460"/>
                  </a:moveTo>
                  <a:lnTo>
                    <a:pt x="304691" y="99829"/>
                  </a:lnTo>
                  <a:lnTo>
                    <a:pt x="304691" y="113936"/>
                  </a:lnTo>
                  <a:lnTo>
                    <a:pt x="304691" y="118648"/>
                  </a:lnTo>
                  <a:lnTo>
                    <a:pt x="299949" y="118648"/>
                  </a:lnTo>
                  <a:lnTo>
                    <a:pt x="286290" y="118648"/>
                  </a:lnTo>
                  <a:lnTo>
                    <a:pt x="281578" y="118648"/>
                  </a:lnTo>
                  <a:lnTo>
                    <a:pt x="281578" y="113936"/>
                  </a:lnTo>
                  <a:lnTo>
                    <a:pt x="281578" y="99829"/>
                  </a:lnTo>
                  <a:lnTo>
                    <a:pt x="281578" y="94460"/>
                  </a:lnTo>
                  <a:lnTo>
                    <a:pt x="286916" y="95146"/>
                  </a:lnTo>
                  <a:cubicBezTo>
                    <a:pt x="287900" y="95266"/>
                    <a:pt x="288885" y="95385"/>
                    <a:pt x="289839" y="95445"/>
                  </a:cubicBezTo>
                  <a:lnTo>
                    <a:pt x="290048" y="95474"/>
                  </a:lnTo>
                  <a:lnTo>
                    <a:pt x="290137" y="95474"/>
                  </a:lnTo>
                  <a:cubicBezTo>
                    <a:pt x="291271" y="95534"/>
                    <a:pt x="292225" y="95564"/>
                    <a:pt x="293120" y="95564"/>
                  </a:cubicBezTo>
                  <a:cubicBezTo>
                    <a:pt x="294014" y="95564"/>
                    <a:pt x="294969" y="95534"/>
                    <a:pt x="296132" y="95445"/>
                  </a:cubicBezTo>
                  <a:lnTo>
                    <a:pt x="296221" y="95445"/>
                  </a:lnTo>
                  <a:lnTo>
                    <a:pt x="296430" y="95415"/>
                  </a:lnTo>
                  <a:cubicBezTo>
                    <a:pt x="297385" y="95355"/>
                    <a:pt x="298369" y="95236"/>
                    <a:pt x="299353" y="95117"/>
                  </a:cubicBezTo>
                  <a:lnTo>
                    <a:pt x="304691" y="94460"/>
                  </a:lnTo>
                  <a:close/>
                  <a:moveTo>
                    <a:pt x="229027" y="136572"/>
                  </a:moveTo>
                  <a:lnTo>
                    <a:pt x="230429" y="135141"/>
                  </a:lnTo>
                  <a:lnTo>
                    <a:pt x="232427" y="135141"/>
                  </a:lnTo>
                  <a:lnTo>
                    <a:pt x="273376" y="135141"/>
                  </a:lnTo>
                  <a:lnTo>
                    <a:pt x="312953" y="135141"/>
                  </a:lnTo>
                  <a:lnTo>
                    <a:pt x="332339" y="135141"/>
                  </a:lnTo>
                  <a:lnTo>
                    <a:pt x="343553" y="135141"/>
                  </a:lnTo>
                  <a:lnTo>
                    <a:pt x="335709" y="143163"/>
                  </a:lnTo>
                  <a:lnTo>
                    <a:pt x="245162" y="235947"/>
                  </a:lnTo>
                  <a:lnTo>
                    <a:pt x="243761" y="237378"/>
                  </a:lnTo>
                  <a:lnTo>
                    <a:pt x="241762" y="237378"/>
                  </a:lnTo>
                  <a:lnTo>
                    <a:pt x="141881" y="237378"/>
                  </a:lnTo>
                  <a:lnTo>
                    <a:pt x="130667" y="237378"/>
                  </a:lnTo>
                  <a:lnTo>
                    <a:pt x="138511" y="229355"/>
                  </a:lnTo>
                  <a:lnTo>
                    <a:pt x="229027" y="136572"/>
                  </a:lnTo>
                  <a:close/>
                  <a:moveTo>
                    <a:pt x="84887" y="47785"/>
                  </a:moveTo>
                  <a:cubicBezTo>
                    <a:pt x="84887" y="30100"/>
                    <a:pt x="99262" y="15695"/>
                    <a:pt x="116978" y="15695"/>
                  </a:cubicBezTo>
                  <a:cubicBezTo>
                    <a:pt x="134693" y="15695"/>
                    <a:pt x="149039" y="30100"/>
                    <a:pt x="149039" y="47785"/>
                  </a:cubicBezTo>
                  <a:cubicBezTo>
                    <a:pt x="149039" y="65471"/>
                    <a:pt x="134663" y="79876"/>
                    <a:pt x="116948" y="79876"/>
                  </a:cubicBezTo>
                  <a:cubicBezTo>
                    <a:pt x="99232" y="79876"/>
                    <a:pt x="84887" y="65471"/>
                    <a:pt x="84887" y="47785"/>
                  </a:cubicBezTo>
                  <a:close/>
                  <a:moveTo>
                    <a:pt x="128490" y="94460"/>
                  </a:moveTo>
                  <a:lnTo>
                    <a:pt x="128490" y="99829"/>
                  </a:lnTo>
                  <a:lnTo>
                    <a:pt x="128490" y="113936"/>
                  </a:lnTo>
                  <a:lnTo>
                    <a:pt x="128490" y="118648"/>
                  </a:lnTo>
                  <a:lnTo>
                    <a:pt x="123778" y="118648"/>
                  </a:lnTo>
                  <a:lnTo>
                    <a:pt x="110118" y="118648"/>
                  </a:lnTo>
                  <a:lnTo>
                    <a:pt x="105406" y="118648"/>
                  </a:lnTo>
                  <a:lnTo>
                    <a:pt x="105406" y="113936"/>
                  </a:lnTo>
                  <a:lnTo>
                    <a:pt x="105406" y="99829"/>
                  </a:lnTo>
                  <a:lnTo>
                    <a:pt x="105406" y="94460"/>
                  </a:lnTo>
                  <a:lnTo>
                    <a:pt x="110744" y="95146"/>
                  </a:lnTo>
                  <a:cubicBezTo>
                    <a:pt x="111699" y="95266"/>
                    <a:pt x="112683" y="95355"/>
                    <a:pt x="113667" y="95445"/>
                  </a:cubicBezTo>
                  <a:lnTo>
                    <a:pt x="113846" y="95445"/>
                  </a:lnTo>
                  <a:lnTo>
                    <a:pt x="113965" y="95445"/>
                  </a:lnTo>
                  <a:cubicBezTo>
                    <a:pt x="115099" y="95504"/>
                    <a:pt x="116053" y="95534"/>
                    <a:pt x="116948" y="95534"/>
                  </a:cubicBezTo>
                  <a:cubicBezTo>
                    <a:pt x="117843" y="95534"/>
                    <a:pt x="118797" y="95504"/>
                    <a:pt x="119960" y="95415"/>
                  </a:cubicBezTo>
                  <a:lnTo>
                    <a:pt x="120050" y="95415"/>
                  </a:lnTo>
                  <a:lnTo>
                    <a:pt x="120258" y="95385"/>
                  </a:lnTo>
                  <a:cubicBezTo>
                    <a:pt x="121213" y="95325"/>
                    <a:pt x="122197" y="95206"/>
                    <a:pt x="123181" y="95087"/>
                  </a:cubicBezTo>
                  <a:lnTo>
                    <a:pt x="128490" y="94460"/>
                  </a:lnTo>
                  <a:close/>
                  <a:moveTo>
                    <a:pt x="16380" y="178893"/>
                  </a:moveTo>
                  <a:lnTo>
                    <a:pt x="16380" y="139853"/>
                  </a:lnTo>
                  <a:lnTo>
                    <a:pt x="16380" y="135141"/>
                  </a:lnTo>
                  <a:lnTo>
                    <a:pt x="21093" y="135141"/>
                  </a:lnTo>
                  <a:lnTo>
                    <a:pt x="59178" y="135141"/>
                  </a:lnTo>
                  <a:lnTo>
                    <a:pt x="70392" y="135141"/>
                  </a:lnTo>
                  <a:lnTo>
                    <a:pt x="62548" y="143163"/>
                  </a:lnTo>
                  <a:lnTo>
                    <a:pt x="24493" y="182173"/>
                  </a:lnTo>
                  <a:lnTo>
                    <a:pt x="16380" y="190494"/>
                  </a:lnTo>
                  <a:lnTo>
                    <a:pt x="16380" y="178893"/>
                  </a:lnTo>
                  <a:close/>
                  <a:moveTo>
                    <a:pt x="28549" y="237378"/>
                  </a:moveTo>
                  <a:lnTo>
                    <a:pt x="23837" y="237378"/>
                  </a:lnTo>
                  <a:lnTo>
                    <a:pt x="23837" y="232666"/>
                  </a:lnTo>
                  <a:lnTo>
                    <a:pt x="23837" y="208359"/>
                  </a:lnTo>
                  <a:lnTo>
                    <a:pt x="23837" y="206421"/>
                  </a:lnTo>
                  <a:lnTo>
                    <a:pt x="25179" y="205049"/>
                  </a:lnTo>
                  <a:lnTo>
                    <a:pt x="91985" y="136572"/>
                  </a:lnTo>
                  <a:lnTo>
                    <a:pt x="93387" y="135141"/>
                  </a:lnTo>
                  <a:lnTo>
                    <a:pt x="95385" y="135141"/>
                  </a:lnTo>
                  <a:lnTo>
                    <a:pt x="97174" y="135141"/>
                  </a:lnTo>
                  <a:lnTo>
                    <a:pt x="136751" y="135141"/>
                  </a:lnTo>
                  <a:lnTo>
                    <a:pt x="196251" y="135141"/>
                  </a:lnTo>
                  <a:lnTo>
                    <a:pt x="207464" y="135141"/>
                  </a:lnTo>
                  <a:lnTo>
                    <a:pt x="199621" y="143163"/>
                  </a:lnTo>
                  <a:lnTo>
                    <a:pt x="109074" y="235947"/>
                  </a:lnTo>
                  <a:lnTo>
                    <a:pt x="107673" y="237378"/>
                  </a:lnTo>
                  <a:lnTo>
                    <a:pt x="105674" y="237378"/>
                  </a:lnTo>
                  <a:lnTo>
                    <a:pt x="97145" y="237378"/>
                  </a:lnTo>
                  <a:lnTo>
                    <a:pt x="28549" y="237378"/>
                  </a:lnTo>
                  <a:close/>
                  <a:moveTo>
                    <a:pt x="128490" y="253841"/>
                  </a:moveTo>
                  <a:lnTo>
                    <a:pt x="128490" y="258553"/>
                  </a:lnTo>
                  <a:lnTo>
                    <a:pt x="128490" y="272213"/>
                  </a:lnTo>
                  <a:lnTo>
                    <a:pt x="128490" y="276925"/>
                  </a:lnTo>
                  <a:lnTo>
                    <a:pt x="123778" y="276925"/>
                  </a:lnTo>
                  <a:lnTo>
                    <a:pt x="110118" y="276925"/>
                  </a:lnTo>
                  <a:lnTo>
                    <a:pt x="105406" y="276925"/>
                  </a:lnTo>
                  <a:lnTo>
                    <a:pt x="105406" y="272213"/>
                  </a:lnTo>
                  <a:lnTo>
                    <a:pt x="105406" y="258553"/>
                  </a:lnTo>
                  <a:lnTo>
                    <a:pt x="105406" y="253841"/>
                  </a:lnTo>
                  <a:lnTo>
                    <a:pt x="110118" y="253841"/>
                  </a:lnTo>
                  <a:lnTo>
                    <a:pt x="111132" y="253841"/>
                  </a:lnTo>
                  <a:lnTo>
                    <a:pt x="123778" y="253841"/>
                  </a:lnTo>
                  <a:lnTo>
                    <a:pt x="128490" y="253841"/>
                  </a:lnTo>
                  <a:close/>
                  <a:moveTo>
                    <a:pt x="16380" y="337200"/>
                  </a:moveTo>
                  <a:lnTo>
                    <a:pt x="16380" y="298130"/>
                  </a:lnTo>
                  <a:lnTo>
                    <a:pt x="16380" y="293418"/>
                  </a:lnTo>
                  <a:lnTo>
                    <a:pt x="21093" y="293418"/>
                  </a:lnTo>
                  <a:lnTo>
                    <a:pt x="59238" y="293418"/>
                  </a:lnTo>
                  <a:lnTo>
                    <a:pt x="70452" y="293418"/>
                  </a:lnTo>
                  <a:lnTo>
                    <a:pt x="62608" y="301441"/>
                  </a:lnTo>
                  <a:lnTo>
                    <a:pt x="24463" y="340510"/>
                  </a:lnTo>
                  <a:lnTo>
                    <a:pt x="16351" y="348831"/>
                  </a:lnTo>
                  <a:lnTo>
                    <a:pt x="16351" y="337200"/>
                  </a:lnTo>
                  <a:close/>
                  <a:moveTo>
                    <a:pt x="28549" y="395655"/>
                  </a:moveTo>
                  <a:lnTo>
                    <a:pt x="23837" y="395655"/>
                  </a:lnTo>
                  <a:lnTo>
                    <a:pt x="23837" y="390943"/>
                  </a:lnTo>
                  <a:lnTo>
                    <a:pt x="23837" y="366696"/>
                  </a:lnTo>
                  <a:lnTo>
                    <a:pt x="23837" y="364758"/>
                  </a:lnTo>
                  <a:lnTo>
                    <a:pt x="25179" y="363386"/>
                  </a:lnTo>
                  <a:lnTo>
                    <a:pt x="91985" y="294909"/>
                  </a:lnTo>
                  <a:lnTo>
                    <a:pt x="93387" y="293478"/>
                  </a:lnTo>
                  <a:lnTo>
                    <a:pt x="95385" y="293478"/>
                  </a:lnTo>
                  <a:lnTo>
                    <a:pt x="196221" y="293478"/>
                  </a:lnTo>
                  <a:lnTo>
                    <a:pt x="207435" y="293478"/>
                  </a:lnTo>
                  <a:lnTo>
                    <a:pt x="199591" y="301500"/>
                  </a:lnTo>
                  <a:lnTo>
                    <a:pt x="109104" y="394224"/>
                  </a:lnTo>
                  <a:lnTo>
                    <a:pt x="107702" y="395655"/>
                  </a:lnTo>
                  <a:lnTo>
                    <a:pt x="105704" y="395655"/>
                  </a:lnTo>
                  <a:lnTo>
                    <a:pt x="97115" y="395655"/>
                  </a:lnTo>
                  <a:lnTo>
                    <a:pt x="28549" y="395655"/>
                  </a:lnTo>
                  <a:close/>
                  <a:moveTo>
                    <a:pt x="128490" y="416831"/>
                  </a:moveTo>
                  <a:lnTo>
                    <a:pt x="128490" y="568964"/>
                  </a:lnTo>
                  <a:lnTo>
                    <a:pt x="128490" y="573676"/>
                  </a:lnTo>
                  <a:lnTo>
                    <a:pt x="123778" y="573676"/>
                  </a:lnTo>
                  <a:lnTo>
                    <a:pt x="110118" y="573676"/>
                  </a:lnTo>
                  <a:lnTo>
                    <a:pt x="105406" y="573676"/>
                  </a:lnTo>
                  <a:lnTo>
                    <a:pt x="105406" y="568964"/>
                  </a:lnTo>
                  <a:lnTo>
                    <a:pt x="105406" y="416890"/>
                  </a:lnTo>
                  <a:lnTo>
                    <a:pt x="105406" y="412178"/>
                  </a:lnTo>
                  <a:lnTo>
                    <a:pt x="110118" y="412178"/>
                  </a:lnTo>
                  <a:lnTo>
                    <a:pt x="111132" y="412178"/>
                  </a:lnTo>
                  <a:cubicBezTo>
                    <a:pt x="111401" y="412178"/>
                    <a:pt x="111669" y="412178"/>
                    <a:pt x="111937" y="412148"/>
                  </a:cubicBezTo>
                  <a:lnTo>
                    <a:pt x="112176" y="412118"/>
                  </a:lnTo>
                  <a:lnTo>
                    <a:pt x="112415" y="412118"/>
                  </a:lnTo>
                  <a:lnTo>
                    <a:pt x="123778" y="412118"/>
                  </a:lnTo>
                  <a:lnTo>
                    <a:pt x="128490" y="412118"/>
                  </a:lnTo>
                  <a:lnTo>
                    <a:pt x="128490" y="416831"/>
                  </a:lnTo>
                  <a:close/>
                  <a:moveTo>
                    <a:pt x="141941" y="395655"/>
                  </a:moveTo>
                  <a:lnTo>
                    <a:pt x="130727" y="395655"/>
                  </a:lnTo>
                  <a:lnTo>
                    <a:pt x="138570" y="387633"/>
                  </a:lnTo>
                  <a:lnTo>
                    <a:pt x="229117" y="294849"/>
                  </a:lnTo>
                  <a:lnTo>
                    <a:pt x="230519" y="293418"/>
                  </a:lnTo>
                  <a:lnTo>
                    <a:pt x="232517" y="293418"/>
                  </a:lnTo>
                  <a:lnTo>
                    <a:pt x="332398" y="293418"/>
                  </a:lnTo>
                  <a:lnTo>
                    <a:pt x="343612" y="293418"/>
                  </a:lnTo>
                  <a:lnTo>
                    <a:pt x="335768" y="301441"/>
                  </a:lnTo>
                  <a:lnTo>
                    <a:pt x="245222" y="394224"/>
                  </a:lnTo>
                  <a:lnTo>
                    <a:pt x="243820" y="395655"/>
                  </a:lnTo>
                  <a:lnTo>
                    <a:pt x="241822" y="395655"/>
                  </a:lnTo>
                  <a:lnTo>
                    <a:pt x="141941" y="395655"/>
                  </a:lnTo>
                  <a:close/>
                  <a:moveTo>
                    <a:pt x="445044" y="486053"/>
                  </a:moveTo>
                  <a:lnTo>
                    <a:pt x="445044" y="519486"/>
                  </a:lnTo>
                  <a:lnTo>
                    <a:pt x="445044" y="524198"/>
                  </a:lnTo>
                  <a:lnTo>
                    <a:pt x="440332" y="524198"/>
                  </a:lnTo>
                  <a:lnTo>
                    <a:pt x="149725" y="524198"/>
                  </a:lnTo>
                  <a:lnTo>
                    <a:pt x="145012" y="524198"/>
                  </a:lnTo>
                  <a:lnTo>
                    <a:pt x="145012" y="519486"/>
                  </a:lnTo>
                  <a:lnTo>
                    <a:pt x="145012" y="486053"/>
                  </a:lnTo>
                  <a:lnTo>
                    <a:pt x="145012" y="481340"/>
                  </a:lnTo>
                  <a:lnTo>
                    <a:pt x="149725" y="481340"/>
                  </a:lnTo>
                  <a:lnTo>
                    <a:pt x="440332" y="481340"/>
                  </a:lnTo>
                  <a:lnTo>
                    <a:pt x="445044" y="481340"/>
                  </a:lnTo>
                  <a:lnTo>
                    <a:pt x="445044" y="486053"/>
                  </a:lnTo>
                  <a:close/>
                  <a:moveTo>
                    <a:pt x="445044" y="416890"/>
                  </a:moveTo>
                  <a:lnTo>
                    <a:pt x="445044" y="460165"/>
                  </a:lnTo>
                  <a:lnTo>
                    <a:pt x="445044" y="464878"/>
                  </a:lnTo>
                  <a:lnTo>
                    <a:pt x="440332" y="464878"/>
                  </a:lnTo>
                  <a:lnTo>
                    <a:pt x="149725" y="464878"/>
                  </a:lnTo>
                  <a:lnTo>
                    <a:pt x="145012" y="464878"/>
                  </a:lnTo>
                  <a:lnTo>
                    <a:pt x="145012" y="460165"/>
                  </a:lnTo>
                  <a:lnTo>
                    <a:pt x="145012" y="416831"/>
                  </a:lnTo>
                  <a:lnTo>
                    <a:pt x="145012" y="412118"/>
                  </a:lnTo>
                  <a:lnTo>
                    <a:pt x="383368" y="412178"/>
                  </a:lnTo>
                  <a:lnTo>
                    <a:pt x="440362" y="412178"/>
                  </a:lnTo>
                  <a:lnTo>
                    <a:pt x="445074" y="412178"/>
                  </a:lnTo>
                  <a:lnTo>
                    <a:pt x="445074" y="416890"/>
                  </a:lnTo>
                  <a:close/>
                  <a:moveTo>
                    <a:pt x="484591" y="416890"/>
                  </a:moveTo>
                  <a:lnTo>
                    <a:pt x="484591" y="568964"/>
                  </a:lnTo>
                  <a:lnTo>
                    <a:pt x="484591" y="573676"/>
                  </a:lnTo>
                  <a:lnTo>
                    <a:pt x="479879" y="573676"/>
                  </a:lnTo>
                  <a:lnTo>
                    <a:pt x="466220" y="573676"/>
                  </a:lnTo>
                  <a:lnTo>
                    <a:pt x="461507" y="573676"/>
                  </a:lnTo>
                  <a:lnTo>
                    <a:pt x="461507" y="568964"/>
                  </a:lnTo>
                  <a:lnTo>
                    <a:pt x="461507" y="532489"/>
                  </a:lnTo>
                  <a:lnTo>
                    <a:pt x="461507" y="532370"/>
                  </a:lnTo>
                  <a:lnTo>
                    <a:pt x="461507" y="532370"/>
                  </a:lnTo>
                  <a:lnTo>
                    <a:pt x="461507" y="473258"/>
                  </a:lnTo>
                  <a:lnTo>
                    <a:pt x="461507" y="473258"/>
                  </a:lnTo>
                  <a:lnTo>
                    <a:pt x="461507" y="473139"/>
                  </a:lnTo>
                  <a:lnTo>
                    <a:pt x="461507" y="416920"/>
                  </a:lnTo>
                  <a:lnTo>
                    <a:pt x="461507" y="412208"/>
                  </a:lnTo>
                  <a:lnTo>
                    <a:pt x="466220" y="412208"/>
                  </a:lnTo>
                  <a:lnTo>
                    <a:pt x="479879" y="412208"/>
                  </a:lnTo>
                  <a:lnTo>
                    <a:pt x="484591" y="412208"/>
                  </a:lnTo>
                  <a:lnTo>
                    <a:pt x="484591" y="416890"/>
                  </a:lnTo>
                  <a:close/>
                  <a:moveTo>
                    <a:pt x="573617" y="371736"/>
                  </a:moveTo>
                  <a:lnTo>
                    <a:pt x="573617" y="390913"/>
                  </a:lnTo>
                  <a:lnTo>
                    <a:pt x="573617" y="395626"/>
                  </a:lnTo>
                  <a:lnTo>
                    <a:pt x="568904" y="395626"/>
                  </a:lnTo>
                  <a:lnTo>
                    <a:pt x="550175" y="395626"/>
                  </a:lnTo>
                  <a:lnTo>
                    <a:pt x="538961" y="395626"/>
                  </a:lnTo>
                  <a:lnTo>
                    <a:pt x="546805" y="387603"/>
                  </a:lnTo>
                  <a:lnTo>
                    <a:pt x="565505" y="368426"/>
                  </a:lnTo>
                  <a:lnTo>
                    <a:pt x="573617" y="360105"/>
                  </a:lnTo>
                  <a:lnTo>
                    <a:pt x="573617" y="371736"/>
                  </a:lnTo>
                  <a:close/>
                  <a:moveTo>
                    <a:pt x="501203" y="294879"/>
                  </a:moveTo>
                  <a:lnTo>
                    <a:pt x="502605" y="293448"/>
                  </a:lnTo>
                  <a:lnTo>
                    <a:pt x="504603" y="293448"/>
                  </a:lnTo>
                  <a:lnTo>
                    <a:pt x="561478" y="293448"/>
                  </a:lnTo>
                  <a:lnTo>
                    <a:pt x="566191" y="293448"/>
                  </a:lnTo>
                  <a:lnTo>
                    <a:pt x="566191" y="298160"/>
                  </a:lnTo>
                  <a:lnTo>
                    <a:pt x="566191" y="342240"/>
                  </a:lnTo>
                  <a:lnTo>
                    <a:pt x="566191" y="344179"/>
                  </a:lnTo>
                  <a:lnTo>
                    <a:pt x="564848" y="345551"/>
                  </a:lnTo>
                  <a:lnTo>
                    <a:pt x="517368" y="394224"/>
                  </a:lnTo>
                  <a:lnTo>
                    <a:pt x="515966" y="395655"/>
                  </a:lnTo>
                  <a:lnTo>
                    <a:pt x="513968" y="395655"/>
                  </a:lnTo>
                  <a:lnTo>
                    <a:pt x="492793" y="395655"/>
                  </a:lnTo>
                  <a:lnTo>
                    <a:pt x="453246" y="395655"/>
                  </a:lnTo>
                  <a:lnTo>
                    <a:pt x="414087" y="395655"/>
                  </a:lnTo>
                  <a:lnTo>
                    <a:pt x="402873" y="395655"/>
                  </a:lnTo>
                  <a:lnTo>
                    <a:pt x="410717" y="387633"/>
                  </a:lnTo>
                  <a:lnTo>
                    <a:pt x="501203" y="294879"/>
                  </a:lnTo>
                  <a:close/>
                  <a:moveTo>
                    <a:pt x="492823" y="237378"/>
                  </a:moveTo>
                  <a:lnTo>
                    <a:pt x="453246" y="237378"/>
                  </a:lnTo>
                  <a:lnTo>
                    <a:pt x="414027" y="237378"/>
                  </a:lnTo>
                  <a:lnTo>
                    <a:pt x="402843" y="237378"/>
                  </a:lnTo>
                  <a:lnTo>
                    <a:pt x="410687" y="229355"/>
                  </a:lnTo>
                  <a:lnTo>
                    <a:pt x="501233" y="136572"/>
                  </a:lnTo>
                  <a:lnTo>
                    <a:pt x="502635" y="135141"/>
                  </a:lnTo>
                  <a:lnTo>
                    <a:pt x="504633" y="135141"/>
                  </a:lnTo>
                  <a:lnTo>
                    <a:pt x="561508" y="135141"/>
                  </a:lnTo>
                  <a:lnTo>
                    <a:pt x="566220" y="135141"/>
                  </a:lnTo>
                  <a:lnTo>
                    <a:pt x="566220" y="139853"/>
                  </a:lnTo>
                  <a:lnTo>
                    <a:pt x="566220" y="183933"/>
                  </a:lnTo>
                  <a:lnTo>
                    <a:pt x="566220" y="185872"/>
                  </a:lnTo>
                  <a:lnTo>
                    <a:pt x="564878" y="187244"/>
                  </a:lnTo>
                  <a:lnTo>
                    <a:pt x="517368" y="235947"/>
                  </a:lnTo>
                  <a:lnTo>
                    <a:pt x="515966" y="237378"/>
                  </a:lnTo>
                  <a:lnTo>
                    <a:pt x="513968" y="237378"/>
                  </a:lnTo>
                  <a:lnTo>
                    <a:pt x="492823" y="237378"/>
                  </a:lnTo>
                  <a:close/>
                </a:path>
              </a:pathLst>
            </a:custGeom>
            <a:grpFill/>
            <a:ln w="298" cap="flat">
              <a:noFill/>
              <a:prstDash val="solid"/>
              <a:miter/>
            </a:ln>
          </p:spPr>
          <p:txBody>
            <a:bodyPr rtlCol="0" anchor="ctr"/>
            <a:lstStyle/>
            <a:p>
              <a:endParaRPr lang="da-DK" baseline="30000" noProof="0"/>
            </a:p>
          </p:txBody>
        </p:sp>
        <p:sp>
          <p:nvSpPr>
            <p:cNvPr id="18" name="Freeform: Shape 3">
              <a:extLst>
                <a:ext uri="{FF2B5EF4-FFF2-40B4-BE49-F238E27FC236}">
                  <a16:creationId xmlns:a16="http://schemas.microsoft.com/office/drawing/2014/main" id="{76238E91-E47B-A6D5-ABCA-D55FE309800C}"/>
                </a:ext>
              </a:extLst>
            </p:cNvPr>
            <p:cNvSpPr/>
            <p:nvPr/>
          </p:nvSpPr>
          <p:spPr>
            <a:xfrm>
              <a:off x="1046840" y="2028991"/>
              <a:ext cx="64420" cy="64420"/>
            </a:xfrm>
            <a:custGeom>
              <a:avLst/>
              <a:gdLst>
                <a:gd name="connsiteX0" fmla="*/ 32315 w 64420"/>
                <a:gd name="connsiteY0" fmla="*/ 64405 h 64420"/>
                <a:gd name="connsiteX1" fmla="*/ 224 w 64420"/>
                <a:gd name="connsiteY1" fmla="*/ 32315 h 64420"/>
                <a:gd name="connsiteX2" fmla="*/ 32315 w 64420"/>
                <a:gd name="connsiteY2" fmla="*/ 224 h 64420"/>
                <a:gd name="connsiteX3" fmla="*/ 64406 w 64420"/>
                <a:gd name="connsiteY3" fmla="*/ 32315 h 64420"/>
                <a:gd name="connsiteX4" fmla="*/ 32315 w 64420"/>
                <a:gd name="connsiteY4" fmla="*/ 64405 h 64420"/>
                <a:gd name="connsiteX5" fmla="*/ 32315 w 64420"/>
                <a:gd name="connsiteY5" fmla="*/ 3624 h 64420"/>
                <a:gd name="connsiteX6" fmla="*/ 3624 w 64420"/>
                <a:gd name="connsiteY6" fmla="*/ 32315 h 64420"/>
                <a:gd name="connsiteX7" fmla="*/ 32315 w 64420"/>
                <a:gd name="connsiteY7" fmla="*/ 61005 h 64420"/>
                <a:gd name="connsiteX8" fmla="*/ 61005 w 64420"/>
                <a:gd name="connsiteY8" fmla="*/ 32315 h 64420"/>
                <a:gd name="connsiteX9" fmla="*/ 32315 w 64420"/>
                <a:gd name="connsiteY9" fmla="*/ 3624 h 64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4420" h="64420">
                  <a:moveTo>
                    <a:pt x="32315" y="64405"/>
                  </a:moveTo>
                  <a:cubicBezTo>
                    <a:pt x="14629" y="64405"/>
                    <a:pt x="224" y="50030"/>
                    <a:pt x="224" y="32315"/>
                  </a:cubicBezTo>
                  <a:cubicBezTo>
                    <a:pt x="224" y="14599"/>
                    <a:pt x="14599" y="224"/>
                    <a:pt x="32315" y="224"/>
                  </a:cubicBezTo>
                  <a:cubicBezTo>
                    <a:pt x="50030" y="224"/>
                    <a:pt x="64406" y="14599"/>
                    <a:pt x="64406" y="32315"/>
                  </a:cubicBezTo>
                  <a:cubicBezTo>
                    <a:pt x="64406" y="50030"/>
                    <a:pt x="50000" y="64405"/>
                    <a:pt x="32315" y="64405"/>
                  </a:cubicBezTo>
                  <a:close/>
                  <a:moveTo>
                    <a:pt x="32315" y="3624"/>
                  </a:moveTo>
                  <a:cubicBezTo>
                    <a:pt x="16478" y="3624"/>
                    <a:pt x="3624" y="16508"/>
                    <a:pt x="3624" y="32315"/>
                  </a:cubicBezTo>
                  <a:cubicBezTo>
                    <a:pt x="3624" y="48121"/>
                    <a:pt x="16508" y="61005"/>
                    <a:pt x="32315" y="61005"/>
                  </a:cubicBezTo>
                  <a:cubicBezTo>
                    <a:pt x="48151" y="61005"/>
                    <a:pt x="61005" y="48121"/>
                    <a:pt x="61005" y="32315"/>
                  </a:cubicBezTo>
                  <a:cubicBezTo>
                    <a:pt x="61005" y="16508"/>
                    <a:pt x="48151" y="3624"/>
                    <a:pt x="32315" y="3624"/>
                  </a:cubicBezTo>
                  <a:close/>
                </a:path>
              </a:pathLst>
            </a:custGeom>
            <a:grpFill/>
            <a:ln w="9525" cap="flat">
              <a:noFill/>
              <a:prstDash val="solid"/>
              <a:miter/>
            </a:ln>
          </p:spPr>
          <p:txBody>
            <a:bodyPr rtlCol="0" anchor="ctr"/>
            <a:lstStyle/>
            <a:p>
              <a:endParaRPr lang="da-DK" baseline="30000" noProof="0"/>
            </a:p>
          </p:txBody>
        </p:sp>
        <p:sp>
          <p:nvSpPr>
            <p:cNvPr id="19" name="Freeform: Shape 4">
              <a:extLst>
                <a:ext uri="{FF2B5EF4-FFF2-40B4-BE49-F238E27FC236}">
                  <a16:creationId xmlns:a16="http://schemas.microsoft.com/office/drawing/2014/main" id="{B7F4CF04-335F-C318-6865-FDDF754CF88B}"/>
                </a:ext>
              </a:extLst>
            </p:cNvPr>
            <p:cNvSpPr/>
            <p:nvPr/>
          </p:nvSpPr>
          <p:spPr>
            <a:xfrm>
              <a:off x="690739" y="2028991"/>
              <a:ext cx="64420" cy="64420"/>
            </a:xfrm>
            <a:custGeom>
              <a:avLst/>
              <a:gdLst>
                <a:gd name="connsiteX0" fmla="*/ 32315 w 64420"/>
                <a:gd name="connsiteY0" fmla="*/ 64405 h 64420"/>
                <a:gd name="connsiteX1" fmla="*/ 224 w 64420"/>
                <a:gd name="connsiteY1" fmla="*/ 32315 h 64420"/>
                <a:gd name="connsiteX2" fmla="*/ 32315 w 64420"/>
                <a:gd name="connsiteY2" fmla="*/ 224 h 64420"/>
                <a:gd name="connsiteX3" fmla="*/ 64405 w 64420"/>
                <a:gd name="connsiteY3" fmla="*/ 32315 h 64420"/>
                <a:gd name="connsiteX4" fmla="*/ 32315 w 64420"/>
                <a:gd name="connsiteY4" fmla="*/ 64405 h 64420"/>
                <a:gd name="connsiteX5" fmla="*/ 32315 w 64420"/>
                <a:gd name="connsiteY5" fmla="*/ 3624 h 64420"/>
                <a:gd name="connsiteX6" fmla="*/ 3624 w 64420"/>
                <a:gd name="connsiteY6" fmla="*/ 32315 h 64420"/>
                <a:gd name="connsiteX7" fmla="*/ 32315 w 64420"/>
                <a:gd name="connsiteY7" fmla="*/ 61005 h 64420"/>
                <a:gd name="connsiteX8" fmla="*/ 61006 w 64420"/>
                <a:gd name="connsiteY8" fmla="*/ 32315 h 64420"/>
                <a:gd name="connsiteX9" fmla="*/ 32315 w 64420"/>
                <a:gd name="connsiteY9" fmla="*/ 3624 h 64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4420" h="64420">
                  <a:moveTo>
                    <a:pt x="32315" y="64405"/>
                  </a:moveTo>
                  <a:cubicBezTo>
                    <a:pt x="14629" y="64405"/>
                    <a:pt x="224" y="50030"/>
                    <a:pt x="224" y="32315"/>
                  </a:cubicBezTo>
                  <a:cubicBezTo>
                    <a:pt x="224" y="14599"/>
                    <a:pt x="14599" y="224"/>
                    <a:pt x="32315" y="224"/>
                  </a:cubicBezTo>
                  <a:cubicBezTo>
                    <a:pt x="50000" y="224"/>
                    <a:pt x="64405" y="14599"/>
                    <a:pt x="64405" y="32315"/>
                  </a:cubicBezTo>
                  <a:cubicBezTo>
                    <a:pt x="64405" y="50030"/>
                    <a:pt x="50000" y="64405"/>
                    <a:pt x="32315" y="64405"/>
                  </a:cubicBezTo>
                  <a:close/>
                  <a:moveTo>
                    <a:pt x="32315" y="3624"/>
                  </a:moveTo>
                  <a:cubicBezTo>
                    <a:pt x="16478" y="3624"/>
                    <a:pt x="3624" y="16508"/>
                    <a:pt x="3624" y="32315"/>
                  </a:cubicBezTo>
                  <a:cubicBezTo>
                    <a:pt x="3624" y="48121"/>
                    <a:pt x="16508" y="61005"/>
                    <a:pt x="32315" y="61005"/>
                  </a:cubicBezTo>
                  <a:cubicBezTo>
                    <a:pt x="48151" y="61005"/>
                    <a:pt x="61006" y="48121"/>
                    <a:pt x="61006" y="32315"/>
                  </a:cubicBezTo>
                  <a:cubicBezTo>
                    <a:pt x="61006" y="16508"/>
                    <a:pt x="48151" y="3624"/>
                    <a:pt x="32315" y="3624"/>
                  </a:cubicBezTo>
                  <a:close/>
                </a:path>
              </a:pathLst>
            </a:custGeom>
            <a:grpFill/>
            <a:ln w="9525" cap="flat">
              <a:noFill/>
              <a:prstDash val="solid"/>
              <a:miter/>
            </a:ln>
          </p:spPr>
          <p:txBody>
            <a:bodyPr rtlCol="0" anchor="ctr"/>
            <a:lstStyle/>
            <a:p>
              <a:endParaRPr lang="da-DK" baseline="30000" noProof="0"/>
            </a:p>
          </p:txBody>
        </p:sp>
      </p:grpSp>
      <p:grpSp>
        <p:nvGrpSpPr>
          <p:cNvPr id="22" name="Group 21">
            <a:extLst>
              <a:ext uri="{FF2B5EF4-FFF2-40B4-BE49-F238E27FC236}">
                <a16:creationId xmlns:a16="http://schemas.microsoft.com/office/drawing/2014/main" id="{02E2D4C2-B951-AFAF-5127-79F9FC332AB9}"/>
              </a:ext>
              <a:ext uri="{C183D7F6-B498-43B3-948B-1728B52AA6E4}">
                <adec:decorative xmlns:adec="http://schemas.microsoft.com/office/drawing/2017/decorative" val="1"/>
              </a:ext>
            </a:extLst>
          </p:cNvPr>
          <p:cNvGrpSpPr/>
          <p:nvPr/>
        </p:nvGrpSpPr>
        <p:grpSpPr>
          <a:xfrm>
            <a:off x="4425908" y="1672600"/>
            <a:ext cx="198341" cy="259314"/>
            <a:chOff x="8757994" y="2024065"/>
            <a:chExt cx="407987" cy="533401"/>
          </a:xfrm>
          <a:solidFill>
            <a:schemeClr val="bg1"/>
          </a:solidFill>
        </p:grpSpPr>
        <p:sp>
          <p:nvSpPr>
            <p:cNvPr id="23" name="Freeform 247">
              <a:extLst>
                <a:ext uri="{FF2B5EF4-FFF2-40B4-BE49-F238E27FC236}">
                  <a16:creationId xmlns:a16="http://schemas.microsoft.com/office/drawing/2014/main" id="{8751B11C-B1A1-B135-EC44-CB69E75BA141}"/>
                </a:ext>
              </a:extLst>
            </p:cNvPr>
            <p:cNvSpPr>
              <a:spLocks/>
            </p:cNvSpPr>
            <p:nvPr/>
          </p:nvSpPr>
          <p:spPr bwMode="auto">
            <a:xfrm>
              <a:off x="9023106" y="2065340"/>
              <a:ext cx="103187" cy="103188"/>
            </a:xfrm>
            <a:custGeom>
              <a:avLst/>
              <a:gdLst>
                <a:gd name="T0" fmla="*/ 36 w 40"/>
                <a:gd name="T1" fmla="*/ 32 h 40"/>
                <a:gd name="T2" fmla="*/ 16 w 40"/>
                <a:gd name="T3" fmla="*/ 32 h 40"/>
                <a:gd name="T4" fmla="*/ 8 w 40"/>
                <a:gd name="T5" fmla="*/ 24 h 40"/>
                <a:gd name="T6" fmla="*/ 8 w 40"/>
                <a:gd name="T7" fmla="*/ 4 h 40"/>
                <a:gd name="T8" fmla="*/ 4 w 40"/>
                <a:gd name="T9" fmla="*/ 0 h 40"/>
                <a:gd name="T10" fmla="*/ 0 w 40"/>
                <a:gd name="T11" fmla="*/ 4 h 40"/>
                <a:gd name="T12" fmla="*/ 0 w 40"/>
                <a:gd name="T13" fmla="*/ 24 h 40"/>
                <a:gd name="T14" fmla="*/ 16 w 40"/>
                <a:gd name="T15" fmla="*/ 40 h 40"/>
                <a:gd name="T16" fmla="*/ 36 w 40"/>
                <a:gd name="T17" fmla="*/ 40 h 40"/>
                <a:gd name="T18" fmla="*/ 40 w 40"/>
                <a:gd name="T19" fmla="*/ 36 h 40"/>
                <a:gd name="T20" fmla="*/ 36 w 40"/>
                <a:gd name="T21" fmla="*/ 32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36" y="32"/>
                  </a:moveTo>
                  <a:cubicBezTo>
                    <a:pt x="16" y="32"/>
                    <a:pt x="16" y="32"/>
                    <a:pt x="16" y="32"/>
                  </a:cubicBezTo>
                  <a:cubicBezTo>
                    <a:pt x="12" y="32"/>
                    <a:pt x="8" y="28"/>
                    <a:pt x="8" y="24"/>
                  </a:cubicBezTo>
                  <a:cubicBezTo>
                    <a:pt x="8" y="4"/>
                    <a:pt x="8" y="4"/>
                    <a:pt x="8" y="4"/>
                  </a:cubicBezTo>
                  <a:cubicBezTo>
                    <a:pt x="8" y="2"/>
                    <a:pt x="6" y="0"/>
                    <a:pt x="4" y="0"/>
                  </a:cubicBez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24" name="Freeform 248">
              <a:extLst>
                <a:ext uri="{FF2B5EF4-FFF2-40B4-BE49-F238E27FC236}">
                  <a16:creationId xmlns:a16="http://schemas.microsoft.com/office/drawing/2014/main" id="{6DD7EBD2-6E49-ECA7-ED97-657F570C23A2}"/>
                </a:ext>
              </a:extLst>
            </p:cNvPr>
            <p:cNvSpPr>
              <a:spLocks noEditPoints="1"/>
            </p:cNvSpPr>
            <p:nvPr/>
          </p:nvSpPr>
          <p:spPr bwMode="auto">
            <a:xfrm>
              <a:off x="8757994" y="2024065"/>
              <a:ext cx="407987"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188 h 208"/>
                <a:gd name="T12" fmla="*/ 20 w 160"/>
                <a:gd name="T13" fmla="*/ 208 h 208"/>
                <a:gd name="T14" fmla="*/ 140 w 160"/>
                <a:gd name="T15" fmla="*/ 208 h 208"/>
                <a:gd name="T16" fmla="*/ 160 w 160"/>
                <a:gd name="T17" fmla="*/ 188 h 208"/>
                <a:gd name="T18" fmla="*/ 160 w 160"/>
                <a:gd name="T19" fmla="*/ 51 h 208"/>
                <a:gd name="T20" fmla="*/ 154 w 160"/>
                <a:gd name="T21" fmla="*/ 36 h 208"/>
                <a:gd name="T22" fmla="*/ 152 w 160"/>
                <a:gd name="T23" fmla="*/ 188 h 208"/>
                <a:gd name="T24" fmla="*/ 140 w 160"/>
                <a:gd name="T25" fmla="*/ 200 h 208"/>
                <a:gd name="T26" fmla="*/ 20 w 160"/>
                <a:gd name="T27" fmla="*/ 200 h 208"/>
                <a:gd name="T28" fmla="*/ 8 w 160"/>
                <a:gd name="T29" fmla="*/ 188 h 208"/>
                <a:gd name="T30" fmla="*/ 8 w 160"/>
                <a:gd name="T31" fmla="*/ 20 h 208"/>
                <a:gd name="T32" fmla="*/ 20 w 160"/>
                <a:gd name="T33" fmla="*/ 8 h 208"/>
                <a:gd name="T34" fmla="*/ 109 w 160"/>
                <a:gd name="T35" fmla="*/ 8 h 208"/>
                <a:gd name="T36" fmla="*/ 118 w 160"/>
                <a:gd name="T37" fmla="*/ 12 h 208"/>
                <a:gd name="T38" fmla="*/ 148 w 160"/>
                <a:gd name="T39" fmla="*/ 42 h 208"/>
                <a:gd name="T40" fmla="*/ 152 w 160"/>
                <a:gd name="T41" fmla="*/ 51 h 208"/>
                <a:gd name="T42" fmla="*/ 152 w 160"/>
                <a:gd name="T43" fmla="*/ 188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moveTo>
                    <a:pt x="152" y="188"/>
                  </a:moveTo>
                  <a:cubicBezTo>
                    <a:pt x="152" y="195"/>
                    <a:pt x="147" y="200"/>
                    <a:pt x="140" y="200"/>
                  </a:cubicBezTo>
                  <a:cubicBezTo>
                    <a:pt x="20" y="200"/>
                    <a:pt x="20" y="200"/>
                    <a:pt x="20" y="200"/>
                  </a:cubicBezTo>
                  <a:cubicBezTo>
                    <a:pt x="13" y="200"/>
                    <a:pt x="8" y="195"/>
                    <a:pt x="8" y="188"/>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lnTo>
                    <a:pt x="152" y="18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25" name="Freeform 249">
              <a:extLst>
                <a:ext uri="{FF2B5EF4-FFF2-40B4-BE49-F238E27FC236}">
                  <a16:creationId xmlns:a16="http://schemas.microsoft.com/office/drawing/2014/main" id="{CD6A4FF5-E435-8100-75A0-7A09F0315F46}"/>
                </a:ext>
              </a:extLst>
            </p:cNvPr>
            <p:cNvSpPr>
              <a:spLocks/>
            </p:cNvSpPr>
            <p:nvPr/>
          </p:nvSpPr>
          <p:spPr bwMode="auto">
            <a:xfrm>
              <a:off x="8838956" y="2230440"/>
              <a:ext cx="82550" cy="80963"/>
            </a:xfrm>
            <a:custGeom>
              <a:avLst/>
              <a:gdLst>
                <a:gd name="T0" fmla="*/ 25 w 32"/>
                <a:gd name="T1" fmla="*/ 31 h 32"/>
                <a:gd name="T2" fmla="*/ 28 w 32"/>
                <a:gd name="T3" fmla="*/ 32 h 32"/>
                <a:gd name="T4" fmla="*/ 31 w 32"/>
                <a:gd name="T5" fmla="*/ 31 h 32"/>
                <a:gd name="T6" fmla="*/ 31 w 32"/>
                <a:gd name="T7" fmla="*/ 25 h 32"/>
                <a:gd name="T8" fmla="*/ 22 w 32"/>
                <a:gd name="T9" fmla="*/ 16 h 32"/>
                <a:gd name="T10" fmla="*/ 31 w 32"/>
                <a:gd name="T11" fmla="*/ 7 h 32"/>
                <a:gd name="T12" fmla="*/ 31 w 32"/>
                <a:gd name="T13" fmla="*/ 1 h 32"/>
                <a:gd name="T14" fmla="*/ 25 w 32"/>
                <a:gd name="T15" fmla="*/ 1 h 32"/>
                <a:gd name="T16" fmla="*/ 16 w 32"/>
                <a:gd name="T17" fmla="*/ 10 h 32"/>
                <a:gd name="T18" fmla="*/ 7 w 32"/>
                <a:gd name="T19" fmla="*/ 1 h 32"/>
                <a:gd name="T20" fmla="*/ 1 w 32"/>
                <a:gd name="T21" fmla="*/ 1 h 32"/>
                <a:gd name="T22" fmla="*/ 1 w 32"/>
                <a:gd name="T23" fmla="*/ 7 h 32"/>
                <a:gd name="T24" fmla="*/ 10 w 32"/>
                <a:gd name="T25" fmla="*/ 16 h 32"/>
                <a:gd name="T26" fmla="*/ 1 w 32"/>
                <a:gd name="T27" fmla="*/ 25 h 32"/>
                <a:gd name="T28" fmla="*/ 1 w 32"/>
                <a:gd name="T29" fmla="*/ 31 h 32"/>
                <a:gd name="T30" fmla="*/ 4 w 32"/>
                <a:gd name="T31" fmla="*/ 32 h 32"/>
                <a:gd name="T32" fmla="*/ 7 w 32"/>
                <a:gd name="T33" fmla="*/ 31 h 32"/>
                <a:gd name="T34" fmla="*/ 16 w 32"/>
                <a:gd name="T35" fmla="*/ 22 h 32"/>
                <a:gd name="T36" fmla="*/ 25 w 32"/>
                <a:gd name="T37" fmla="*/ 31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32" h="32">
                  <a:moveTo>
                    <a:pt x="25" y="31"/>
                  </a:moveTo>
                  <a:cubicBezTo>
                    <a:pt x="26" y="32"/>
                    <a:pt x="27" y="32"/>
                    <a:pt x="28" y="32"/>
                  </a:cubicBezTo>
                  <a:cubicBezTo>
                    <a:pt x="29" y="32"/>
                    <a:pt x="30" y="32"/>
                    <a:pt x="31" y="31"/>
                  </a:cubicBezTo>
                  <a:cubicBezTo>
                    <a:pt x="32" y="29"/>
                    <a:pt x="32" y="27"/>
                    <a:pt x="31" y="25"/>
                  </a:cubicBezTo>
                  <a:cubicBezTo>
                    <a:pt x="22" y="16"/>
                    <a:pt x="22" y="16"/>
                    <a:pt x="22" y="16"/>
                  </a:cubicBezTo>
                  <a:cubicBezTo>
                    <a:pt x="31" y="7"/>
                    <a:pt x="31" y="7"/>
                    <a:pt x="31" y="7"/>
                  </a:cubicBezTo>
                  <a:cubicBezTo>
                    <a:pt x="32" y="5"/>
                    <a:pt x="32" y="3"/>
                    <a:pt x="31" y="1"/>
                  </a:cubicBezTo>
                  <a:cubicBezTo>
                    <a:pt x="29" y="0"/>
                    <a:pt x="27" y="0"/>
                    <a:pt x="25" y="1"/>
                  </a:cubicBezTo>
                  <a:cubicBezTo>
                    <a:pt x="16" y="10"/>
                    <a:pt x="16" y="10"/>
                    <a:pt x="16" y="10"/>
                  </a:cubicBezTo>
                  <a:cubicBezTo>
                    <a:pt x="7" y="1"/>
                    <a:pt x="7" y="1"/>
                    <a:pt x="7" y="1"/>
                  </a:cubicBezTo>
                  <a:cubicBezTo>
                    <a:pt x="5" y="0"/>
                    <a:pt x="3" y="0"/>
                    <a:pt x="1" y="1"/>
                  </a:cubicBezTo>
                  <a:cubicBezTo>
                    <a:pt x="0" y="3"/>
                    <a:pt x="0" y="5"/>
                    <a:pt x="1" y="7"/>
                  </a:cubicBezTo>
                  <a:cubicBezTo>
                    <a:pt x="10" y="16"/>
                    <a:pt x="10" y="16"/>
                    <a:pt x="10" y="16"/>
                  </a:cubicBezTo>
                  <a:cubicBezTo>
                    <a:pt x="1" y="25"/>
                    <a:pt x="1" y="25"/>
                    <a:pt x="1" y="25"/>
                  </a:cubicBezTo>
                  <a:cubicBezTo>
                    <a:pt x="0" y="27"/>
                    <a:pt x="0" y="29"/>
                    <a:pt x="1" y="31"/>
                  </a:cubicBezTo>
                  <a:cubicBezTo>
                    <a:pt x="2" y="32"/>
                    <a:pt x="3" y="32"/>
                    <a:pt x="4" y="32"/>
                  </a:cubicBezTo>
                  <a:cubicBezTo>
                    <a:pt x="5" y="32"/>
                    <a:pt x="6" y="32"/>
                    <a:pt x="7" y="31"/>
                  </a:cubicBezTo>
                  <a:cubicBezTo>
                    <a:pt x="16" y="22"/>
                    <a:pt x="16" y="22"/>
                    <a:pt x="16" y="22"/>
                  </a:cubicBezTo>
                  <a:lnTo>
                    <a:pt x="25" y="31"/>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26" name="Freeform 250">
              <a:extLst>
                <a:ext uri="{FF2B5EF4-FFF2-40B4-BE49-F238E27FC236}">
                  <a16:creationId xmlns:a16="http://schemas.microsoft.com/office/drawing/2014/main" id="{3A9C2586-D141-3172-0546-3C84AA27B50E}"/>
                </a:ext>
              </a:extLst>
            </p:cNvPr>
            <p:cNvSpPr>
              <a:spLocks/>
            </p:cNvSpPr>
            <p:nvPr/>
          </p:nvSpPr>
          <p:spPr bwMode="auto">
            <a:xfrm>
              <a:off x="9002469" y="2230440"/>
              <a:ext cx="82550" cy="80963"/>
            </a:xfrm>
            <a:custGeom>
              <a:avLst/>
              <a:gdLst>
                <a:gd name="T0" fmla="*/ 31 w 32"/>
                <a:gd name="T1" fmla="*/ 1 h 32"/>
                <a:gd name="T2" fmla="*/ 25 w 32"/>
                <a:gd name="T3" fmla="*/ 1 h 32"/>
                <a:gd name="T4" fmla="*/ 16 w 32"/>
                <a:gd name="T5" fmla="*/ 10 h 32"/>
                <a:gd name="T6" fmla="*/ 7 w 32"/>
                <a:gd name="T7" fmla="*/ 1 h 32"/>
                <a:gd name="T8" fmla="*/ 1 w 32"/>
                <a:gd name="T9" fmla="*/ 1 h 32"/>
                <a:gd name="T10" fmla="*/ 1 w 32"/>
                <a:gd name="T11" fmla="*/ 7 h 32"/>
                <a:gd name="T12" fmla="*/ 10 w 32"/>
                <a:gd name="T13" fmla="*/ 16 h 32"/>
                <a:gd name="T14" fmla="*/ 1 w 32"/>
                <a:gd name="T15" fmla="*/ 25 h 32"/>
                <a:gd name="T16" fmla="*/ 1 w 32"/>
                <a:gd name="T17" fmla="*/ 31 h 32"/>
                <a:gd name="T18" fmla="*/ 4 w 32"/>
                <a:gd name="T19" fmla="*/ 32 h 32"/>
                <a:gd name="T20" fmla="*/ 7 w 32"/>
                <a:gd name="T21" fmla="*/ 31 h 32"/>
                <a:gd name="T22" fmla="*/ 16 w 32"/>
                <a:gd name="T23" fmla="*/ 22 h 32"/>
                <a:gd name="T24" fmla="*/ 25 w 32"/>
                <a:gd name="T25" fmla="*/ 31 h 32"/>
                <a:gd name="T26" fmla="*/ 28 w 32"/>
                <a:gd name="T27" fmla="*/ 32 h 32"/>
                <a:gd name="T28" fmla="*/ 31 w 32"/>
                <a:gd name="T29" fmla="*/ 31 h 32"/>
                <a:gd name="T30" fmla="*/ 31 w 32"/>
                <a:gd name="T31" fmla="*/ 25 h 32"/>
                <a:gd name="T32" fmla="*/ 22 w 32"/>
                <a:gd name="T33" fmla="*/ 16 h 32"/>
                <a:gd name="T34" fmla="*/ 31 w 32"/>
                <a:gd name="T35" fmla="*/ 7 h 32"/>
                <a:gd name="T36" fmla="*/ 31 w 32"/>
                <a:gd name="T37" fmla="*/ 1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32" h="32">
                  <a:moveTo>
                    <a:pt x="31" y="1"/>
                  </a:moveTo>
                  <a:cubicBezTo>
                    <a:pt x="29" y="0"/>
                    <a:pt x="27" y="0"/>
                    <a:pt x="25" y="1"/>
                  </a:cubicBezTo>
                  <a:cubicBezTo>
                    <a:pt x="16" y="10"/>
                    <a:pt x="16" y="10"/>
                    <a:pt x="16" y="10"/>
                  </a:cubicBezTo>
                  <a:cubicBezTo>
                    <a:pt x="7" y="1"/>
                    <a:pt x="7" y="1"/>
                    <a:pt x="7" y="1"/>
                  </a:cubicBezTo>
                  <a:cubicBezTo>
                    <a:pt x="5" y="0"/>
                    <a:pt x="3" y="0"/>
                    <a:pt x="1" y="1"/>
                  </a:cubicBezTo>
                  <a:cubicBezTo>
                    <a:pt x="0" y="3"/>
                    <a:pt x="0" y="5"/>
                    <a:pt x="1" y="7"/>
                  </a:cubicBezTo>
                  <a:cubicBezTo>
                    <a:pt x="10" y="16"/>
                    <a:pt x="10" y="16"/>
                    <a:pt x="10" y="16"/>
                  </a:cubicBezTo>
                  <a:cubicBezTo>
                    <a:pt x="1" y="25"/>
                    <a:pt x="1" y="25"/>
                    <a:pt x="1" y="25"/>
                  </a:cubicBezTo>
                  <a:cubicBezTo>
                    <a:pt x="0" y="27"/>
                    <a:pt x="0" y="29"/>
                    <a:pt x="1" y="31"/>
                  </a:cubicBezTo>
                  <a:cubicBezTo>
                    <a:pt x="2" y="32"/>
                    <a:pt x="3" y="32"/>
                    <a:pt x="4" y="32"/>
                  </a:cubicBezTo>
                  <a:cubicBezTo>
                    <a:pt x="5" y="32"/>
                    <a:pt x="6" y="32"/>
                    <a:pt x="7" y="31"/>
                  </a:cubicBezTo>
                  <a:cubicBezTo>
                    <a:pt x="16" y="22"/>
                    <a:pt x="16" y="22"/>
                    <a:pt x="16" y="22"/>
                  </a:cubicBezTo>
                  <a:cubicBezTo>
                    <a:pt x="25" y="31"/>
                    <a:pt x="25" y="31"/>
                    <a:pt x="25" y="31"/>
                  </a:cubicBezTo>
                  <a:cubicBezTo>
                    <a:pt x="26" y="32"/>
                    <a:pt x="27" y="32"/>
                    <a:pt x="28" y="32"/>
                  </a:cubicBezTo>
                  <a:cubicBezTo>
                    <a:pt x="29" y="32"/>
                    <a:pt x="30" y="32"/>
                    <a:pt x="31" y="31"/>
                  </a:cubicBezTo>
                  <a:cubicBezTo>
                    <a:pt x="32" y="29"/>
                    <a:pt x="32" y="27"/>
                    <a:pt x="31" y="25"/>
                  </a:cubicBezTo>
                  <a:cubicBezTo>
                    <a:pt x="22" y="16"/>
                    <a:pt x="22" y="16"/>
                    <a:pt x="22" y="16"/>
                  </a:cubicBezTo>
                  <a:cubicBezTo>
                    <a:pt x="31" y="7"/>
                    <a:pt x="31" y="7"/>
                    <a:pt x="31" y="7"/>
                  </a:cubicBezTo>
                  <a:cubicBezTo>
                    <a:pt x="32" y="5"/>
                    <a:pt x="32" y="3"/>
                    <a:pt x="31" y="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sp>
          <p:nvSpPr>
            <p:cNvPr id="27" name="Freeform 251">
              <a:extLst>
                <a:ext uri="{FF2B5EF4-FFF2-40B4-BE49-F238E27FC236}">
                  <a16:creationId xmlns:a16="http://schemas.microsoft.com/office/drawing/2014/main" id="{52A19B83-44CC-D392-49FC-E091A5E1ADED}"/>
                </a:ext>
              </a:extLst>
            </p:cNvPr>
            <p:cNvSpPr>
              <a:spLocks/>
            </p:cNvSpPr>
            <p:nvPr/>
          </p:nvSpPr>
          <p:spPr bwMode="auto">
            <a:xfrm>
              <a:off x="8859594" y="2373315"/>
              <a:ext cx="204787" cy="61913"/>
            </a:xfrm>
            <a:custGeom>
              <a:avLst/>
              <a:gdLst>
                <a:gd name="T0" fmla="*/ 40 w 80"/>
                <a:gd name="T1" fmla="*/ 0 h 24"/>
                <a:gd name="T2" fmla="*/ 1 w 80"/>
                <a:gd name="T3" fmla="*/ 17 h 24"/>
                <a:gd name="T4" fmla="*/ 1 w 80"/>
                <a:gd name="T5" fmla="*/ 23 h 24"/>
                <a:gd name="T6" fmla="*/ 7 w 80"/>
                <a:gd name="T7" fmla="*/ 23 h 24"/>
                <a:gd name="T8" fmla="*/ 40 w 80"/>
                <a:gd name="T9" fmla="*/ 8 h 24"/>
                <a:gd name="T10" fmla="*/ 73 w 80"/>
                <a:gd name="T11" fmla="*/ 23 h 24"/>
                <a:gd name="T12" fmla="*/ 76 w 80"/>
                <a:gd name="T13" fmla="*/ 24 h 24"/>
                <a:gd name="T14" fmla="*/ 79 w 80"/>
                <a:gd name="T15" fmla="*/ 23 h 24"/>
                <a:gd name="T16" fmla="*/ 79 w 80"/>
                <a:gd name="T17" fmla="*/ 17 h 24"/>
                <a:gd name="T18" fmla="*/ 40 w 80"/>
                <a:gd name="T19" fmla="*/ 0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0" h="24">
                  <a:moveTo>
                    <a:pt x="40" y="0"/>
                  </a:moveTo>
                  <a:cubicBezTo>
                    <a:pt x="25" y="0"/>
                    <a:pt x="11" y="6"/>
                    <a:pt x="1" y="17"/>
                  </a:cubicBezTo>
                  <a:cubicBezTo>
                    <a:pt x="0" y="19"/>
                    <a:pt x="0" y="21"/>
                    <a:pt x="1" y="23"/>
                  </a:cubicBezTo>
                  <a:cubicBezTo>
                    <a:pt x="3" y="24"/>
                    <a:pt x="5" y="24"/>
                    <a:pt x="7" y="23"/>
                  </a:cubicBezTo>
                  <a:cubicBezTo>
                    <a:pt x="16" y="13"/>
                    <a:pt x="28" y="8"/>
                    <a:pt x="40" y="8"/>
                  </a:cubicBezTo>
                  <a:cubicBezTo>
                    <a:pt x="52" y="8"/>
                    <a:pt x="64" y="13"/>
                    <a:pt x="73" y="23"/>
                  </a:cubicBezTo>
                  <a:cubicBezTo>
                    <a:pt x="74" y="24"/>
                    <a:pt x="75" y="24"/>
                    <a:pt x="76" y="24"/>
                  </a:cubicBezTo>
                  <a:cubicBezTo>
                    <a:pt x="77" y="24"/>
                    <a:pt x="78" y="24"/>
                    <a:pt x="79" y="23"/>
                  </a:cubicBezTo>
                  <a:cubicBezTo>
                    <a:pt x="80" y="21"/>
                    <a:pt x="80" y="19"/>
                    <a:pt x="79" y="17"/>
                  </a:cubicBezTo>
                  <a:cubicBezTo>
                    <a:pt x="69" y="6"/>
                    <a:pt x="55" y="0"/>
                    <a:pt x="4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dirty="0"/>
            </a:p>
          </p:txBody>
        </p:sp>
      </p:grpSp>
    </p:spTree>
    <p:extLst>
      <p:ext uri="{BB962C8B-B14F-4D97-AF65-F5344CB8AC3E}">
        <p14:creationId xmlns:p14="http://schemas.microsoft.com/office/powerpoint/2010/main" val="850998833"/>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814FD21-67C1-1EA2-440B-79B15CC4075D}"/>
            </a:ext>
          </a:extLst>
        </p:cNvPr>
        <p:cNvGrpSpPr/>
        <p:nvPr/>
      </p:nvGrpSpPr>
      <p:grpSpPr>
        <a:xfrm>
          <a:off x="0" y="0"/>
          <a:ext cx="0" cy="0"/>
          <a:chOff x="0" y="0"/>
          <a:chExt cx="0" cy="0"/>
        </a:xfrm>
      </p:grpSpPr>
      <p:sp>
        <p:nvSpPr>
          <p:cNvPr id="18" name="Rectangle: Rounded Corners 3">
            <a:extLst>
              <a:ext uri="{FF2B5EF4-FFF2-40B4-BE49-F238E27FC236}">
                <a16:creationId xmlns:a16="http://schemas.microsoft.com/office/drawing/2014/main" id="{6604F1C6-9E9C-FA8B-212B-B08F5E00441C}"/>
              </a:ext>
              <a:ext uri="{C183D7F6-B498-43B3-948B-1728B52AA6E4}">
                <adec:decorative xmlns:adec="http://schemas.microsoft.com/office/drawing/2017/decorative" val="1"/>
              </a:ext>
            </a:extLst>
          </p:cNvPr>
          <p:cNvSpPr>
            <a:spLocks/>
          </p:cNvSpPr>
          <p:nvPr/>
        </p:nvSpPr>
        <p:spPr>
          <a:xfrm>
            <a:off x="1066917" y="3043062"/>
            <a:ext cx="10591048" cy="1603939"/>
          </a:xfrm>
          <a:prstGeom prst="roundRect">
            <a:avLst>
              <a:gd name="adj" fmla="val 1741"/>
            </a:avLst>
          </a:prstGeom>
          <a:solidFill>
            <a:srgbClr val="CDECF2">
              <a:alpha val="30000"/>
            </a:srgbClr>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700" noProof="0"/>
          </a:p>
        </p:txBody>
      </p:sp>
      <p:sp>
        <p:nvSpPr>
          <p:cNvPr id="19" name="Rectangle: Rounded Corners 4">
            <a:extLst>
              <a:ext uri="{FF2B5EF4-FFF2-40B4-BE49-F238E27FC236}">
                <a16:creationId xmlns:a16="http://schemas.microsoft.com/office/drawing/2014/main" id="{D47D2F27-DDD9-1713-3040-DBCF05E3FB0E}"/>
              </a:ext>
              <a:ext uri="{C183D7F6-B498-43B3-948B-1728B52AA6E4}">
                <adec:decorative xmlns:adec="http://schemas.microsoft.com/office/drawing/2017/decorative" val="1"/>
              </a:ext>
            </a:extLst>
          </p:cNvPr>
          <p:cNvSpPr>
            <a:spLocks/>
          </p:cNvSpPr>
          <p:nvPr/>
        </p:nvSpPr>
        <p:spPr>
          <a:xfrm>
            <a:off x="1066917" y="4723002"/>
            <a:ext cx="10579121" cy="1298724"/>
          </a:xfrm>
          <a:prstGeom prst="roundRect">
            <a:avLst>
              <a:gd name="adj" fmla="val 1741"/>
            </a:avLst>
          </a:prstGeom>
          <a:solidFill>
            <a:srgbClr val="E8ECF2">
              <a:alpha val="35000"/>
            </a:srgbClr>
          </a:solid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700" noProof="0"/>
          </a:p>
        </p:txBody>
      </p:sp>
      <p:sp>
        <p:nvSpPr>
          <p:cNvPr id="3" name="Titel 2">
            <a:extLst>
              <a:ext uri="{FF2B5EF4-FFF2-40B4-BE49-F238E27FC236}">
                <a16:creationId xmlns:a16="http://schemas.microsoft.com/office/drawing/2014/main" id="{E7A45FDA-71C2-0E2E-7E5D-734B98A047EA}"/>
              </a:ext>
            </a:extLst>
          </p:cNvPr>
          <p:cNvSpPr>
            <a:spLocks noGrp="1"/>
          </p:cNvSpPr>
          <p:nvPr>
            <p:ph type="title"/>
          </p:nvPr>
        </p:nvSpPr>
        <p:spPr/>
        <p:txBody>
          <a:bodyPr/>
          <a:lstStyle/>
          <a:p>
            <a:r>
              <a:rPr lang="da-DK" sz="2200" noProof="0" dirty="0"/>
              <a:t>Der er betydelige afhængigheder i hele teknologistakken, men kerneudfordringerne kommer til udtryk på forskellige måder i teknologistakkens lag</a:t>
            </a:r>
          </a:p>
        </p:txBody>
      </p:sp>
      <p:sp>
        <p:nvSpPr>
          <p:cNvPr id="38" name="Content Placeholder 5">
            <a:extLst>
              <a:ext uri="{FF2B5EF4-FFF2-40B4-BE49-F238E27FC236}">
                <a16:creationId xmlns:a16="http://schemas.microsoft.com/office/drawing/2014/main" id="{3C7D89C0-6860-921E-DF88-80B2C2793C57}"/>
              </a:ext>
            </a:extLst>
          </p:cNvPr>
          <p:cNvSpPr txBox="1">
            <a:spLocks/>
          </p:cNvSpPr>
          <p:nvPr/>
        </p:nvSpPr>
        <p:spPr>
          <a:xfrm>
            <a:off x="552450" y="1599103"/>
            <a:ext cx="11087386" cy="551066"/>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200" noProof="0" dirty="0">
                <a:solidFill>
                  <a:schemeClr val="accent3"/>
                </a:solidFill>
              </a:rPr>
              <a:t>Nedenstående oversigt viser eksempler på, hvordan udfordringer kommer til udtryk på forskellige måder i teknologistakkens lag. Der ses flere eksempler på afhængigheder mellem de forskellige teknologilag, hvilket kan gøre det svært at afgrænse udfordringer til et bestemt sted i stakken, fx kan et fagsystem blive udviklet og leveret af en dansk leverandør på en ikke-europæisk teknologiplatform, hostet i et ikke-europæisk land. </a:t>
            </a:r>
          </a:p>
        </p:txBody>
      </p:sp>
      <p:sp>
        <p:nvSpPr>
          <p:cNvPr id="70" name="TextBox 33">
            <a:extLst>
              <a:ext uri="{FF2B5EF4-FFF2-40B4-BE49-F238E27FC236}">
                <a16:creationId xmlns:a16="http://schemas.microsoft.com/office/drawing/2014/main" id="{971BE5F1-7F01-FB92-AAF9-D8DBAA11C905}"/>
              </a:ext>
            </a:extLst>
          </p:cNvPr>
          <p:cNvSpPr txBox="1"/>
          <p:nvPr/>
        </p:nvSpPr>
        <p:spPr>
          <a:xfrm>
            <a:off x="9684659" y="2288190"/>
            <a:ext cx="1931541" cy="226032"/>
          </a:xfrm>
          <a:prstGeom prst="rect">
            <a:avLst/>
          </a:prstGeom>
          <a:noFill/>
        </p:spPr>
        <p:txBody>
          <a:bodyPr wrap="squar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ctr"/>
            <a:r>
              <a:rPr lang="da-DK" sz="1200" i="1" noProof="0" dirty="0"/>
              <a:t>Illustrative eksempler</a:t>
            </a:r>
          </a:p>
        </p:txBody>
      </p:sp>
      <p:sp>
        <p:nvSpPr>
          <p:cNvPr id="13" name="Rectangle 43">
            <a:extLst>
              <a:ext uri="{FF2B5EF4-FFF2-40B4-BE49-F238E27FC236}">
                <a16:creationId xmlns:a16="http://schemas.microsoft.com/office/drawing/2014/main" id="{71702035-E165-2AAF-E363-F8C00DDCC000}"/>
              </a:ext>
            </a:extLst>
          </p:cNvPr>
          <p:cNvSpPr>
            <a:spLocks/>
          </p:cNvSpPr>
          <p:nvPr/>
        </p:nvSpPr>
        <p:spPr>
          <a:xfrm>
            <a:off x="649052" y="2606904"/>
            <a:ext cx="2502506" cy="377163"/>
          </a:xfrm>
          <a:prstGeom prst="roundRect">
            <a:avLst/>
          </a:prstGeom>
          <a:solidFill>
            <a:schemeClr val="accent3"/>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a:solidFill>
                  <a:schemeClr val="bg1"/>
                </a:solidFill>
              </a:rPr>
              <a:t>Teknologistak</a:t>
            </a:r>
            <a:endParaRPr lang="da-DK" sz="1100" b="1" noProof="0">
              <a:solidFill>
                <a:schemeClr val="bg1"/>
              </a:solidFill>
            </a:endParaRPr>
          </a:p>
        </p:txBody>
      </p:sp>
      <p:sp>
        <p:nvSpPr>
          <p:cNvPr id="11" name="Rectangle: Rounded Corners 5">
            <a:extLst>
              <a:ext uri="{FF2B5EF4-FFF2-40B4-BE49-F238E27FC236}">
                <a16:creationId xmlns:a16="http://schemas.microsoft.com/office/drawing/2014/main" id="{65B322B3-B8C6-5BC5-50A8-8DE52E2BB2E8}"/>
              </a:ext>
            </a:extLst>
          </p:cNvPr>
          <p:cNvSpPr>
            <a:spLocks/>
          </p:cNvSpPr>
          <p:nvPr/>
        </p:nvSpPr>
        <p:spPr>
          <a:xfrm>
            <a:off x="630002" y="3038643"/>
            <a:ext cx="395915" cy="1603940"/>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1000" b="1" noProof="0">
                <a:solidFill>
                  <a:schemeClr val="accent1"/>
                </a:solidFill>
              </a:rPr>
              <a:t>Digitale løsninger</a:t>
            </a:r>
          </a:p>
        </p:txBody>
      </p:sp>
      <p:sp>
        <p:nvSpPr>
          <p:cNvPr id="25" name="Rectangle 36">
            <a:extLst>
              <a:ext uri="{FF2B5EF4-FFF2-40B4-BE49-F238E27FC236}">
                <a16:creationId xmlns:a16="http://schemas.microsoft.com/office/drawing/2014/main" id="{F9569F1B-3D19-C0A8-C84D-4F153C72E10E}"/>
              </a:ext>
            </a:extLst>
          </p:cNvPr>
          <p:cNvSpPr>
            <a:spLocks/>
          </p:cNvSpPr>
          <p:nvPr/>
        </p:nvSpPr>
        <p:spPr>
          <a:xfrm>
            <a:off x="1066918" y="3071931"/>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solidFill>
                  <a:schemeClr val="tx1"/>
                </a:solidFill>
              </a:rPr>
              <a:t>AI og digitale services</a:t>
            </a:r>
          </a:p>
        </p:txBody>
      </p:sp>
      <p:sp>
        <p:nvSpPr>
          <p:cNvPr id="23" name="Rectangle 36">
            <a:extLst>
              <a:ext uri="{FF2B5EF4-FFF2-40B4-BE49-F238E27FC236}">
                <a16:creationId xmlns:a16="http://schemas.microsoft.com/office/drawing/2014/main" id="{66F120DA-D2EA-396D-207C-7253BEDB5107}"/>
              </a:ext>
            </a:extLst>
          </p:cNvPr>
          <p:cNvSpPr>
            <a:spLocks/>
          </p:cNvSpPr>
          <p:nvPr/>
        </p:nvSpPr>
        <p:spPr>
          <a:xfrm>
            <a:off x="1066918" y="3389663"/>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Koncern- og fagsystemer</a:t>
            </a:r>
          </a:p>
        </p:txBody>
      </p:sp>
      <p:sp>
        <p:nvSpPr>
          <p:cNvPr id="24" name="Rectangle 36">
            <a:extLst>
              <a:ext uri="{FF2B5EF4-FFF2-40B4-BE49-F238E27FC236}">
                <a16:creationId xmlns:a16="http://schemas.microsoft.com/office/drawing/2014/main" id="{44ABA416-FC4D-62D3-E90C-D044319BD8A5}"/>
              </a:ext>
            </a:extLst>
          </p:cNvPr>
          <p:cNvSpPr>
            <a:spLocks/>
          </p:cNvSpPr>
          <p:nvPr/>
        </p:nvSpPr>
        <p:spPr>
          <a:xfrm>
            <a:off x="1066918" y="3707395"/>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igital arbejdsplads</a:t>
            </a:r>
          </a:p>
        </p:txBody>
      </p:sp>
      <p:sp>
        <p:nvSpPr>
          <p:cNvPr id="26" name="Rectangle 36">
            <a:extLst>
              <a:ext uri="{FF2B5EF4-FFF2-40B4-BE49-F238E27FC236}">
                <a16:creationId xmlns:a16="http://schemas.microsoft.com/office/drawing/2014/main" id="{C5EAA5E9-A2D1-5D00-5A16-B3F5B0813054}"/>
              </a:ext>
            </a:extLst>
          </p:cNvPr>
          <p:cNvSpPr>
            <a:spLocks/>
          </p:cNvSpPr>
          <p:nvPr/>
        </p:nvSpPr>
        <p:spPr>
          <a:xfrm>
            <a:off x="1066918" y="4025127"/>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Sikkerhedsløsninger</a:t>
            </a:r>
          </a:p>
        </p:txBody>
      </p:sp>
      <p:sp>
        <p:nvSpPr>
          <p:cNvPr id="14" name="Rectangle 36">
            <a:extLst>
              <a:ext uri="{FF2B5EF4-FFF2-40B4-BE49-F238E27FC236}">
                <a16:creationId xmlns:a16="http://schemas.microsoft.com/office/drawing/2014/main" id="{DDE2F654-5EE4-26ED-E739-3F4D7371414D}"/>
              </a:ext>
            </a:extLst>
          </p:cNvPr>
          <p:cNvSpPr>
            <a:spLocks/>
          </p:cNvSpPr>
          <p:nvPr/>
        </p:nvSpPr>
        <p:spPr>
          <a:xfrm>
            <a:off x="1066918" y="4342859"/>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solidFill>
                  <a:schemeClr val="tx1"/>
                </a:solidFill>
              </a:rPr>
              <a:t>Datadeling og basis-software</a:t>
            </a:r>
          </a:p>
        </p:txBody>
      </p:sp>
      <p:sp>
        <p:nvSpPr>
          <p:cNvPr id="12" name="Rectangle: Rounded Corners 6">
            <a:extLst>
              <a:ext uri="{FF2B5EF4-FFF2-40B4-BE49-F238E27FC236}">
                <a16:creationId xmlns:a16="http://schemas.microsoft.com/office/drawing/2014/main" id="{F47AB08F-35EA-3A13-10D6-ADD766D30785}"/>
              </a:ext>
            </a:extLst>
          </p:cNvPr>
          <p:cNvSpPr>
            <a:spLocks/>
          </p:cNvSpPr>
          <p:nvPr/>
        </p:nvSpPr>
        <p:spPr>
          <a:xfrm>
            <a:off x="630002" y="4699306"/>
            <a:ext cx="395915" cy="1322419"/>
          </a:xfrm>
          <a:prstGeom prst="roundRect">
            <a:avLst>
              <a:gd name="adj" fmla="val 6579"/>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endParaRPr lang="da-DK" sz="1000" b="1" noProof="0">
              <a:solidFill>
                <a:schemeClr val="tx1"/>
              </a:solidFill>
            </a:endParaRPr>
          </a:p>
          <a:p>
            <a:pPr algn="ctr"/>
            <a:r>
              <a:rPr lang="da-DK" sz="1000" b="1" noProof="0">
                <a:solidFill>
                  <a:schemeClr val="tx1"/>
                </a:solidFill>
              </a:rPr>
              <a:t>It-infrastruktur</a:t>
            </a:r>
          </a:p>
          <a:p>
            <a:pPr algn="ctr"/>
            <a:endParaRPr lang="da-DK" sz="1000" b="1" noProof="0">
              <a:solidFill>
                <a:schemeClr val="tx1"/>
              </a:solidFill>
            </a:endParaRPr>
          </a:p>
        </p:txBody>
      </p:sp>
      <p:sp>
        <p:nvSpPr>
          <p:cNvPr id="28" name="Rectangle 36">
            <a:extLst>
              <a:ext uri="{FF2B5EF4-FFF2-40B4-BE49-F238E27FC236}">
                <a16:creationId xmlns:a16="http://schemas.microsoft.com/office/drawing/2014/main" id="{F771381E-7051-340C-7198-DA977E50B19D}"/>
              </a:ext>
            </a:extLst>
          </p:cNvPr>
          <p:cNvSpPr>
            <a:spLocks/>
          </p:cNvSpPr>
          <p:nvPr/>
        </p:nvSpPr>
        <p:spPr>
          <a:xfrm>
            <a:off x="1066918" y="4740482"/>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solidFill>
                  <a:schemeClr val="tx1"/>
                </a:solidFill>
              </a:rPr>
              <a:t>Devices og slutbrugerudstyr</a:t>
            </a:r>
          </a:p>
        </p:txBody>
      </p:sp>
      <p:sp>
        <p:nvSpPr>
          <p:cNvPr id="27" name="Rectangle 36">
            <a:extLst>
              <a:ext uri="{FF2B5EF4-FFF2-40B4-BE49-F238E27FC236}">
                <a16:creationId xmlns:a16="http://schemas.microsoft.com/office/drawing/2014/main" id="{FA9BEA57-245B-D921-6F36-C575D086E3B0}"/>
              </a:ext>
            </a:extLst>
          </p:cNvPr>
          <p:cNvSpPr>
            <a:spLocks/>
          </p:cNvSpPr>
          <p:nvPr/>
        </p:nvSpPr>
        <p:spPr>
          <a:xfrm>
            <a:off x="1066918" y="5057138"/>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solidFill>
                  <a:schemeClr val="tx1"/>
                </a:solidFill>
              </a:rPr>
              <a:t>Cloud-services</a:t>
            </a:r>
          </a:p>
        </p:txBody>
      </p:sp>
      <p:sp>
        <p:nvSpPr>
          <p:cNvPr id="16" name="Rectangle: Rounded Corners 24">
            <a:extLst>
              <a:ext uri="{FF2B5EF4-FFF2-40B4-BE49-F238E27FC236}">
                <a16:creationId xmlns:a16="http://schemas.microsoft.com/office/drawing/2014/main" id="{15EC7C41-95CF-8155-4E1B-6230B393A48A}"/>
              </a:ext>
              <a:ext uri="{C183D7F6-B498-43B3-948B-1728B52AA6E4}">
                <adec:decorative xmlns:adec="http://schemas.microsoft.com/office/drawing/2017/decorative" val="1"/>
              </a:ext>
            </a:extLst>
          </p:cNvPr>
          <p:cNvSpPr/>
          <p:nvPr/>
        </p:nvSpPr>
        <p:spPr>
          <a:xfrm>
            <a:off x="552450" y="2529190"/>
            <a:ext cx="11193186" cy="3570053"/>
          </a:xfrm>
          <a:prstGeom prst="roundRect">
            <a:avLst>
              <a:gd name="adj" fmla="val 1336"/>
            </a:avLst>
          </a:prstGeom>
          <a:noFill/>
          <a:ln w="9525" cap="flat" cmpd="sng" algn="ctr">
            <a:solidFill>
              <a:schemeClr val="accent3"/>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200" noProof="0"/>
          </a:p>
        </p:txBody>
      </p:sp>
      <p:sp>
        <p:nvSpPr>
          <p:cNvPr id="29" name="Rectangle 36">
            <a:extLst>
              <a:ext uri="{FF2B5EF4-FFF2-40B4-BE49-F238E27FC236}">
                <a16:creationId xmlns:a16="http://schemas.microsoft.com/office/drawing/2014/main" id="{DAA6488E-235B-6CF6-D23F-B7E88B689A4C}"/>
              </a:ext>
            </a:extLst>
          </p:cNvPr>
          <p:cNvSpPr>
            <a:spLocks/>
          </p:cNvSpPr>
          <p:nvPr/>
        </p:nvSpPr>
        <p:spPr>
          <a:xfrm>
            <a:off x="1066918" y="5384211"/>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atacenterinfrastruktur</a:t>
            </a:r>
          </a:p>
        </p:txBody>
      </p:sp>
      <p:sp>
        <p:nvSpPr>
          <p:cNvPr id="30" name="Rectangle 36">
            <a:extLst>
              <a:ext uri="{FF2B5EF4-FFF2-40B4-BE49-F238E27FC236}">
                <a16:creationId xmlns:a16="http://schemas.microsoft.com/office/drawing/2014/main" id="{CBB6E4FF-37C9-7736-8E7E-8E7AA6463CF6}"/>
              </a:ext>
            </a:extLst>
          </p:cNvPr>
          <p:cNvSpPr>
            <a:spLocks/>
          </p:cNvSpPr>
          <p:nvPr/>
        </p:nvSpPr>
        <p:spPr>
          <a:xfrm>
            <a:off x="1066918" y="5705618"/>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Netværksinfrastruktur</a:t>
            </a:r>
          </a:p>
        </p:txBody>
      </p:sp>
      <p:sp>
        <p:nvSpPr>
          <p:cNvPr id="52" name="Rectangle 43">
            <a:extLst>
              <a:ext uri="{FF2B5EF4-FFF2-40B4-BE49-F238E27FC236}">
                <a16:creationId xmlns:a16="http://schemas.microsoft.com/office/drawing/2014/main" id="{30B6EC91-ABB2-B8DB-EBDB-EC871713F337}"/>
              </a:ext>
            </a:extLst>
          </p:cNvPr>
          <p:cNvSpPr>
            <a:spLocks/>
          </p:cNvSpPr>
          <p:nvPr/>
        </p:nvSpPr>
        <p:spPr>
          <a:xfrm>
            <a:off x="3221337" y="2610299"/>
            <a:ext cx="2002501" cy="377163"/>
          </a:xfrm>
          <a:prstGeom prst="roundRect">
            <a:avLst>
              <a:gd name="adj" fmla="val 7462"/>
            </a:avLst>
          </a:prstGeom>
          <a:solidFill>
            <a:srgbClr val="E8ECF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a:solidFill>
                  <a:srgbClr val="014C77"/>
                </a:solidFill>
              </a:rPr>
              <a:t>01 | </a:t>
            </a:r>
            <a:r>
              <a:rPr lang="da-DK" sz="800" b="1" noProof="0">
                <a:solidFill>
                  <a:srgbClr val="024D78"/>
                </a:solidFill>
              </a:rPr>
              <a:t>Høj afhængighed af større leverandører og manglende konkurrence</a:t>
            </a:r>
            <a:endParaRPr lang="da-DK" sz="800" b="1" noProof="0">
              <a:solidFill>
                <a:srgbClr val="014C77"/>
              </a:solidFill>
            </a:endParaRPr>
          </a:p>
        </p:txBody>
      </p:sp>
      <p:sp>
        <p:nvSpPr>
          <p:cNvPr id="56" name="Rectangle 36">
            <a:extLst>
              <a:ext uri="{FF2B5EF4-FFF2-40B4-BE49-F238E27FC236}">
                <a16:creationId xmlns:a16="http://schemas.microsoft.com/office/drawing/2014/main" id="{0BC26C98-E891-0ED6-2028-3EC49CA078D2}"/>
              </a:ext>
            </a:extLst>
          </p:cNvPr>
          <p:cNvSpPr>
            <a:spLocks/>
          </p:cNvSpPr>
          <p:nvPr/>
        </p:nvSpPr>
        <p:spPr>
          <a:xfrm>
            <a:off x="3221339" y="3389663"/>
            <a:ext cx="2002499"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Danske it-leverandørers løsninger bygger ofte på ikke-europæiske platforme og standarder, som kan være svære at påvirke og kontrollere.</a:t>
            </a:r>
          </a:p>
        </p:txBody>
      </p:sp>
      <p:sp>
        <p:nvSpPr>
          <p:cNvPr id="57" name="Rectangle 36">
            <a:extLst>
              <a:ext uri="{FF2B5EF4-FFF2-40B4-BE49-F238E27FC236}">
                <a16:creationId xmlns:a16="http://schemas.microsoft.com/office/drawing/2014/main" id="{24FBEEBB-5C17-F915-1218-E07E57E3598C}"/>
              </a:ext>
            </a:extLst>
          </p:cNvPr>
          <p:cNvSpPr>
            <a:spLocks/>
          </p:cNvSpPr>
          <p:nvPr/>
        </p:nvSpPr>
        <p:spPr>
          <a:xfrm>
            <a:off x="3221339" y="3707395"/>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H</a:t>
            </a:r>
            <a:r>
              <a:rPr lang="da-DK" sz="600" noProof="0">
                <a:solidFill>
                  <a:schemeClr val="tx1"/>
                </a:solidFill>
              </a:rPr>
              <a:t>øj grad</a:t>
            </a:r>
            <a:r>
              <a:rPr lang="da-DK" sz="600" noProof="0" dirty="0">
                <a:solidFill>
                  <a:schemeClr val="tx1"/>
                </a:solidFill>
              </a:rPr>
              <a:t> af</a:t>
            </a:r>
            <a:r>
              <a:rPr lang="da-DK" sz="600" noProof="0">
                <a:solidFill>
                  <a:schemeClr val="tx1"/>
                </a:solidFill>
              </a:rPr>
              <a:t> afhængighed </a:t>
            </a:r>
            <a:r>
              <a:rPr lang="da-DK" sz="600" noProof="0" dirty="0">
                <a:solidFill>
                  <a:schemeClr val="tx1"/>
                </a:solidFill>
              </a:rPr>
              <a:t>til</a:t>
            </a:r>
            <a:r>
              <a:rPr lang="da-DK" sz="600" noProof="0">
                <a:solidFill>
                  <a:schemeClr val="tx1"/>
                </a:solidFill>
              </a:rPr>
              <a:t> amerikanske </a:t>
            </a:r>
            <a:r>
              <a:rPr lang="da-DK" sz="600" noProof="0" dirty="0" err="1">
                <a:solidFill>
                  <a:schemeClr val="tx1"/>
                </a:solidFill>
              </a:rPr>
              <a:t>hyperscalers</a:t>
            </a:r>
            <a:r>
              <a:rPr lang="da-DK" sz="600" noProof="0">
                <a:solidFill>
                  <a:schemeClr val="tx1"/>
                </a:solidFill>
              </a:rPr>
              <a:t> og </a:t>
            </a:r>
            <a:r>
              <a:rPr lang="da-DK" sz="600" noProof="0" dirty="0" err="1">
                <a:solidFill>
                  <a:schemeClr val="tx1"/>
                </a:solidFill>
              </a:rPr>
              <a:t>proprietære</a:t>
            </a:r>
            <a:r>
              <a:rPr lang="da-DK" sz="600" noProof="0">
                <a:solidFill>
                  <a:schemeClr val="tx1"/>
                </a:solidFill>
              </a:rPr>
              <a:t> løsninger</a:t>
            </a:r>
            <a:r>
              <a:rPr lang="da-DK" sz="600" noProof="0" dirty="0">
                <a:solidFill>
                  <a:schemeClr val="tx1"/>
                </a:solidFill>
              </a:rPr>
              <a:t> - dog m</a:t>
            </a:r>
            <a:r>
              <a:rPr lang="da-DK" sz="600" noProof="0">
                <a:solidFill>
                  <a:schemeClr val="tx1"/>
                </a:solidFill>
              </a:rPr>
              <a:t>ulighed for </a:t>
            </a:r>
            <a:r>
              <a:rPr lang="da-DK" sz="600" noProof="0" dirty="0">
                <a:solidFill>
                  <a:schemeClr val="tx1"/>
                </a:solidFill>
              </a:rPr>
              <a:t>OSS</a:t>
            </a:r>
            <a:r>
              <a:rPr lang="da-DK" sz="600" noProof="0">
                <a:solidFill>
                  <a:schemeClr val="tx1"/>
                </a:solidFill>
              </a:rPr>
              <a:t>-alternativer.</a:t>
            </a:r>
          </a:p>
        </p:txBody>
      </p:sp>
      <p:sp>
        <p:nvSpPr>
          <p:cNvPr id="59" name="Rectangle 36">
            <a:extLst>
              <a:ext uri="{FF2B5EF4-FFF2-40B4-BE49-F238E27FC236}">
                <a16:creationId xmlns:a16="http://schemas.microsoft.com/office/drawing/2014/main" id="{6B129F21-C6CD-D97F-A28F-FC5F029CABB8}"/>
              </a:ext>
            </a:extLst>
          </p:cNvPr>
          <p:cNvSpPr>
            <a:spLocks/>
          </p:cNvSpPr>
          <p:nvPr/>
        </p:nvSpPr>
        <p:spPr>
          <a:xfrm>
            <a:off x="3221337" y="3071931"/>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pPr defTabSz="914400" eaLnBrk="0" fontAlgn="base" hangingPunct="0">
              <a:spcBef>
                <a:spcPct val="0"/>
              </a:spcBef>
              <a:spcAft>
                <a:spcPct val="0"/>
              </a:spcAft>
            </a:pPr>
            <a:r>
              <a:rPr lang="da-DK" sz="600" noProof="0" dirty="0">
                <a:solidFill>
                  <a:schemeClr val="tx1"/>
                </a:solidFill>
              </a:rPr>
              <a:t>Meget AI afvikles via amerikanske </a:t>
            </a:r>
            <a:r>
              <a:rPr lang="da-DK" sz="600" noProof="0" dirty="0" err="1">
                <a:solidFill>
                  <a:schemeClr val="tx1"/>
                </a:solidFill>
              </a:rPr>
              <a:t>hyperscalers</a:t>
            </a:r>
            <a:r>
              <a:rPr lang="da-DK" sz="600" noProof="0" dirty="0">
                <a:solidFill>
                  <a:schemeClr val="tx1"/>
                </a:solidFill>
              </a:rPr>
              <a:t>. Der ses europæiske alternativer i mindre skala.</a:t>
            </a:r>
          </a:p>
        </p:txBody>
      </p:sp>
      <p:sp>
        <p:nvSpPr>
          <p:cNvPr id="65" name="Rectangle 36">
            <a:extLst>
              <a:ext uri="{FF2B5EF4-FFF2-40B4-BE49-F238E27FC236}">
                <a16:creationId xmlns:a16="http://schemas.microsoft.com/office/drawing/2014/main" id="{BBE8360C-77F4-6FF6-E624-88913C0DACA5}"/>
              </a:ext>
            </a:extLst>
          </p:cNvPr>
          <p:cNvSpPr>
            <a:spLocks/>
          </p:cNvSpPr>
          <p:nvPr/>
        </p:nvSpPr>
        <p:spPr>
          <a:xfrm>
            <a:off x="3221339" y="4025127"/>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Afhængighed til amerikanske </a:t>
            </a:r>
            <a:r>
              <a:rPr lang="da-DK" sz="600" noProof="0" dirty="0" err="1">
                <a:solidFill>
                  <a:schemeClr val="tx1"/>
                </a:solidFill>
              </a:rPr>
              <a:t>proprietære</a:t>
            </a:r>
            <a:r>
              <a:rPr lang="da-DK" sz="600" noProof="0" dirty="0">
                <a:solidFill>
                  <a:schemeClr val="tx1"/>
                </a:solidFill>
              </a:rPr>
              <a:t> løsninger -</a:t>
            </a:r>
            <a:r>
              <a:rPr lang="da-DK" sz="600" noProof="0">
                <a:solidFill>
                  <a:schemeClr val="tx1"/>
                </a:solidFill>
              </a:rPr>
              <a:t> især til brugerstyring. Der findes dog flere europæiske leverandører og alternative løsninger.  </a:t>
            </a:r>
          </a:p>
        </p:txBody>
      </p:sp>
      <p:sp>
        <p:nvSpPr>
          <p:cNvPr id="71" name="Rectangle 36">
            <a:extLst>
              <a:ext uri="{FF2B5EF4-FFF2-40B4-BE49-F238E27FC236}">
                <a16:creationId xmlns:a16="http://schemas.microsoft.com/office/drawing/2014/main" id="{3076A776-346F-41E2-AB3F-36FD07465CBD}"/>
              </a:ext>
            </a:extLst>
          </p:cNvPr>
          <p:cNvSpPr>
            <a:spLocks/>
          </p:cNvSpPr>
          <p:nvPr/>
        </p:nvSpPr>
        <p:spPr>
          <a:xfrm>
            <a:off x="3221339" y="4342859"/>
            <a:ext cx="2002501" cy="274932"/>
          </a:xfrm>
          <a:prstGeom prst="roundRect">
            <a:avLst>
              <a:gd name="adj" fmla="val 2658"/>
            </a:avLst>
          </a:prstGeom>
          <a:noFill/>
          <a:ln w="9525" cap="flat" cmpd="sng" algn="ctr">
            <a:solidFill>
              <a:srgbClr val="CDECF2"/>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Danske it-leverandørers løsninger bygger ofte på ikke-europæiske platforme og standarder, som kan være svære at påvirke og kontrollere.</a:t>
            </a:r>
          </a:p>
        </p:txBody>
      </p:sp>
      <p:sp>
        <p:nvSpPr>
          <p:cNvPr id="84" name="Rectangle 36">
            <a:extLst>
              <a:ext uri="{FF2B5EF4-FFF2-40B4-BE49-F238E27FC236}">
                <a16:creationId xmlns:a16="http://schemas.microsoft.com/office/drawing/2014/main" id="{CBEC1E4F-AF54-A189-385C-50517BB6204A}"/>
              </a:ext>
            </a:extLst>
          </p:cNvPr>
          <p:cNvSpPr>
            <a:spLocks/>
          </p:cNvSpPr>
          <p:nvPr/>
        </p:nvSpPr>
        <p:spPr>
          <a:xfrm>
            <a:off x="3221339" y="4740482"/>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Høj afhængighed til amerikanske og herefter kinesiske leverandører med betydelige skalafordele og leverancekapacitet med få europæiske alternativer.</a:t>
            </a:r>
          </a:p>
        </p:txBody>
      </p:sp>
      <p:sp>
        <p:nvSpPr>
          <p:cNvPr id="85" name="Rectangle 36">
            <a:extLst>
              <a:ext uri="{FF2B5EF4-FFF2-40B4-BE49-F238E27FC236}">
                <a16:creationId xmlns:a16="http://schemas.microsoft.com/office/drawing/2014/main" id="{191A884E-CDF8-B68E-8CBE-F2EE9B4F7A29}"/>
              </a:ext>
            </a:extLst>
          </p:cNvPr>
          <p:cNvSpPr>
            <a:spLocks/>
          </p:cNvSpPr>
          <p:nvPr/>
        </p:nvSpPr>
        <p:spPr>
          <a:xfrm>
            <a:off x="3221339" y="5057138"/>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0" rtlCol="0" anchor="ctr"/>
          <a:lstStyle/>
          <a:p>
            <a:endParaRPr lang="da-DK" sz="600" noProof="0" dirty="0">
              <a:solidFill>
                <a:schemeClr val="tx1"/>
              </a:solidFill>
            </a:endParaRPr>
          </a:p>
          <a:p>
            <a:r>
              <a:rPr lang="da-DK" sz="600" noProof="0" dirty="0">
                <a:solidFill>
                  <a:schemeClr val="tx1"/>
                </a:solidFill>
              </a:rPr>
              <a:t>Amerikanske</a:t>
            </a:r>
            <a:r>
              <a:rPr lang="da-DK" sz="600" noProof="0">
                <a:solidFill>
                  <a:schemeClr val="tx1"/>
                </a:solidFill>
              </a:rPr>
              <a:t> </a:t>
            </a:r>
            <a:r>
              <a:rPr lang="da-DK" sz="600" noProof="0" dirty="0" err="1">
                <a:solidFill>
                  <a:schemeClr val="tx1"/>
                </a:solidFill>
              </a:rPr>
              <a:t>hyperscalers</a:t>
            </a:r>
            <a:r>
              <a:rPr lang="da-DK" sz="600" noProof="0">
                <a:solidFill>
                  <a:schemeClr val="tx1"/>
                </a:solidFill>
              </a:rPr>
              <a:t> har en dominerende markedsposition</a:t>
            </a:r>
            <a:r>
              <a:rPr lang="da-DK" sz="600" noProof="0" dirty="0">
                <a:solidFill>
                  <a:schemeClr val="tx1"/>
                </a:solidFill>
              </a:rPr>
              <a:t> -</a:t>
            </a:r>
            <a:r>
              <a:rPr lang="da-DK" sz="600" noProof="0">
                <a:solidFill>
                  <a:schemeClr val="tx1"/>
                </a:solidFill>
              </a:rPr>
              <a:t> </a:t>
            </a:r>
            <a:r>
              <a:rPr lang="da-DK" sz="600" noProof="0" dirty="0">
                <a:solidFill>
                  <a:schemeClr val="tx1"/>
                </a:solidFill>
              </a:rPr>
              <a:t>dog med</a:t>
            </a:r>
            <a:r>
              <a:rPr lang="da-DK" sz="600" noProof="0">
                <a:solidFill>
                  <a:schemeClr val="tx1"/>
                </a:solidFill>
              </a:rPr>
              <a:t> europæiske alternativer </a:t>
            </a:r>
            <a:r>
              <a:rPr lang="da-DK" sz="600" noProof="0" dirty="0">
                <a:solidFill>
                  <a:schemeClr val="tx1"/>
                </a:solidFill>
              </a:rPr>
              <a:t>som har</a:t>
            </a:r>
            <a:r>
              <a:rPr lang="da-DK" sz="600" noProof="0">
                <a:solidFill>
                  <a:schemeClr val="tx1"/>
                </a:solidFill>
              </a:rPr>
              <a:t> skaleringsmuligheder. </a:t>
            </a:r>
          </a:p>
          <a:p>
            <a:endParaRPr lang="da-DK" sz="600" noProof="0">
              <a:solidFill>
                <a:schemeClr val="tx1"/>
              </a:solidFill>
            </a:endParaRPr>
          </a:p>
        </p:txBody>
      </p:sp>
      <p:sp>
        <p:nvSpPr>
          <p:cNvPr id="86" name="Rectangle 36">
            <a:extLst>
              <a:ext uri="{FF2B5EF4-FFF2-40B4-BE49-F238E27FC236}">
                <a16:creationId xmlns:a16="http://schemas.microsoft.com/office/drawing/2014/main" id="{86A3A428-8253-1418-233A-DBE849171E98}"/>
              </a:ext>
            </a:extLst>
          </p:cNvPr>
          <p:cNvSpPr>
            <a:spLocks/>
          </p:cNvSpPr>
          <p:nvPr/>
        </p:nvSpPr>
        <p:spPr>
          <a:xfrm>
            <a:off x="3221339" y="5384211"/>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Stor </a:t>
            </a:r>
            <a:r>
              <a:rPr lang="da-DK" sz="600" noProof="0">
                <a:solidFill>
                  <a:schemeClr val="tx1"/>
                </a:solidFill>
              </a:rPr>
              <a:t>afhængighed ift. </a:t>
            </a:r>
            <a:r>
              <a:rPr lang="da-DK" sz="600" noProof="0" dirty="0">
                <a:solidFill>
                  <a:schemeClr val="tx1"/>
                </a:solidFill>
              </a:rPr>
              <a:t>hardware fra ikke-europæiske lande -</a:t>
            </a:r>
            <a:r>
              <a:rPr lang="da-DK" sz="600" noProof="0">
                <a:solidFill>
                  <a:schemeClr val="tx1"/>
                </a:solidFill>
              </a:rPr>
              <a:t> dog ses flere </a:t>
            </a:r>
            <a:r>
              <a:rPr lang="da-DK" sz="600" noProof="0" dirty="0">
                <a:solidFill>
                  <a:schemeClr val="tx1"/>
                </a:solidFill>
              </a:rPr>
              <a:t>OSS</a:t>
            </a:r>
            <a:r>
              <a:rPr lang="da-DK" sz="600" noProof="0">
                <a:solidFill>
                  <a:schemeClr val="tx1"/>
                </a:solidFill>
              </a:rPr>
              <a:t>-produkter og et større dansk og </a:t>
            </a:r>
            <a:r>
              <a:rPr lang="da-DK" sz="600" noProof="0" dirty="0">
                <a:solidFill>
                  <a:schemeClr val="tx1"/>
                </a:solidFill>
              </a:rPr>
              <a:t>europæisk </a:t>
            </a:r>
            <a:r>
              <a:rPr lang="da-DK" sz="600" noProof="0">
                <a:solidFill>
                  <a:schemeClr val="tx1"/>
                </a:solidFill>
              </a:rPr>
              <a:t>marked for datacenterydelser. </a:t>
            </a:r>
          </a:p>
        </p:txBody>
      </p:sp>
      <p:sp>
        <p:nvSpPr>
          <p:cNvPr id="87" name="Rectangle 36">
            <a:extLst>
              <a:ext uri="{FF2B5EF4-FFF2-40B4-BE49-F238E27FC236}">
                <a16:creationId xmlns:a16="http://schemas.microsoft.com/office/drawing/2014/main" id="{1D1C89B2-DBE9-90B3-93F5-8DF049BC69B0}"/>
              </a:ext>
            </a:extLst>
          </p:cNvPr>
          <p:cNvSpPr>
            <a:spLocks/>
          </p:cNvSpPr>
          <p:nvPr/>
        </p:nvSpPr>
        <p:spPr>
          <a:xfrm>
            <a:off x="3221339" y="5705618"/>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Stor afhængighed ift. hardware fra ikke-europæiske lande - dog ses flere OSS-produkter og et større dansk og europæisk marked for netværksydelser. </a:t>
            </a:r>
          </a:p>
        </p:txBody>
      </p:sp>
      <p:sp>
        <p:nvSpPr>
          <p:cNvPr id="53" name="Rectangle 43">
            <a:extLst>
              <a:ext uri="{FF2B5EF4-FFF2-40B4-BE49-F238E27FC236}">
                <a16:creationId xmlns:a16="http://schemas.microsoft.com/office/drawing/2014/main" id="{77A79E51-1B60-65FD-86FA-A6FB798278AB}"/>
              </a:ext>
            </a:extLst>
          </p:cNvPr>
          <p:cNvSpPr>
            <a:spLocks/>
          </p:cNvSpPr>
          <p:nvPr/>
        </p:nvSpPr>
        <p:spPr>
          <a:xfrm>
            <a:off x="5360538" y="2610299"/>
            <a:ext cx="2002501" cy="377163"/>
          </a:xfrm>
          <a:prstGeom prst="roundRect">
            <a:avLst>
              <a:gd name="adj" fmla="val 7462"/>
            </a:avLst>
          </a:prstGeom>
          <a:solidFill>
            <a:srgbClr val="F2F2F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a:solidFill>
                  <a:srgbClr val="014C77"/>
                </a:solidFill>
              </a:rPr>
              <a:t>02 | </a:t>
            </a:r>
            <a:r>
              <a:rPr lang="da-DK" sz="800" b="1" noProof="0">
                <a:solidFill>
                  <a:srgbClr val="024D78"/>
                </a:solidFill>
              </a:rPr>
              <a:t>Manglende kontrol og transparens over egne data</a:t>
            </a:r>
            <a:endParaRPr lang="da-DK" sz="800" b="1" noProof="0">
              <a:solidFill>
                <a:srgbClr val="014C77"/>
              </a:solidFill>
            </a:endParaRPr>
          </a:p>
        </p:txBody>
      </p:sp>
      <p:sp>
        <p:nvSpPr>
          <p:cNvPr id="33" name="Rectangle 36">
            <a:extLst>
              <a:ext uri="{FF2B5EF4-FFF2-40B4-BE49-F238E27FC236}">
                <a16:creationId xmlns:a16="http://schemas.microsoft.com/office/drawing/2014/main" id="{1E72D121-9EA1-99A9-5A6E-50C24ECD5981}"/>
              </a:ext>
            </a:extLst>
          </p:cNvPr>
          <p:cNvSpPr>
            <a:spLocks/>
          </p:cNvSpPr>
          <p:nvPr/>
        </p:nvSpPr>
        <p:spPr>
          <a:xfrm>
            <a:off x="5359370" y="3389663"/>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Stigende tendens imod at levere løsninger (med følsomme data) som software-as-a-service (SaaS) via cloud</a:t>
            </a:r>
            <a:r>
              <a:rPr lang="da-DK" sz="600" noProof="0" dirty="0">
                <a:solidFill>
                  <a:schemeClr val="tx1"/>
                </a:solidFill>
              </a:rPr>
              <a:t>, hvilket kan </a:t>
            </a:r>
            <a:r>
              <a:rPr lang="da-DK" sz="600" noProof="0">
                <a:solidFill>
                  <a:schemeClr val="tx1"/>
                </a:solidFill>
              </a:rPr>
              <a:t>være svært at kontrollere. </a:t>
            </a:r>
          </a:p>
        </p:txBody>
      </p:sp>
      <p:sp>
        <p:nvSpPr>
          <p:cNvPr id="34" name="Rectangle 36">
            <a:extLst>
              <a:ext uri="{FF2B5EF4-FFF2-40B4-BE49-F238E27FC236}">
                <a16:creationId xmlns:a16="http://schemas.microsoft.com/office/drawing/2014/main" id="{41DD11AA-7465-56DC-EB58-07A202F4E1BA}"/>
              </a:ext>
            </a:extLst>
          </p:cNvPr>
          <p:cNvSpPr>
            <a:spLocks/>
          </p:cNvSpPr>
          <p:nvPr/>
        </p:nvSpPr>
        <p:spPr>
          <a:xfrm>
            <a:off x="5359370" y="3707395"/>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De fleste kontorpakker og samarbejdsværktøjer afvikles som SaaS</a:t>
            </a:r>
            <a:r>
              <a:rPr lang="da-DK" sz="600" noProof="0" dirty="0">
                <a:solidFill>
                  <a:schemeClr val="tx1"/>
                </a:solidFill>
              </a:rPr>
              <a:t>. Løsninger kan</a:t>
            </a:r>
            <a:r>
              <a:rPr lang="da-DK" sz="600" noProof="0">
                <a:solidFill>
                  <a:schemeClr val="tx1"/>
                </a:solidFill>
              </a:rPr>
              <a:t> indeholde følsomme data og være svære at kontrollere.</a:t>
            </a:r>
          </a:p>
        </p:txBody>
      </p:sp>
      <p:sp>
        <p:nvSpPr>
          <p:cNvPr id="40" name="Rectangle 36">
            <a:extLst>
              <a:ext uri="{FF2B5EF4-FFF2-40B4-BE49-F238E27FC236}">
                <a16:creationId xmlns:a16="http://schemas.microsoft.com/office/drawing/2014/main" id="{0B90D4B0-D64D-F8D8-F8B1-BE42A1C84966}"/>
              </a:ext>
            </a:extLst>
          </p:cNvPr>
          <p:cNvSpPr>
            <a:spLocks/>
          </p:cNvSpPr>
          <p:nvPr/>
        </p:nvSpPr>
        <p:spPr>
          <a:xfrm>
            <a:off x="5359368" y="3071931"/>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pPr lvl="0" defTabSz="914400" eaLnBrk="0" fontAlgn="base" hangingPunct="0">
              <a:spcBef>
                <a:spcPct val="0"/>
              </a:spcBef>
              <a:spcAft>
                <a:spcPct val="0"/>
              </a:spcAft>
            </a:pPr>
            <a:r>
              <a:rPr lang="da-DK" sz="600" noProof="0" dirty="0">
                <a:solidFill>
                  <a:schemeClr val="tx1"/>
                </a:solidFill>
              </a:rPr>
              <a:t>De fleste AI-løsninger kører på cloud-infrastruktur fra </a:t>
            </a:r>
            <a:r>
              <a:rPr lang="da-DK" sz="600" noProof="0" dirty="0" err="1">
                <a:solidFill>
                  <a:schemeClr val="tx1"/>
                </a:solidFill>
              </a:rPr>
              <a:t>hyperscalers</a:t>
            </a:r>
            <a:r>
              <a:rPr lang="da-DK" sz="600" noProof="0" dirty="0">
                <a:solidFill>
                  <a:schemeClr val="tx1"/>
                </a:solidFill>
              </a:rPr>
              <a:t> som kan være svære at kontrollere. Dog betydelig opmærksomhed på følsomme data. </a:t>
            </a:r>
          </a:p>
        </p:txBody>
      </p:sp>
      <p:sp>
        <p:nvSpPr>
          <p:cNvPr id="41" name="Rectangle 36">
            <a:extLst>
              <a:ext uri="{FF2B5EF4-FFF2-40B4-BE49-F238E27FC236}">
                <a16:creationId xmlns:a16="http://schemas.microsoft.com/office/drawing/2014/main" id="{814C2582-F83C-C326-FBF1-DE4182272009}"/>
              </a:ext>
            </a:extLst>
          </p:cNvPr>
          <p:cNvSpPr>
            <a:spLocks/>
          </p:cNvSpPr>
          <p:nvPr/>
        </p:nvSpPr>
        <p:spPr>
          <a:xfrm>
            <a:off x="5359370" y="4025127"/>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Stigende tendens imod at levere løsninger (med følsomme data) som SaaS via cloud, hvilket kan være svært at kontrollere. </a:t>
            </a:r>
          </a:p>
        </p:txBody>
      </p:sp>
      <p:sp>
        <p:nvSpPr>
          <p:cNvPr id="42" name="Rectangle 36">
            <a:extLst>
              <a:ext uri="{FF2B5EF4-FFF2-40B4-BE49-F238E27FC236}">
                <a16:creationId xmlns:a16="http://schemas.microsoft.com/office/drawing/2014/main" id="{EA827CDB-DA35-DD1C-679F-A75879AE967C}"/>
              </a:ext>
            </a:extLst>
          </p:cNvPr>
          <p:cNvSpPr>
            <a:spLocks/>
          </p:cNvSpPr>
          <p:nvPr/>
        </p:nvSpPr>
        <p:spPr>
          <a:xfrm>
            <a:off x="5359370" y="4342859"/>
            <a:ext cx="2002501" cy="274932"/>
          </a:xfrm>
          <a:prstGeom prst="roundRect">
            <a:avLst>
              <a:gd name="adj" fmla="val 2658"/>
            </a:avLst>
          </a:prstGeom>
          <a:noFill/>
          <a:ln w="9525" cap="flat" cmpd="sng" algn="ctr">
            <a:solidFill>
              <a:srgbClr val="CDECF2"/>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0" rtlCol="0" anchor="ctr"/>
          <a:lstStyle/>
          <a:p>
            <a:r>
              <a:rPr lang="da-DK" sz="600" noProof="0" dirty="0">
                <a:solidFill>
                  <a:schemeClr val="tx1"/>
                </a:solidFill>
              </a:rPr>
              <a:t>Det kan være vanskeligt at</a:t>
            </a:r>
            <a:r>
              <a:rPr lang="da-DK" sz="600" noProof="0">
                <a:solidFill>
                  <a:schemeClr val="tx1"/>
                </a:solidFill>
              </a:rPr>
              <a:t> skabe et komplet overblik over </a:t>
            </a:r>
            <a:r>
              <a:rPr lang="da-DK" sz="600" noProof="0" dirty="0" err="1">
                <a:solidFill>
                  <a:schemeClr val="tx1"/>
                </a:solidFill>
              </a:rPr>
              <a:t>løsniger</a:t>
            </a:r>
            <a:r>
              <a:rPr lang="da-DK" sz="600" noProof="0">
                <a:solidFill>
                  <a:schemeClr val="tx1"/>
                </a:solidFill>
              </a:rPr>
              <a:t> og data, </a:t>
            </a:r>
            <a:r>
              <a:rPr lang="da-DK" sz="600" noProof="0" dirty="0">
                <a:solidFill>
                  <a:schemeClr val="tx1"/>
                </a:solidFill>
              </a:rPr>
              <a:t>da</a:t>
            </a:r>
            <a:r>
              <a:rPr lang="da-DK" sz="600" noProof="0">
                <a:solidFill>
                  <a:schemeClr val="tx1"/>
                </a:solidFill>
              </a:rPr>
              <a:t> data bevæger sig i et komplekst og stort økosystem.  </a:t>
            </a:r>
          </a:p>
        </p:txBody>
      </p:sp>
      <p:sp>
        <p:nvSpPr>
          <p:cNvPr id="43" name="Rectangle 36">
            <a:extLst>
              <a:ext uri="{FF2B5EF4-FFF2-40B4-BE49-F238E27FC236}">
                <a16:creationId xmlns:a16="http://schemas.microsoft.com/office/drawing/2014/main" id="{33CB58FA-ACEB-375D-FD4A-3DEE414EA5F9}"/>
              </a:ext>
            </a:extLst>
          </p:cNvPr>
          <p:cNvSpPr>
            <a:spLocks/>
          </p:cNvSpPr>
          <p:nvPr/>
        </p:nvSpPr>
        <p:spPr>
          <a:xfrm>
            <a:off x="5359370" y="4740482"/>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Mindre grad af systematisk styring af </a:t>
            </a:r>
            <a:r>
              <a:rPr lang="da-DK" sz="600" noProof="0" dirty="0" err="1">
                <a:solidFill>
                  <a:schemeClr val="tx1"/>
                </a:solidFill>
              </a:rPr>
              <a:t>devices</a:t>
            </a:r>
            <a:r>
              <a:rPr lang="da-DK" sz="600" noProof="0">
                <a:solidFill>
                  <a:schemeClr val="tx1"/>
                </a:solidFill>
              </a:rPr>
              <a:t> som fx </a:t>
            </a:r>
            <a:r>
              <a:rPr lang="da-DK" sz="600" noProof="0" dirty="0" err="1">
                <a:solidFill>
                  <a:schemeClr val="tx1"/>
                </a:solidFill>
              </a:rPr>
              <a:t>IoT</a:t>
            </a:r>
            <a:r>
              <a:rPr lang="da-DK" sz="600" noProof="0">
                <a:solidFill>
                  <a:schemeClr val="tx1"/>
                </a:solidFill>
              </a:rPr>
              <a:t>-enheder og kameraer</a:t>
            </a:r>
            <a:r>
              <a:rPr lang="da-DK" sz="600" noProof="0" dirty="0">
                <a:solidFill>
                  <a:schemeClr val="tx1"/>
                </a:solidFill>
              </a:rPr>
              <a:t> på trods af, at løsninger</a:t>
            </a:r>
            <a:r>
              <a:rPr lang="da-DK" sz="600" noProof="0">
                <a:solidFill>
                  <a:schemeClr val="tx1"/>
                </a:solidFill>
              </a:rPr>
              <a:t> indsamler data og indeholder software.</a:t>
            </a:r>
          </a:p>
        </p:txBody>
      </p:sp>
      <p:sp>
        <p:nvSpPr>
          <p:cNvPr id="44" name="Rectangle 36">
            <a:extLst>
              <a:ext uri="{FF2B5EF4-FFF2-40B4-BE49-F238E27FC236}">
                <a16:creationId xmlns:a16="http://schemas.microsoft.com/office/drawing/2014/main" id="{F88F5F90-67E1-6389-0D6C-2C36EB8BC4CB}"/>
              </a:ext>
            </a:extLst>
          </p:cNvPr>
          <p:cNvSpPr>
            <a:spLocks/>
          </p:cNvSpPr>
          <p:nvPr/>
        </p:nvSpPr>
        <p:spPr>
          <a:xfrm>
            <a:off x="5359370" y="5057138"/>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Stor b</a:t>
            </a:r>
            <a:r>
              <a:rPr lang="da-DK" sz="600" noProof="0">
                <a:solidFill>
                  <a:schemeClr val="tx1"/>
                </a:solidFill>
              </a:rPr>
              <a:t>rug af ikke-europæiske cloudleverandører og brug af danske og europæiske leverandører, som anvender clouds uden for EU, der kan være svære at kontrollere.</a:t>
            </a:r>
          </a:p>
        </p:txBody>
      </p:sp>
      <p:sp>
        <p:nvSpPr>
          <p:cNvPr id="45" name="Rectangle 36">
            <a:extLst>
              <a:ext uri="{FF2B5EF4-FFF2-40B4-BE49-F238E27FC236}">
                <a16:creationId xmlns:a16="http://schemas.microsoft.com/office/drawing/2014/main" id="{B0832453-678C-50B1-2543-63A389379684}"/>
              </a:ext>
            </a:extLst>
          </p:cNvPr>
          <p:cNvSpPr>
            <a:spLocks/>
          </p:cNvSpPr>
          <p:nvPr/>
        </p:nvSpPr>
        <p:spPr>
          <a:xfrm>
            <a:off x="5359370" y="5384211"/>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Afhængighed til ikke-europæisk basis-software og management-løsninger med risiko, for at data kommer uden for EU og derved bliver svære at kontrollere.</a:t>
            </a:r>
          </a:p>
        </p:txBody>
      </p:sp>
      <p:sp>
        <p:nvSpPr>
          <p:cNvPr id="46" name="Rectangle 36">
            <a:extLst>
              <a:ext uri="{FF2B5EF4-FFF2-40B4-BE49-F238E27FC236}">
                <a16:creationId xmlns:a16="http://schemas.microsoft.com/office/drawing/2014/main" id="{65719769-11CF-3480-9227-59F5A3816B71}"/>
              </a:ext>
            </a:extLst>
          </p:cNvPr>
          <p:cNvSpPr>
            <a:spLocks/>
          </p:cNvSpPr>
          <p:nvPr/>
        </p:nvSpPr>
        <p:spPr>
          <a:xfrm>
            <a:off x="5359370" y="5705618"/>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Afhængighed til ikke-europæisk basis-software og management-løsninger med risiko, for at data kommer uden for EU og derved bliver svære at kontrollere.</a:t>
            </a:r>
          </a:p>
        </p:txBody>
      </p:sp>
      <p:sp>
        <p:nvSpPr>
          <p:cNvPr id="54" name="Rectangle 43">
            <a:extLst>
              <a:ext uri="{FF2B5EF4-FFF2-40B4-BE49-F238E27FC236}">
                <a16:creationId xmlns:a16="http://schemas.microsoft.com/office/drawing/2014/main" id="{B66566C7-23C1-BF0C-C1E2-F7C98756240A}"/>
              </a:ext>
            </a:extLst>
          </p:cNvPr>
          <p:cNvSpPr>
            <a:spLocks/>
          </p:cNvSpPr>
          <p:nvPr/>
        </p:nvSpPr>
        <p:spPr>
          <a:xfrm>
            <a:off x="7499739" y="2610299"/>
            <a:ext cx="2002501" cy="377163"/>
          </a:xfrm>
          <a:prstGeom prst="roundRect">
            <a:avLst>
              <a:gd name="adj" fmla="val 7462"/>
            </a:avLst>
          </a:prstGeom>
          <a:solidFill>
            <a:srgbClr val="E7EDEE"/>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a:solidFill>
                  <a:srgbClr val="014C77"/>
                </a:solidFill>
              </a:rPr>
              <a:t>03 | </a:t>
            </a:r>
            <a:r>
              <a:rPr lang="da-DK" sz="800" b="1" noProof="0">
                <a:solidFill>
                  <a:srgbClr val="024D78"/>
                </a:solidFill>
              </a:rPr>
              <a:t>Begrænset kontrol og styring af digitale løsninger</a:t>
            </a:r>
            <a:endParaRPr lang="da-DK" sz="800" b="1" noProof="0">
              <a:solidFill>
                <a:srgbClr val="014C77"/>
              </a:solidFill>
            </a:endParaRPr>
          </a:p>
        </p:txBody>
      </p:sp>
      <p:sp>
        <p:nvSpPr>
          <p:cNvPr id="7" name="Rectangle 36">
            <a:extLst>
              <a:ext uri="{FF2B5EF4-FFF2-40B4-BE49-F238E27FC236}">
                <a16:creationId xmlns:a16="http://schemas.microsoft.com/office/drawing/2014/main" id="{E264A101-6ADE-F66D-EE97-592A827CE73E}"/>
              </a:ext>
            </a:extLst>
          </p:cNvPr>
          <p:cNvSpPr>
            <a:spLocks/>
          </p:cNvSpPr>
          <p:nvPr/>
        </p:nvSpPr>
        <p:spPr>
          <a:xfrm>
            <a:off x="7504411" y="3389663"/>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Det område i stakken som er mest moden ifm. it-styring. Mange </a:t>
            </a:r>
            <a:r>
              <a:rPr lang="da-DK" sz="600" noProof="0" dirty="0" err="1">
                <a:solidFill>
                  <a:schemeClr val="tx1"/>
                </a:solidFill>
              </a:rPr>
              <a:t>proprietære</a:t>
            </a:r>
            <a:r>
              <a:rPr lang="da-DK" sz="600" noProof="0">
                <a:solidFill>
                  <a:schemeClr val="tx1"/>
                </a:solidFill>
              </a:rPr>
              <a:t> løsninger, som kan være svære at kontrollere og præge udviklingen af. </a:t>
            </a:r>
          </a:p>
        </p:txBody>
      </p:sp>
      <p:sp>
        <p:nvSpPr>
          <p:cNvPr id="8" name="Rectangle 36">
            <a:extLst>
              <a:ext uri="{FF2B5EF4-FFF2-40B4-BE49-F238E27FC236}">
                <a16:creationId xmlns:a16="http://schemas.microsoft.com/office/drawing/2014/main" id="{14CB9A25-F859-81C6-426A-3A69F745BFA5}"/>
              </a:ext>
            </a:extLst>
          </p:cNvPr>
          <p:cNvSpPr>
            <a:spLocks/>
          </p:cNvSpPr>
          <p:nvPr/>
        </p:nvSpPr>
        <p:spPr>
          <a:xfrm>
            <a:off x="7504411" y="3707395"/>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Lavere grad af styring, mindre gennemsigtighed og manglende viden om alternativer som følge af en meget høj grad af </a:t>
            </a:r>
            <a:r>
              <a:rPr lang="da-DK" sz="600" noProof="0" dirty="0" err="1">
                <a:solidFill>
                  <a:schemeClr val="tx1"/>
                </a:solidFill>
              </a:rPr>
              <a:t>vendor</a:t>
            </a:r>
            <a:r>
              <a:rPr lang="da-DK" sz="600" noProof="0" dirty="0">
                <a:solidFill>
                  <a:schemeClr val="tx1"/>
                </a:solidFill>
              </a:rPr>
              <a:t> </a:t>
            </a:r>
            <a:r>
              <a:rPr lang="da-DK" sz="600" noProof="0" dirty="0" err="1">
                <a:solidFill>
                  <a:schemeClr val="tx1"/>
                </a:solidFill>
              </a:rPr>
              <a:t>lock</a:t>
            </a:r>
            <a:r>
              <a:rPr lang="da-DK" sz="600" noProof="0">
                <a:solidFill>
                  <a:schemeClr val="tx1"/>
                </a:solidFill>
              </a:rPr>
              <a:t>-in.</a:t>
            </a:r>
          </a:p>
        </p:txBody>
      </p:sp>
      <p:sp>
        <p:nvSpPr>
          <p:cNvPr id="9" name="Rectangle 36">
            <a:extLst>
              <a:ext uri="{FF2B5EF4-FFF2-40B4-BE49-F238E27FC236}">
                <a16:creationId xmlns:a16="http://schemas.microsoft.com/office/drawing/2014/main" id="{AF277DB5-12A0-40CA-DC7E-B164EF09224C}"/>
              </a:ext>
            </a:extLst>
          </p:cNvPr>
          <p:cNvSpPr>
            <a:spLocks/>
          </p:cNvSpPr>
          <p:nvPr/>
        </p:nvSpPr>
        <p:spPr>
          <a:xfrm>
            <a:off x="7504409" y="3071931"/>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pPr lvl="0" defTabSz="914400" eaLnBrk="0" fontAlgn="base" hangingPunct="0">
              <a:spcBef>
                <a:spcPct val="0"/>
              </a:spcBef>
              <a:spcAft>
                <a:spcPct val="0"/>
              </a:spcAft>
            </a:pPr>
            <a:r>
              <a:rPr lang="da-DK" sz="600" noProof="0" dirty="0">
                <a:solidFill>
                  <a:schemeClr val="tx1"/>
                </a:solidFill>
              </a:rPr>
              <a:t>AI-løsninger styres efter regulering med høje krav til dokumentation – men det kan være svært at kontrollere data, </a:t>
            </a:r>
            <a:r>
              <a:rPr lang="da-DK" sz="600" noProof="0" dirty="0" err="1">
                <a:solidFill>
                  <a:schemeClr val="tx1"/>
                </a:solidFill>
              </a:rPr>
              <a:t>algoriter</a:t>
            </a:r>
            <a:r>
              <a:rPr lang="da-DK" sz="600" noProof="0" dirty="0">
                <a:solidFill>
                  <a:schemeClr val="tx1"/>
                </a:solidFill>
              </a:rPr>
              <a:t>, opdateringer mv.</a:t>
            </a:r>
          </a:p>
        </p:txBody>
      </p:sp>
      <p:sp>
        <p:nvSpPr>
          <p:cNvPr id="10" name="Rectangle 36">
            <a:extLst>
              <a:ext uri="{FF2B5EF4-FFF2-40B4-BE49-F238E27FC236}">
                <a16:creationId xmlns:a16="http://schemas.microsoft.com/office/drawing/2014/main" id="{24413EB4-BA7D-C1CE-CC58-5D56993D8AF6}"/>
              </a:ext>
            </a:extLst>
          </p:cNvPr>
          <p:cNvSpPr>
            <a:spLocks/>
          </p:cNvSpPr>
          <p:nvPr/>
        </p:nvSpPr>
        <p:spPr>
          <a:xfrm>
            <a:off x="7504411" y="4025127"/>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Lavere grad af styring, stor indvirkning på afvikling af øvrige systemer med </a:t>
            </a:r>
            <a:r>
              <a:rPr lang="da-DK" sz="600" noProof="0" dirty="0">
                <a:solidFill>
                  <a:schemeClr val="tx1"/>
                </a:solidFill>
              </a:rPr>
              <a:t>bruger- og adgangsstyring</a:t>
            </a:r>
            <a:r>
              <a:rPr lang="da-DK" sz="600" noProof="0">
                <a:solidFill>
                  <a:schemeClr val="tx1"/>
                </a:solidFill>
              </a:rPr>
              <a:t> som eksempel.</a:t>
            </a:r>
          </a:p>
        </p:txBody>
      </p:sp>
      <p:sp>
        <p:nvSpPr>
          <p:cNvPr id="15" name="Rectangle 36">
            <a:extLst>
              <a:ext uri="{FF2B5EF4-FFF2-40B4-BE49-F238E27FC236}">
                <a16:creationId xmlns:a16="http://schemas.microsoft.com/office/drawing/2014/main" id="{B56919DE-4B06-BEEA-D7B0-4025B7453F7F}"/>
              </a:ext>
            </a:extLst>
          </p:cNvPr>
          <p:cNvSpPr>
            <a:spLocks/>
          </p:cNvSpPr>
          <p:nvPr/>
        </p:nvSpPr>
        <p:spPr>
          <a:xfrm>
            <a:off x="7504411" y="4342859"/>
            <a:ext cx="2002501" cy="274932"/>
          </a:xfrm>
          <a:prstGeom prst="roundRect">
            <a:avLst>
              <a:gd name="adj" fmla="val 2658"/>
            </a:avLst>
          </a:prstGeom>
          <a:noFill/>
          <a:ln w="9525" cap="flat" cmpd="sng" algn="ctr">
            <a:solidFill>
              <a:srgbClr val="CDECF2"/>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Kan styres på samme vis som fx fagsystemer, men tendens til en lavere grad af styring, på trods af løsningers indvirkning på afvikling af øvrige systemer. </a:t>
            </a:r>
            <a:endParaRPr lang="da-DK" sz="600" noProof="0">
              <a:solidFill>
                <a:schemeClr val="tx1"/>
              </a:solidFill>
            </a:endParaRPr>
          </a:p>
        </p:txBody>
      </p:sp>
      <p:sp>
        <p:nvSpPr>
          <p:cNvPr id="17" name="Rectangle 36">
            <a:extLst>
              <a:ext uri="{FF2B5EF4-FFF2-40B4-BE49-F238E27FC236}">
                <a16:creationId xmlns:a16="http://schemas.microsoft.com/office/drawing/2014/main" id="{A4B63BF9-7FC9-0E13-07F2-9601BD6DFF1E}"/>
              </a:ext>
            </a:extLst>
          </p:cNvPr>
          <p:cNvSpPr>
            <a:spLocks/>
          </p:cNvSpPr>
          <p:nvPr/>
        </p:nvSpPr>
        <p:spPr>
          <a:xfrm>
            <a:off x="7504411" y="4740482"/>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Lavere grad af styring, </a:t>
            </a:r>
            <a:r>
              <a:rPr lang="da-DK" sz="600" noProof="0" dirty="0">
                <a:solidFill>
                  <a:schemeClr val="tx1"/>
                </a:solidFill>
              </a:rPr>
              <a:t>da</a:t>
            </a:r>
            <a:r>
              <a:rPr lang="da-DK" sz="600" noProof="0">
                <a:solidFill>
                  <a:schemeClr val="tx1"/>
                </a:solidFill>
              </a:rPr>
              <a:t> løsninger anskues som mindre forretningskritiske, på trods af usikkerhed om opsamling og brug af data.</a:t>
            </a:r>
          </a:p>
        </p:txBody>
      </p:sp>
      <p:sp>
        <p:nvSpPr>
          <p:cNvPr id="21" name="Rectangle 36">
            <a:extLst>
              <a:ext uri="{FF2B5EF4-FFF2-40B4-BE49-F238E27FC236}">
                <a16:creationId xmlns:a16="http://schemas.microsoft.com/office/drawing/2014/main" id="{19EDDB7D-CCF6-7841-377A-BBD47D754422}"/>
              </a:ext>
            </a:extLst>
          </p:cNvPr>
          <p:cNvSpPr>
            <a:spLocks/>
          </p:cNvSpPr>
          <p:nvPr/>
        </p:nvSpPr>
        <p:spPr>
          <a:xfrm>
            <a:off x="7504411" y="5057138"/>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endParaRPr lang="da-DK" sz="600" noProof="0" dirty="0">
              <a:solidFill>
                <a:schemeClr val="tx1"/>
              </a:solidFill>
            </a:endParaRPr>
          </a:p>
          <a:p>
            <a:r>
              <a:rPr lang="da-DK" sz="600" noProof="0" dirty="0">
                <a:solidFill>
                  <a:schemeClr val="tx1"/>
                </a:solidFill>
              </a:rPr>
              <a:t>Mange </a:t>
            </a:r>
            <a:r>
              <a:rPr lang="da-DK" sz="600" noProof="0" dirty="0" err="1">
                <a:solidFill>
                  <a:schemeClr val="tx1"/>
                </a:solidFill>
              </a:rPr>
              <a:t>hyperscalere</a:t>
            </a:r>
            <a:r>
              <a:rPr lang="da-DK" sz="600" noProof="0" dirty="0">
                <a:solidFill>
                  <a:schemeClr val="tx1"/>
                </a:solidFill>
              </a:rPr>
              <a:t> bruger lukket teknologi, hvilket gør det svært at inspicere og styre sikkerhed og anvendte teknologier. </a:t>
            </a:r>
          </a:p>
          <a:p>
            <a:endParaRPr lang="da-DK" sz="600" noProof="0" dirty="0">
              <a:solidFill>
                <a:schemeClr val="tx1"/>
              </a:solidFill>
            </a:endParaRPr>
          </a:p>
        </p:txBody>
      </p:sp>
      <p:sp>
        <p:nvSpPr>
          <p:cNvPr id="22" name="Rectangle 36">
            <a:extLst>
              <a:ext uri="{FF2B5EF4-FFF2-40B4-BE49-F238E27FC236}">
                <a16:creationId xmlns:a16="http://schemas.microsoft.com/office/drawing/2014/main" id="{CFB19EC8-8BB2-853F-0789-ACD04179B540}"/>
              </a:ext>
            </a:extLst>
          </p:cNvPr>
          <p:cNvSpPr>
            <a:spLocks/>
          </p:cNvSpPr>
          <p:nvPr/>
        </p:nvSpPr>
        <p:spPr>
          <a:xfrm>
            <a:off x="7504411" y="5384211"/>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Ofte mangelfuldt overblik over værdikæde og teknologier - dog nogen grad af</a:t>
            </a:r>
            <a:r>
              <a:rPr lang="da-DK" sz="600" noProof="0">
                <a:solidFill>
                  <a:schemeClr val="tx1"/>
                </a:solidFill>
              </a:rPr>
              <a:t> styring via sikkerhedsprocedurer, ITIL, dokumentation mv. </a:t>
            </a:r>
          </a:p>
        </p:txBody>
      </p:sp>
      <p:sp>
        <p:nvSpPr>
          <p:cNvPr id="31" name="Rectangle 36">
            <a:extLst>
              <a:ext uri="{FF2B5EF4-FFF2-40B4-BE49-F238E27FC236}">
                <a16:creationId xmlns:a16="http://schemas.microsoft.com/office/drawing/2014/main" id="{80D5FB4E-8A91-66D9-A712-20CCC0C4B83A}"/>
              </a:ext>
            </a:extLst>
          </p:cNvPr>
          <p:cNvSpPr>
            <a:spLocks/>
          </p:cNvSpPr>
          <p:nvPr/>
        </p:nvSpPr>
        <p:spPr>
          <a:xfrm>
            <a:off x="7504411" y="5705618"/>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Ofte mangelfuldt overblik over værdikæde og teknologier - dog nogen grad af styring via sikkerhedsprocedurer, ITIL, dokumentation mv. </a:t>
            </a:r>
          </a:p>
        </p:txBody>
      </p:sp>
      <p:sp>
        <p:nvSpPr>
          <p:cNvPr id="58" name="Rectangle 43">
            <a:extLst>
              <a:ext uri="{FF2B5EF4-FFF2-40B4-BE49-F238E27FC236}">
                <a16:creationId xmlns:a16="http://schemas.microsoft.com/office/drawing/2014/main" id="{F925D57A-985D-2800-4F9D-2880F6035041}"/>
              </a:ext>
            </a:extLst>
          </p:cNvPr>
          <p:cNvSpPr>
            <a:spLocks/>
          </p:cNvSpPr>
          <p:nvPr/>
        </p:nvSpPr>
        <p:spPr>
          <a:xfrm>
            <a:off x="9638939" y="2610299"/>
            <a:ext cx="2002501" cy="377163"/>
          </a:xfrm>
          <a:prstGeom prst="roundRect">
            <a:avLst>
              <a:gd name="adj" fmla="val 7462"/>
            </a:avLst>
          </a:prstGeom>
          <a:solidFill>
            <a:srgbClr val="D5EBEF"/>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a:solidFill>
                  <a:srgbClr val="014C77"/>
                </a:solidFill>
              </a:rPr>
              <a:t>04 | </a:t>
            </a:r>
            <a:r>
              <a:rPr lang="da-DK" sz="800" b="1" noProof="0">
                <a:solidFill>
                  <a:srgbClr val="024D78"/>
                </a:solidFill>
              </a:rPr>
              <a:t>Sårbarheder i den digitale forsyningssikkerhed</a:t>
            </a:r>
            <a:endParaRPr lang="da-DK" sz="800" b="1" noProof="0">
              <a:solidFill>
                <a:srgbClr val="014C77"/>
              </a:solidFill>
            </a:endParaRPr>
          </a:p>
        </p:txBody>
      </p:sp>
      <p:sp>
        <p:nvSpPr>
          <p:cNvPr id="83" name="Rectangle 36">
            <a:extLst>
              <a:ext uri="{FF2B5EF4-FFF2-40B4-BE49-F238E27FC236}">
                <a16:creationId xmlns:a16="http://schemas.microsoft.com/office/drawing/2014/main" id="{E15BB8B2-95A0-7D12-2363-D57C8522C94F}"/>
              </a:ext>
            </a:extLst>
          </p:cNvPr>
          <p:cNvSpPr>
            <a:spLocks/>
          </p:cNvSpPr>
          <p:nvPr/>
        </p:nvSpPr>
        <p:spPr>
          <a:xfrm>
            <a:off x="9638941" y="3389663"/>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Selvom løsninger leveres af danske leverandører, kan de bygge på teknologier og standarder som er svære at kontrollere, ligesom data kan opbevares uden for EU. </a:t>
            </a:r>
            <a:endParaRPr lang="da-DK" sz="600" noProof="0">
              <a:solidFill>
                <a:schemeClr val="tx1"/>
              </a:solidFill>
            </a:endParaRPr>
          </a:p>
        </p:txBody>
      </p:sp>
      <p:sp>
        <p:nvSpPr>
          <p:cNvPr id="88" name="Rectangle 36">
            <a:extLst>
              <a:ext uri="{FF2B5EF4-FFF2-40B4-BE49-F238E27FC236}">
                <a16:creationId xmlns:a16="http://schemas.microsoft.com/office/drawing/2014/main" id="{D711374F-1236-EEA1-781F-45F48ED230D9}"/>
              </a:ext>
            </a:extLst>
          </p:cNvPr>
          <p:cNvSpPr>
            <a:spLocks/>
          </p:cNvSpPr>
          <p:nvPr/>
        </p:nvSpPr>
        <p:spPr>
          <a:xfrm>
            <a:off x="9638941" y="3707395"/>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Meget stor afhængighed til få produkter og kobling </a:t>
            </a:r>
            <a:r>
              <a:rPr lang="da-DK" sz="600" noProof="0">
                <a:solidFill>
                  <a:schemeClr val="tx1"/>
                </a:solidFill>
              </a:rPr>
              <a:t>til mange digitale løsninger</a:t>
            </a:r>
            <a:r>
              <a:rPr lang="da-DK" sz="600" noProof="0" dirty="0">
                <a:solidFill>
                  <a:schemeClr val="tx1"/>
                </a:solidFill>
              </a:rPr>
              <a:t> giver </a:t>
            </a:r>
            <a:r>
              <a:rPr lang="da-DK" sz="600" noProof="0" dirty="0" err="1">
                <a:solidFill>
                  <a:schemeClr val="tx1"/>
                </a:solidFill>
              </a:rPr>
              <a:t>såbarheder</a:t>
            </a:r>
            <a:r>
              <a:rPr lang="da-DK" sz="600" noProof="0" dirty="0">
                <a:solidFill>
                  <a:schemeClr val="tx1"/>
                </a:solidFill>
              </a:rPr>
              <a:t>.</a:t>
            </a:r>
            <a:endParaRPr lang="da-DK" sz="600" noProof="0">
              <a:solidFill>
                <a:schemeClr val="tx1"/>
              </a:solidFill>
            </a:endParaRPr>
          </a:p>
        </p:txBody>
      </p:sp>
      <p:sp>
        <p:nvSpPr>
          <p:cNvPr id="91" name="Rectangle 36">
            <a:extLst>
              <a:ext uri="{FF2B5EF4-FFF2-40B4-BE49-F238E27FC236}">
                <a16:creationId xmlns:a16="http://schemas.microsoft.com/office/drawing/2014/main" id="{CD02CC86-B559-2CF2-18B0-0C2D662F4680}"/>
              </a:ext>
            </a:extLst>
          </p:cNvPr>
          <p:cNvSpPr>
            <a:spLocks/>
          </p:cNvSpPr>
          <p:nvPr/>
        </p:nvSpPr>
        <p:spPr>
          <a:xfrm>
            <a:off x="9638939" y="3071931"/>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0" rtlCol="0" anchor="ctr"/>
          <a:lstStyle/>
          <a:p>
            <a:pPr lvl="0" fontAlgn="base">
              <a:spcBef>
                <a:spcPct val="0"/>
              </a:spcBef>
              <a:spcAft>
                <a:spcPct val="0"/>
              </a:spcAft>
            </a:pPr>
            <a:r>
              <a:rPr lang="da-DK" sz="600" noProof="0" dirty="0">
                <a:solidFill>
                  <a:schemeClr val="tx1"/>
                </a:solidFill>
              </a:rPr>
              <a:t>Mange digitale services (low </a:t>
            </a:r>
            <a:r>
              <a:rPr lang="da-DK" sz="600" noProof="0" dirty="0" err="1">
                <a:solidFill>
                  <a:schemeClr val="tx1"/>
                </a:solidFill>
              </a:rPr>
              <a:t>code</a:t>
            </a:r>
            <a:r>
              <a:rPr lang="da-DK" sz="600" noProof="0" dirty="0">
                <a:solidFill>
                  <a:schemeClr val="tx1"/>
                </a:solidFill>
              </a:rPr>
              <a:t>, automatisering) og AI har afhængigheder på tværs i stakken til fx udenlandske cloud-platforme.</a:t>
            </a:r>
          </a:p>
        </p:txBody>
      </p:sp>
      <p:sp>
        <p:nvSpPr>
          <p:cNvPr id="92" name="Rectangle 36">
            <a:extLst>
              <a:ext uri="{FF2B5EF4-FFF2-40B4-BE49-F238E27FC236}">
                <a16:creationId xmlns:a16="http://schemas.microsoft.com/office/drawing/2014/main" id="{9243E4BB-18A6-BFA5-FF30-5230A1B12613}"/>
              </a:ext>
            </a:extLst>
          </p:cNvPr>
          <p:cNvSpPr>
            <a:spLocks/>
          </p:cNvSpPr>
          <p:nvPr/>
        </p:nvSpPr>
        <p:spPr>
          <a:xfrm>
            <a:off x="9638941" y="4025127"/>
            <a:ext cx="20025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H</a:t>
            </a:r>
            <a:r>
              <a:rPr lang="da-DK" sz="600" noProof="0">
                <a:solidFill>
                  <a:schemeClr val="tx1"/>
                </a:solidFill>
              </a:rPr>
              <a:t>øj </a:t>
            </a:r>
            <a:r>
              <a:rPr lang="da-DK" sz="600" noProof="0" dirty="0" err="1">
                <a:solidFill>
                  <a:schemeClr val="tx1"/>
                </a:solidFill>
              </a:rPr>
              <a:t>afgængighed</a:t>
            </a:r>
            <a:r>
              <a:rPr lang="da-DK" sz="600" noProof="0">
                <a:solidFill>
                  <a:schemeClr val="tx1"/>
                </a:solidFill>
              </a:rPr>
              <a:t> til få produkter</a:t>
            </a:r>
            <a:r>
              <a:rPr lang="da-DK" sz="600" noProof="0" dirty="0">
                <a:solidFill>
                  <a:schemeClr val="tx1"/>
                </a:solidFill>
              </a:rPr>
              <a:t> og kobling </a:t>
            </a:r>
            <a:r>
              <a:rPr lang="da-DK" sz="600" noProof="0">
                <a:solidFill>
                  <a:schemeClr val="tx1"/>
                </a:solidFill>
              </a:rPr>
              <a:t>til flere kritiske digitale løsninger. </a:t>
            </a:r>
          </a:p>
        </p:txBody>
      </p:sp>
      <p:sp>
        <p:nvSpPr>
          <p:cNvPr id="93" name="Rectangle 36">
            <a:extLst>
              <a:ext uri="{FF2B5EF4-FFF2-40B4-BE49-F238E27FC236}">
                <a16:creationId xmlns:a16="http://schemas.microsoft.com/office/drawing/2014/main" id="{C7FA0FD8-A9BC-F7E9-C396-76DFC59AD980}"/>
              </a:ext>
            </a:extLst>
          </p:cNvPr>
          <p:cNvSpPr>
            <a:spLocks/>
          </p:cNvSpPr>
          <p:nvPr/>
        </p:nvSpPr>
        <p:spPr>
          <a:xfrm>
            <a:off x="9638941" y="4342859"/>
            <a:ext cx="2002501" cy="274932"/>
          </a:xfrm>
          <a:prstGeom prst="roundRect">
            <a:avLst>
              <a:gd name="adj" fmla="val 2658"/>
            </a:avLst>
          </a:prstGeom>
          <a:noFill/>
          <a:ln w="9525" cap="flat" cmpd="sng" algn="ctr">
            <a:solidFill>
              <a:srgbClr val="CDECF2"/>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Lav transparens og usikkerhed om afhængigheder. </a:t>
            </a:r>
          </a:p>
        </p:txBody>
      </p:sp>
      <p:sp>
        <p:nvSpPr>
          <p:cNvPr id="109" name="Rectangle 36">
            <a:extLst>
              <a:ext uri="{FF2B5EF4-FFF2-40B4-BE49-F238E27FC236}">
                <a16:creationId xmlns:a16="http://schemas.microsoft.com/office/drawing/2014/main" id="{AEEFB503-C21D-2968-451F-2C442C75A4FE}"/>
              </a:ext>
            </a:extLst>
          </p:cNvPr>
          <p:cNvSpPr>
            <a:spLocks/>
          </p:cNvSpPr>
          <p:nvPr/>
        </p:nvSpPr>
        <p:spPr>
          <a:xfrm>
            <a:off x="9638941" y="4740482"/>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Stor afhængighed af ikke-europæiske produkter. </a:t>
            </a:r>
            <a:r>
              <a:rPr lang="da-DK" sz="600" noProof="0" dirty="0">
                <a:solidFill>
                  <a:schemeClr val="tx1"/>
                </a:solidFill>
              </a:rPr>
              <a:t>Omvendt ses</a:t>
            </a:r>
            <a:r>
              <a:rPr lang="da-DK" sz="600" noProof="0">
                <a:solidFill>
                  <a:schemeClr val="tx1"/>
                </a:solidFill>
              </a:rPr>
              <a:t> global konkurrence med produkter fra mange lande. </a:t>
            </a:r>
          </a:p>
        </p:txBody>
      </p:sp>
      <p:sp>
        <p:nvSpPr>
          <p:cNvPr id="112" name="Rectangle 36">
            <a:extLst>
              <a:ext uri="{FF2B5EF4-FFF2-40B4-BE49-F238E27FC236}">
                <a16:creationId xmlns:a16="http://schemas.microsoft.com/office/drawing/2014/main" id="{4AA4C163-F053-A5BB-B764-36D5C173452D}"/>
              </a:ext>
            </a:extLst>
          </p:cNvPr>
          <p:cNvSpPr>
            <a:spLocks/>
          </p:cNvSpPr>
          <p:nvPr/>
        </p:nvSpPr>
        <p:spPr>
          <a:xfrm>
            <a:off x="9638941" y="5057138"/>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dirty="0">
                <a:solidFill>
                  <a:schemeClr val="tx1"/>
                </a:solidFill>
              </a:rPr>
              <a:t>Høj afhængighed til </a:t>
            </a:r>
            <a:r>
              <a:rPr lang="da-DK" sz="600" noProof="0">
                <a:solidFill>
                  <a:schemeClr val="tx1"/>
                </a:solidFill>
              </a:rPr>
              <a:t>amerikanske </a:t>
            </a:r>
            <a:r>
              <a:rPr lang="da-DK" sz="600" noProof="0" dirty="0" err="1">
                <a:solidFill>
                  <a:schemeClr val="tx1"/>
                </a:solidFill>
              </a:rPr>
              <a:t>hyperscalers</a:t>
            </a:r>
            <a:r>
              <a:rPr lang="da-DK" sz="600" noProof="0">
                <a:solidFill>
                  <a:schemeClr val="tx1"/>
                </a:solidFill>
              </a:rPr>
              <a:t> </a:t>
            </a:r>
            <a:r>
              <a:rPr lang="da-DK" sz="600" noProof="0" dirty="0">
                <a:solidFill>
                  <a:schemeClr val="tx1"/>
                </a:solidFill>
              </a:rPr>
              <a:t>både </a:t>
            </a:r>
            <a:r>
              <a:rPr lang="da-DK" sz="600" noProof="0" dirty="0" err="1">
                <a:solidFill>
                  <a:schemeClr val="tx1"/>
                </a:solidFill>
              </a:rPr>
              <a:t>fsva</a:t>
            </a:r>
            <a:r>
              <a:rPr lang="da-DK" sz="600" noProof="0" dirty="0">
                <a:solidFill>
                  <a:schemeClr val="tx1"/>
                </a:solidFill>
              </a:rPr>
              <a:t>. </a:t>
            </a:r>
            <a:r>
              <a:rPr lang="da-DK" sz="600" noProof="0" dirty="0" err="1">
                <a:solidFill>
                  <a:schemeClr val="tx1"/>
                </a:solidFill>
              </a:rPr>
              <a:t>storage</a:t>
            </a:r>
            <a:r>
              <a:rPr lang="da-DK" sz="600" noProof="0">
                <a:solidFill>
                  <a:schemeClr val="tx1"/>
                </a:solidFill>
              </a:rPr>
              <a:t> og udviklingsplatforme, hvilket giver sårbarheder. </a:t>
            </a:r>
          </a:p>
        </p:txBody>
      </p:sp>
      <p:sp>
        <p:nvSpPr>
          <p:cNvPr id="113" name="Rectangle 36">
            <a:extLst>
              <a:ext uri="{FF2B5EF4-FFF2-40B4-BE49-F238E27FC236}">
                <a16:creationId xmlns:a16="http://schemas.microsoft.com/office/drawing/2014/main" id="{15758654-8A31-F8E6-B5C6-4C2CFE253779}"/>
              </a:ext>
            </a:extLst>
          </p:cNvPr>
          <p:cNvSpPr>
            <a:spLocks/>
          </p:cNvSpPr>
          <p:nvPr/>
        </p:nvSpPr>
        <p:spPr>
          <a:xfrm>
            <a:off x="9638941" y="5384211"/>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Data og teknologi er placeret i DK eller EU med </a:t>
            </a:r>
            <a:r>
              <a:rPr lang="da-DK" sz="600" noProof="0" dirty="0">
                <a:solidFill>
                  <a:schemeClr val="tx1"/>
                </a:solidFill>
              </a:rPr>
              <a:t>høj grad af</a:t>
            </a:r>
            <a:r>
              <a:rPr lang="da-DK" sz="600" noProof="0">
                <a:solidFill>
                  <a:schemeClr val="tx1"/>
                </a:solidFill>
              </a:rPr>
              <a:t> kontrol</a:t>
            </a:r>
            <a:r>
              <a:rPr lang="da-DK" sz="600" noProof="0" dirty="0">
                <a:solidFill>
                  <a:schemeClr val="tx1"/>
                </a:solidFill>
              </a:rPr>
              <a:t>, m</a:t>
            </a:r>
            <a:r>
              <a:rPr lang="da-DK" sz="600" noProof="0">
                <a:solidFill>
                  <a:schemeClr val="tx1"/>
                </a:solidFill>
              </a:rPr>
              <a:t>en afhængighed til ikke-europæisk hardware og software giver sårbarheder.</a:t>
            </a:r>
          </a:p>
        </p:txBody>
      </p:sp>
      <p:sp>
        <p:nvSpPr>
          <p:cNvPr id="123" name="Rectangle 36">
            <a:extLst>
              <a:ext uri="{FF2B5EF4-FFF2-40B4-BE49-F238E27FC236}">
                <a16:creationId xmlns:a16="http://schemas.microsoft.com/office/drawing/2014/main" id="{298B28D9-B538-9D62-AF29-497DC96BD78F}"/>
              </a:ext>
            </a:extLst>
          </p:cNvPr>
          <p:cNvSpPr>
            <a:spLocks/>
          </p:cNvSpPr>
          <p:nvPr/>
        </p:nvSpPr>
        <p:spPr>
          <a:xfrm>
            <a:off x="9638941" y="5705618"/>
            <a:ext cx="2002501"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rIns="36000" rtlCol="0" anchor="ctr"/>
          <a:lstStyle/>
          <a:p>
            <a:r>
              <a:rPr lang="da-DK" sz="600" noProof="0">
                <a:solidFill>
                  <a:schemeClr val="tx1"/>
                </a:solidFill>
              </a:rPr>
              <a:t>F</a:t>
            </a:r>
            <a:r>
              <a:rPr lang="da-DK" sz="600" noProof="0" dirty="0">
                <a:solidFill>
                  <a:schemeClr val="tx1"/>
                </a:solidFill>
              </a:rPr>
              <a:t>ysisk udstyr i DK med nogen grad af kontrol, men afhængighed til ikke-europæisk hardware og software giver sårbarheder.  </a:t>
            </a:r>
            <a:endParaRPr lang="da-DK" sz="600" noProof="0">
              <a:solidFill>
                <a:schemeClr val="tx1"/>
              </a:solidFill>
            </a:endParaRPr>
          </a:p>
        </p:txBody>
      </p:sp>
    </p:spTree>
    <p:extLst>
      <p:ext uri="{BB962C8B-B14F-4D97-AF65-F5344CB8AC3E}">
        <p14:creationId xmlns:p14="http://schemas.microsoft.com/office/powerpoint/2010/main" val="1722399117"/>
      </p:ext>
    </p:extLst>
  </p:cSld>
  <p:clrMapOvr>
    <a:masterClrMapping/>
  </p:clrMapOvr>
  <p:transition>
    <p:fade/>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6">
            <a:extLst>
              <a:ext uri="{FF2B5EF4-FFF2-40B4-BE49-F238E27FC236}">
                <a16:creationId xmlns:a16="http://schemas.microsoft.com/office/drawing/2014/main" id="{A3087CFF-20D9-4763-17FA-EACB6307019A}"/>
              </a:ext>
              <a:ext uri="{C183D7F6-B498-43B3-948B-1728B52AA6E4}">
                <adec:decorative xmlns:adec="http://schemas.microsoft.com/office/drawing/2017/decorative" val="1"/>
              </a:ext>
            </a:extLst>
          </p:cNvPr>
          <p:cNvPicPr>
            <a:picLocks noGrp="1" noChangeAspect="1"/>
          </p:cNvPicPr>
          <p:nvPr>
            <p:ph type="pic" sz="quarter" idx="24"/>
          </p:nvPr>
        </p:nvPicPr>
        <p:blipFill>
          <a:blip r:embed="rId2">
            <a:extLst>
              <a:ext uri="{28A0092B-C50C-407E-A947-70E740481C1C}">
                <a14:useLocalDpi xmlns:a14="http://schemas.microsoft.com/office/drawing/2010/main" val="0"/>
              </a:ext>
            </a:extLst>
          </a:blip>
          <a:srcRect l="7" r="7"/>
          <a:stretch>
            <a:fillRect/>
          </a:stretch>
        </p:blipFill>
        <p:spPr>
          <a:xfrm>
            <a:off x="4297361" y="0"/>
            <a:ext cx="7897814" cy="6859588"/>
          </a:xfrm>
        </p:spPr>
      </p:pic>
      <p:sp>
        <p:nvSpPr>
          <p:cNvPr id="3" name="Text Placeholder 2">
            <a:extLst>
              <a:ext uri="{FF2B5EF4-FFF2-40B4-BE49-F238E27FC236}">
                <a16:creationId xmlns:a16="http://schemas.microsoft.com/office/drawing/2014/main" id="{B3C08579-0127-D471-A48D-D33D6C614743}"/>
              </a:ext>
            </a:extLst>
          </p:cNvPr>
          <p:cNvSpPr>
            <a:spLocks noGrp="1"/>
          </p:cNvSpPr>
          <p:nvPr>
            <p:ph type="body" sz="quarter" idx="23"/>
          </p:nvPr>
        </p:nvSpPr>
        <p:spPr/>
        <p:txBody>
          <a:bodyPr/>
          <a:lstStyle/>
          <a:p>
            <a:r>
              <a:rPr lang="da-DK" sz="4200" noProof="0" dirty="0"/>
              <a:t>Kapitel 3</a:t>
            </a:r>
          </a:p>
        </p:txBody>
      </p:sp>
      <p:sp>
        <p:nvSpPr>
          <p:cNvPr id="4" name="Text Placeholder 3">
            <a:extLst>
              <a:ext uri="{FF2B5EF4-FFF2-40B4-BE49-F238E27FC236}">
                <a16:creationId xmlns:a16="http://schemas.microsoft.com/office/drawing/2014/main" id="{26C502DC-93E9-FEB9-0984-9E71B3394C82}"/>
              </a:ext>
            </a:extLst>
          </p:cNvPr>
          <p:cNvSpPr>
            <a:spLocks noGrp="1"/>
          </p:cNvSpPr>
          <p:nvPr>
            <p:ph type="title" idx="4294967295"/>
          </p:nvPr>
        </p:nvSpPr>
        <p:spPr>
          <a:xfrm>
            <a:off x="558800" y="3646488"/>
            <a:ext cx="3487738" cy="2057400"/>
          </a:xfrm>
          <a:prstGeom prst="rect">
            <a:avLst/>
          </a:prstGeom>
          <a:noFill/>
          <a:ln>
            <a:noFill/>
            <a:prstDash/>
          </a:ln>
          <a:effectLst/>
        </p:spPr>
        <p:txBody>
          <a:bodyPr rot="0" spcFirstLastPara="0" vertOverflow="overflow" horzOverflow="overflow" vert="horz" wrap="square" lIns="0" tIns="144000" rIns="144000" bIns="144000" numCol="1" spcCol="0" rtlCol="0" fromWordArt="0" anchor="t" anchorCtr="0" forceAA="0" compatLnSpc="1">
            <a:prstTxWarp prst="textNoShape">
              <a:avLst/>
            </a:prstTxWarp>
            <a:noAutofit/>
          </a:body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da-DK" sz="2800" b="0" i="0" u="none" strike="noStrike" kern="1200" cap="none" spc="0" normalizeH="0" baseline="0" noProof="0" dirty="0">
                <a:ln>
                  <a:noFill/>
                </a:ln>
                <a:solidFill>
                  <a:schemeClr val="accent1"/>
                </a:solidFill>
                <a:effectLst/>
                <a:uLnTx/>
                <a:uFillTx/>
                <a:latin typeface="+mn-lt"/>
                <a:ea typeface="+mn-ea"/>
                <a:cs typeface="+mn-cs"/>
              </a:rPr>
              <a:t>Nøgleobservationer fra erfarings-opsamling</a:t>
            </a:r>
          </a:p>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da-DK" sz="1400" b="0" i="0" u="none" strike="noStrike" kern="1200" cap="none" spc="0" normalizeH="0" baseline="0" noProof="0" dirty="0">
                <a:ln>
                  <a:noFill/>
                </a:ln>
                <a:solidFill>
                  <a:schemeClr val="accent1"/>
                </a:solidFill>
                <a:effectLst/>
                <a:uLnTx/>
                <a:uFillTx/>
                <a:latin typeface="+mn-lt"/>
                <a:ea typeface="+mn-ea"/>
                <a:cs typeface="+mn-cs"/>
              </a:rPr>
              <a:t>Dette kapitel præsenterer en sammenfatning af de vigtigste observationer og </a:t>
            </a:r>
            <a:r>
              <a:rPr kumimoji="0" lang="da-DK" sz="1400" b="0" i="0" u="none" strike="noStrike" kern="1200" cap="none" spc="0" normalizeH="0" baseline="0" noProof="0" dirty="0" err="1">
                <a:ln>
                  <a:noFill/>
                </a:ln>
                <a:solidFill>
                  <a:schemeClr val="accent1"/>
                </a:solidFill>
                <a:effectLst/>
                <a:uLnTx/>
                <a:uFillTx/>
                <a:latin typeface="+mn-lt"/>
                <a:ea typeface="+mn-ea"/>
                <a:cs typeface="+mn-cs"/>
              </a:rPr>
              <a:t>læringer</a:t>
            </a:r>
            <a:r>
              <a:rPr kumimoji="0" lang="da-DK" sz="1400" b="0" i="0" u="none" strike="noStrike" kern="1200" cap="none" spc="0" normalizeH="0" baseline="0" noProof="0" dirty="0">
                <a:ln>
                  <a:noFill/>
                </a:ln>
                <a:solidFill>
                  <a:schemeClr val="accent1"/>
                </a:solidFill>
                <a:effectLst/>
                <a:uLnTx/>
                <a:uFillTx/>
                <a:latin typeface="+mn-lt"/>
                <a:ea typeface="+mn-ea"/>
                <a:cs typeface="+mn-cs"/>
              </a:rPr>
              <a:t> fra cases og interviews med </a:t>
            </a:r>
            <a:r>
              <a:rPr kumimoji="0" lang="da-DK" sz="1400" b="0" i="0" u="none" strike="noStrike" kern="1200" cap="none" spc="0" normalizeH="0" baseline="0" noProof="0" dirty="0" err="1">
                <a:ln>
                  <a:noFill/>
                </a:ln>
                <a:solidFill>
                  <a:schemeClr val="accent1"/>
                </a:solidFill>
                <a:effectLst/>
                <a:uLnTx/>
                <a:uFillTx/>
                <a:latin typeface="+mn-lt"/>
                <a:ea typeface="+mn-ea"/>
                <a:cs typeface="+mn-cs"/>
              </a:rPr>
              <a:t>videnspersoner</a:t>
            </a:r>
            <a:r>
              <a:rPr kumimoji="0" lang="da-DK" sz="1400" b="0" i="0" u="none" strike="noStrike" kern="1200" cap="none" spc="0" normalizeH="0" baseline="0" noProof="0" dirty="0">
                <a:ln>
                  <a:noFill/>
                </a:ln>
                <a:solidFill>
                  <a:schemeClr val="accent1"/>
                </a:solidFill>
                <a:effectLst/>
                <a:uLnTx/>
                <a:uFillTx/>
                <a:latin typeface="+mn-lt"/>
                <a:ea typeface="+mn-ea"/>
                <a:cs typeface="+mn-cs"/>
              </a:rPr>
              <a:t>.</a:t>
            </a:r>
            <a:endParaRPr kumimoji="0" lang="da-DK" sz="2800" b="0" i="0" u="none" strike="noStrike" kern="1200" cap="none" spc="0" normalizeH="0" baseline="0" noProof="0" dirty="0">
              <a:ln>
                <a:noFill/>
              </a:ln>
              <a:solidFill>
                <a:schemeClr val="accent1"/>
              </a:solidFill>
              <a:effectLst/>
              <a:uLnTx/>
              <a:uFillTx/>
              <a:latin typeface="+mn-lt"/>
              <a:ea typeface="+mn-ea"/>
              <a:cs typeface="+mn-cs"/>
            </a:endParaRPr>
          </a:p>
        </p:txBody>
      </p:sp>
    </p:spTree>
    <p:extLst>
      <p:ext uri="{BB962C8B-B14F-4D97-AF65-F5344CB8AC3E}">
        <p14:creationId xmlns:p14="http://schemas.microsoft.com/office/powerpoint/2010/main" val="669754676"/>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B22E72-FF98-93A6-6062-7F2BBF8AF274}"/>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1F4852D4-FD0A-45BE-A79B-9A8003182B2B}"/>
              </a:ext>
            </a:extLst>
          </p:cNvPr>
          <p:cNvSpPr>
            <a:spLocks noGrp="1"/>
          </p:cNvSpPr>
          <p:nvPr>
            <p:ph type="title"/>
          </p:nvPr>
        </p:nvSpPr>
        <p:spPr/>
        <p:txBody>
          <a:bodyPr/>
          <a:lstStyle/>
          <a:p>
            <a:r>
              <a:rPr lang="da-DK" sz="2200" noProof="0" dirty="0"/>
              <a:t>Introduktion til kapitlet om nøgleobservationer fra cases og interviews</a:t>
            </a:r>
          </a:p>
        </p:txBody>
      </p:sp>
      <p:sp>
        <p:nvSpPr>
          <p:cNvPr id="51" name="TextBox 50">
            <a:extLst>
              <a:ext uri="{FF2B5EF4-FFF2-40B4-BE49-F238E27FC236}">
                <a16:creationId xmlns:a16="http://schemas.microsoft.com/office/drawing/2014/main" id="{068ED8CD-A0FC-00CB-258B-DE2F211205B2}"/>
              </a:ext>
            </a:extLst>
          </p:cNvPr>
          <p:cNvSpPr txBox="1"/>
          <p:nvPr/>
        </p:nvSpPr>
        <p:spPr>
          <a:xfrm>
            <a:off x="554354" y="1547581"/>
            <a:ext cx="11118721" cy="646331"/>
          </a:xfrm>
          <a:prstGeom prst="rect">
            <a:avLst/>
          </a:prstGeom>
          <a:noFill/>
        </p:spPr>
        <p:txBody>
          <a:bodyPr wrap="square" lIns="0" rIns="0">
            <a:spAutoFit/>
          </a:bodyPr>
          <a:lstStyle/>
          <a:p>
            <a:r>
              <a:rPr lang="da-DK" sz="1200" b="1" noProof="0" dirty="0">
                <a:solidFill>
                  <a:schemeClr val="accent3"/>
                </a:solidFill>
              </a:rPr>
              <a:t>I dette kapitel præsenteres en opsummering af nøgleobservationer og </a:t>
            </a:r>
            <a:r>
              <a:rPr lang="da-DK" sz="1200" b="1" noProof="0" dirty="0" err="1">
                <a:solidFill>
                  <a:schemeClr val="accent3"/>
                </a:solidFill>
              </a:rPr>
              <a:t>læringer</a:t>
            </a:r>
            <a:r>
              <a:rPr lang="da-DK" sz="1200" b="1" noProof="0" dirty="0">
                <a:solidFill>
                  <a:schemeClr val="accent3"/>
                </a:solidFill>
              </a:rPr>
              <a:t> med afsæt i den gennemførte erfaringsopsamling og casestudier. Observationerne er baseret på analysens datagrundlag og fordelt på tre temaer. </a:t>
            </a:r>
          </a:p>
          <a:p>
            <a:endParaRPr lang="da-DK" sz="1200" b="1" noProof="0" dirty="0">
              <a:solidFill>
                <a:schemeClr val="accent3"/>
              </a:solidFill>
              <a:highlight>
                <a:srgbClr val="FFFF00"/>
              </a:highlight>
            </a:endParaRPr>
          </a:p>
        </p:txBody>
      </p:sp>
      <p:sp>
        <p:nvSpPr>
          <p:cNvPr id="7" name="Round Same-side Corner of Rectangle 6">
            <a:extLst>
              <a:ext uri="{FF2B5EF4-FFF2-40B4-BE49-F238E27FC236}">
                <a16:creationId xmlns:a16="http://schemas.microsoft.com/office/drawing/2014/main" id="{577F5868-B65F-B823-B83A-8BF7040D84F8}"/>
              </a:ext>
            </a:extLst>
          </p:cNvPr>
          <p:cNvSpPr/>
          <p:nvPr/>
        </p:nvSpPr>
        <p:spPr>
          <a:xfrm>
            <a:off x="552449" y="2251597"/>
            <a:ext cx="5304653" cy="422005"/>
          </a:xfrm>
          <a:prstGeom prst="round2Same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solidFill>
                  <a:schemeClr val="bg1"/>
                </a:solidFill>
              </a:rPr>
              <a:t>Datagrundlag og forudsætninger</a:t>
            </a:r>
          </a:p>
        </p:txBody>
      </p:sp>
      <p:sp>
        <p:nvSpPr>
          <p:cNvPr id="8" name="Rectangle 7">
            <a:extLst>
              <a:ext uri="{FF2B5EF4-FFF2-40B4-BE49-F238E27FC236}">
                <a16:creationId xmlns:a16="http://schemas.microsoft.com/office/drawing/2014/main" id="{1C1FE6EF-E7F4-8056-A6CE-6DF4667CF127}"/>
              </a:ext>
            </a:extLst>
          </p:cNvPr>
          <p:cNvSpPr/>
          <p:nvPr/>
        </p:nvSpPr>
        <p:spPr>
          <a:xfrm>
            <a:off x="552449" y="2673601"/>
            <a:ext cx="5304653" cy="32425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108000" rIns="91440" bIns="45720" rtlCol="0" anchor="t"/>
          <a:lstStyle/>
          <a:p>
            <a:pPr marL="171450" indent="-171450">
              <a:buFont typeface="Arial" panose="020B0604020202020204" pitchFamily="34" charset="0"/>
              <a:buChar char="•"/>
            </a:pPr>
            <a:r>
              <a:rPr lang="da-DK" sz="1100" noProof="0" dirty="0">
                <a:solidFill>
                  <a:schemeClr val="tx1"/>
                </a:solidFill>
              </a:rPr>
              <a:t>Observationerne bygger på </a:t>
            </a:r>
            <a:r>
              <a:rPr lang="da-DK" sz="1100" noProof="0" dirty="0" err="1">
                <a:solidFill>
                  <a:schemeClr val="tx1"/>
                </a:solidFill>
              </a:rPr>
              <a:t>desk</a:t>
            </a:r>
            <a:r>
              <a:rPr lang="da-DK" sz="1100" noProof="0" dirty="0">
                <a:solidFill>
                  <a:schemeClr val="tx1"/>
                </a:solidFill>
              </a:rPr>
              <a:t> research af en lang række skriftlige datakilder og +30 interviews med forskellige </a:t>
            </a:r>
            <a:r>
              <a:rPr lang="da-DK" sz="1100" noProof="0" dirty="0" err="1">
                <a:solidFill>
                  <a:schemeClr val="tx1"/>
                </a:solidFill>
              </a:rPr>
              <a:t>videnspersoner</a:t>
            </a:r>
            <a:r>
              <a:rPr lang="da-DK" sz="1100" noProof="0" dirty="0">
                <a:solidFill>
                  <a:schemeClr val="tx1"/>
                </a:solidFill>
              </a:rPr>
              <a:t> og organisationer i Danmark og i udlandet. </a:t>
            </a:r>
            <a:r>
              <a:rPr lang="da-DK" sz="1100" noProof="0" dirty="0" err="1">
                <a:solidFill>
                  <a:schemeClr val="tx1"/>
                </a:solidFill>
              </a:rPr>
              <a:t>Videnspersoner</a:t>
            </a:r>
            <a:r>
              <a:rPr lang="da-DK" sz="1100" noProof="0" dirty="0">
                <a:solidFill>
                  <a:schemeClr val="tx1"/>
                </a:solidFill>
              </a:rPr>
              <a:t> omfatter ledere og specialister fra offentlige myndigheder, interesseorganisationer, industri, tænketanke og forskning. Se bilagsmateriale for en oversigt over skriftligt kildemateriale og interviewpersoner.</a:t>
            </a:r>
          </a:p>
          <a:p>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Observationerne er opstillet af PA og således </a:t>
            </a:r>
            <a:r>
              <a:rPr lang="da-DK" sz="1100" noProof="0" dirty="0" err="1">
                <a:solidFill>
                  <a:schemeClr val="tx1"/>
                </a:solidFill>
              </a:rPr>
              <a:t>PA’s</a:t>
            </a:r>
            <a:r>
              <a:rPr lang="da-DK" sz="1100" noProof="0" dirty="0">
                <a:solidFill>
                  <a:schemeClr val="tx1"/>
                </a:solidFill>
              </a:rPr>
              <a:t> vurdering af væsentlige </a:t>
            </a:r>
            <a:r>
              <a:rPr lang="da-DK" sz="1100" noProof="0" dirty="0" err="1">
                <a:solidFill>
                  <a:schemeClr val="tx1"/>
                </a:solidFill>
              </a:rPr>
              <a:t>læringer</a:t>
            </a:r>
            <a:r>
              <a:rPr lang="da-DK" sz="1100" noProof="0" dirty="0">
                <a:solidFill>
                  <a:schemeClr val="tx1"/>
                </a:solidFill>
              </a:rPr>
              <a:t> og indsigter fra den gennemførte dataindsamling.</a:t>
            </a: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Vi anvender betegnelsen ”myndigheder” som en samlet betegnelse for de aktører, der har arbejdet med digital suverænitet. Der er dog også opsamlet enkelte erfaringer fra den finansielle sektor. </a:t>
            </a:r>
          </a:p>
        </p:txBody>
      </p:sp>
      <p:sp>
        <p:nvSpPr>
          <p:cNvPr id="10" name="Round Same-side Corner of Rectangle 9">
            <a:extLst>
              <a:ext uri="{FF2B5EF4-FFF2-40B4-BE49-F238E27FC236}">
                <a16:creationId xmlns:a16="http://schemas.microsoft.com/office/drawing/2014/main" id="{245A5EF8-A99D-20FE-33D5-9ECC35435F3C}"/>
              </a:ext>
            </a:extLst>
          </p:cNvPr>
          <p:cNvSpPr/>
          <p:nvPr/>
        </p:nvSpPr>
        <p:spPr>
          <a:xfrm>
            <a:off x="6372482" y="2251597"/>
            <a:ext cx="5304653" cy="422005"/>
          </a:xfrm>
          <a:prstGeom prst="round2Same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a:solidFill>
                  <a:schemeClr val="bg1"/>
                </a:solidFill>
              </a:rPr>
              <a:t>Tilgang til opstilling af nøgleobservationer</a:t>
            </a:r>
          </a:p>
        </p:txBody>
      </p:sp>
      <p:sp>
        <p:nvSpPr>
          <p:cNvPr id="11" name="Rectangle 10">
            <a:extLst>
              <a:ext uri="{FF2B5EF4-FFF2-40B4-BE49-F238E27FC236}">
                <a16:creationId xmlns:a16="http://schemas.microsoft.com/office/drawing/2014/main" id="{2A62C7CF-158C-8C2F-37FB-92BEA87ED047}"/>
              </a:ext>
            </a:extLst>
          </p:cNvPr>
          <p:cNvSpPr/>
          <p:nvPr/>
        </p:nvSpPr>
        <p:spPr>
          <a:xfrm>
            <a:off x="6372482" y="2673601"/>
            <a:ext cx="5304653" cy="32425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108000" rIns="91440" bIns="45720" rtlCol="0" anchor="t"/>
          <a:lstStyle/>
          <a:p>
            <a:pPr marL="171450" indent="-171450">
              <a:buFont typeface="Arial" panose="020B0604020202020204" pitchFamily="34" charset="0"/>
              <a:buChar char="•"/>
            </a:pPr>
            <a:r>
              <a:rPr lang="da-DK" sz="1100" noProof="0">
                <a:solidFill>
                  <a:schemeClr val="tx1"/>
                </a:solidFill>
              </a:rPr>
              <a:t>Observationerne er struktureret efter tre temaer, jf. nedenstående figur.</a:t>
            </a: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a:p>
            <a:pPr marL="171450" indent="-171450">
              <a:buFont typeface="Arial" panose="020B0604020202020204" pitchFamily="34" charset="0"/>
              <a:buChar char="•"/>
            </a:pPr>
            <a:endParaRPr lang="da-DK" sz="1100" noProof="0">
              <a:solidFill>
                <a:schemeClr val="tx1"/>
              </a:solidFill>
              <a:highlight>
                <a:srgbClr val="FFFF00"/>
              </a:highlight>
            </a:endParaRPr>
          </a:p>
        </p:txBody>
      </p:sp>
      <p:sp>
        <p:nvSpPr>
          <p:cNvPr id="12" name="Free-form: Shape 1">
            <a:extLst>
              <a:ext uri="{FF2B5EF4-FFF2-40B4-BE49-F238E27FC236}">
                <a16:creationId xmlns:a16="http://schemas.microsoft.com/office/drawing/2014/main" id="{3A857B17-43E8-F38B-C63C-B157954B264F}"/>
              </a:ext>
              <a:ext uri="{C183D7F6-B498-43B3-948B-1728B52AA6E4}">
                <adec:decorative xmlns:adec="http://schemas.microsoft.com/office/drawing/2017/decorative" val="1"/>
              </a:ext>
            </a:extLst>
          </p:cNvPr>
          <p:cNvSpPr>
            <a:spLocks noChangeAspect="1"/>
          </p:cNvSpPr>
          <p:nvPr/>
        </p:nvSpPr>
        <p:spPr>
          <a:xfrm>
            <a:off x="5990552" y="3872089"/>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EE2F66"/>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sp>
        <p:nvSpPr>
          <p:cNvPr id="14" name="Rektangel 3">
            <a:extLst>
              <a:ext uri="{FF2B5EF4-FFF2-40B4-BE49-F238E27FC236}">
                <a16:creationId xmlns:a16="http://schemas.microsoft.com/office/drawing/2014/main" id="{6F36A001-1555-093D-9F11-FA1D9FCAB422}"/>
              </a:ext>
            </a:extLst>
          </p:cNvPr>
          <p:cNvSpPr/>
          <p:nvPr/>
        </p:nvSpPr>
        <p:spPr>
          <a:xfrm>
            <a:off x="6619875" y="3095823"/>
            <a:ext cx="4840921" cy="774408"/>
          </a:xfrm>
          <a:prstGeom prst="roundRect">
            <a:avLst/>
          </a:prstGeom>
          <a:solidFill>
            <a:srgbClr val="024D7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t>01 | Strategisk ambition og gevinster</a:t>
            </a:r>
            <a:endParaRPr lang="da-DK" sz="1100" noProof="0"/>
          </a:p>
          <a:p>
            <a:r>
              <a:rPr lang="da-DK" sz="1100" i="1" noProof="0"/>
              <a:t>Myndighedernes arbejde med digital suverænitet udspringer af et ønske om øget uafhængighed, øget kontrol og større digital valgfrihed. </a:t>
            </a:r>
            <a:r>
              <a:rPr lang="da-DK" sz="1100" b="1" i="1" noProof="0"/>
              <a:t> </a:t>
            </a:r>
          </a:p>
        </p:txBody>
      </p:sp>
      <p:sp>
        <p:nvSpPr>
          <p:cNvPr id="15" name="Rektangel 4">
            <a:extLst>
              <a:ext uri="{FF2B5EF4-FFF2-40B4-BE49-F238E27FC236}">
                <a16:creationId xmlns:a16="http://schemas.microsoft.com/office/drawing/2014/main" id="{1D94E2F8-497F-BF3F-815F-DAB7F8861257}"/>
              </a:ext>
            </a:extLst>
          </p:cNvPr>
          <p:cNvSpPr/>
          <p:nvPr/>
        </p:nvSpPr>
        <p:spPr>
          <a:xfrm>
            <a:off x="6619875" y="4007340"/>
            <a:ext cx="4840921" cy="774408"/>
          </a:xfrm>
          <a:prstGeom prst="roundRect">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t>02 | Virkemidler til at opnå øget digital suverænitet</a:t>
            </a:r>
            <a:endParaRPr lang="da-DK" sz="1100" noProof="0">
              <a:solidFill>
                <a:schemeClr val="tx1"/>
              </a:solidFill>
            </a:endParaRPr>
          </a:p>
          <a:p>
            <a:r>
              <a:rPr lang="da-DK" sz="1100" i="1" noProof="0"/>
              <a:t>Der kan opnås øget digital suverænitet gennem flere virkemidler – fra indkøb og styring til alternative løsninger. </a:t>
            </a:r>
            <a:r>
              <a:rPr lang="da-DK" sz="1100" i="1" noProof="0" dirty="0"/>
              <a:t>Der skelnes mellem </a:t>
            </a:r>
            <a:r>
              <a:rPr lang="da-DK" sz="1100" i="1" noProof="0"/>
              <a:t>virkemidler der skaber forudsætninger* og virkemidler der skaber forandring**.</a:t>
            </a:r>
          </a:p>
        </p:txBody>
      </p:sp>
      <p:sp>
        <p:nvSpPr>
          <p:cNvPr id="16" name="Rektangel 7">
            <a:extLst>
              <a:ext uri="{FF2B5EF4-FFF2-40B4-BE49-F238E27FC236}">
                <a16:creationId xmlns:a16="http://schemas.microsoft.com/office/drawing/2014/main" id="{338CDE29-657D-43F1-6CA6-9E79D4B4AC2F}"/>
              </a:ext>
              <a:ext uri="{C183D7F6-B498-43B3-948B-1728B52AA6E4}">
                <adec:decorative xmlns:adec="http://schemas.microsoft.com/office/drawing/2017/decorative" val="0"/>
              </a:ext>
            </a:extLst>
          </p:cNvPr>
          <p:cNvSpPr/>
          <p:nvPr/>
        </p:nvSpPr>
        <p:spPr>
          <a:xfrm>
            <a:off x="6619875" y="4918857"/>
            <a:ext cx="4840921" cy="774408"/>
          </a:xfrm>
          <a:prstGeom prst="roundRect">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chemeClr val="bg1"/>
                </a:solidFill>
              </a:rPr>
              <a:t>03 | Forudsætninger for øget digital suverænitet</a:t>
            </a:r>
          </a:p>
          <a:p>
            <a:r>
              <a:rPr lang="da-DK" sz="1100" i="1" noProof="0">
                <a:solidFill>
                  <a:schemeClr val="bg1"/>
                </a:solidFill>
              </a:rPr>
              <a:t>Digital suverænitet kræver omstilling og investeringer, både teknologisk, organisatorisk og kompetencemæssigt.     </a:t>
            </a:r>
          </a:p>
        </p:txBody>
      </p:sp>
      <p:sp>
        <p:nvSpPr>
          <p:cNvPr id="4" name="Content Placeholder 5">
            <a:extLst>
              <a:ext uri="{FF2B5EF4-FFF2-40B4-BE49-F238E27FC236}">
                <a16:creationId xmlns:a16="http://schemas.microsoft.com/office/drawing/2014/main" id="{A9933BE5-0E51-1E6A-5670-AFB39D1FA2D8}"/>
              </a:ext>
            </a:extLst>
          </p:cNvPr>
          <p:cNvSpPr txBox="1">
            <a:spLocks/>
          </p:cNvSpPr>
          <p:nvPr/>
        </p:nvSpPr>
        <p:spPr>
          <a:xfrm>
            <a:off x="552449" y="6435708"/>
            <a:ext cx="11470014" cy="9724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700" b="0" i="1" noProof="0">
                <a:solidFill>
                  <a:schemeClr val="tx1"/>
                </a:solidFill>
                <a:latin typeface="+mj-lt"/>
              </a:rPr>
              <a:t>*</a:t>
            </a:r>
            <a:r>
              <a:rPr lang="da-DK" sz="700" b="0" i="1" noProof="0" dirty="0">
                <a:latin typeface="+mj-lt"/>
              </a:rPr>
              <a:t>Disse tiltag handler primært om at skabe indsigt, reducere risiko og sikre beredskab – uden nødvendigvis at ændre eksisterende digitale løsninger.**Disse tiltag er mere aktive og orienteret mod at skabe reelle alternativer, styrke valgmuligheder og sikre kontrol over løsninger.</a:t>
            </a:r>
          </a:p>
          <a:p>
            <a:pPr>
              <a:spcAft>
                <a:spcPts val="300"/>
              </a:spcAft>
            </a:pPr>
            <a:endParaRPr lang="da-DK" sz="700" b="0" i="1" noProof="0">
              <a:solidFill>
                <a:schemeClr val="tx1"/>
              </a:solidFill>
              <a:latin typeface="+mj-lt"/>
            </a:endParaRPr>
          </a:p>
        </p:txBody>
      </p:sp>
    </p:spTree>
    <p:extLst>
      <p:ext uri="{BB962C8B-B14F-4D97-AF65-F5344CB8AC3E}">
        <p14:creationId xmlns:p14="http://schemas.microsoft.com/office/powerpoint/2010/main" val="1196760268"/>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123630-8CC1-4937-848E-16508DC7167A}"/>
              </a:ext>
            </a:extLst>
          </p:cNvPr>
          <p:cNvSpPr>
            <a:spLocks noGrp="1"/>
          </p:cNvSpPr>
          <p:nvPr>
            <p:ph type="title"/>
          </p:nvPr>
        </p:nvSpPr>
        <p:spPr/>
        <p:txBody>
          <a:bodyPr/>
          <a:lstStyle/>
          <a:p>
            <a:r>
              <a:rPr lang="da-DK" sz="2200" noProof="0" dirty="0"/>
              <a:t>Analysens indhold og disponering </a:t>
            </a:r>
          </a:p>
        </p:txBody>
      </p:sp>
      <p:graphicFrame>
        <p:nvGraphicFramePr>
          <p:cNvPr id="5" name="Table 4" descr="Indholdsfortegnelse:&#10;Resume&#10;Indledning&#10;Udfordringsbillede&#10;Nøgleobservationer">
            <a:extLst>
              <a:ext uri="{FF2B5EF4-FFF2-40B4-BE49-F238E27FC236}">
                <a16:creationId xmlns:a16="http://schemas.microsoft.com/office/drawing/2014/main" id="{C14C8379-C108-49CA-9BE0-1DA156664FFD}"/>
              </a:ext>
            </a:extLst>
          </p:cNvPr>
          <p:cNvGraphicFramePr>
            <a:graphicFrameLocks noGrp="1"/>
          </p:cNvGraphicFramePr>
          <p:nvPr>
            <p:extLst>
              <p:ext uri="{D42A27DB-BD31-4B8C-83A1-F6EECF244321}">
                <p14:modId xmlns:p14="http://schemas.microsoft.com/office/powerpoint/2010/main" val="2147932064"/>
              </p:ext>
            </p:extLst>
          </p:nvPr>
        </p:nvGraphicFramePr>
        <p:xfrm>
          <a:off x="554355" y="2085404"/>
          <a:ext cx="7171906" cy="3400874"/>
        </p:xfrm>
        <a:graphic>
          <a:graphicData uri="http://schemas.openxmlformats.org/drawingml/2006/table">
            <a:tbl>
              <a:tblPr firstRow="1" bandRow="1">
                <a:tableStyleId>{5C22544A-7EE6-4342-B048-85BDC9FD1C3A}</a:tableStyleId>
              </a:tblPr>
              <a:tblGrid>
                <a:gridCol w="499644">
                  <a:extLst>
                    <a:ext uri="{9D8B030D-6E8A-4147-A177-3AD203B41FA5}">
                      <a16:colId xmlns:a16="http://schemas.microsoft.com/office/drawing/2014/main" val="1555787206"/>
                    </a:ext>
                  </a:extLst>
                </a:gridCol>
                <a:gridCol w="5730781">
                  <a:extLst>
                    <a:ext uri="{9D8B030D-6E8A-4147-A177-3AD203B41FA5}">
                      <a16:colId xmlns:a16="http://schemas.microsoft.com/office/drawing/2014/main" val="2928185317"/>
                    </a:ext>
                  </a:extLst>
                </a:gridCol>
                <a:gridCol w="941481">
                  <a:extLst>
                    <a:ext uri="{9D8B030D-6E8A-4147-A177-3AD203B41FA5}">
                      <a16:colId xmlns:a16="http://schemas.microsoft.com/office/drawing/2014/main" val="2054203959"/>
                    </a:ext>
                  </a:extLst>
                </a:gridCol>
              </a:tblGrid>
              <a:tr h="485492">
                <a:tc>
                  <a:txBody>
                    <a:bodyPr/>
                    <a:lstStyle/>
                    <a:p>
                      <a:r>
                        <a:rPr lang="da-DK" sz="1400" b="0" noProof="0" dirty="0">
                          <a:solidFill>
                            <a:schemeClr val="bg1"/>
                          </a:solidFill>
                          <a:latin typeface="+mn-lt"/>
                        </a:rPr>
                        <a:t>tom</a:t>
                      </a:r>
                    </a:p>
                  </a:txBody>
                  <a:tcPr>
                    <a:lnL w="12700" cmpd="sng">
                      <a:noFill/>
                    </a:lnL>
                    <a:lnR w="12700" cmpd="sng">
                      <a:noFill/>
                    </a:lnR>
                    <a:lnT w="12700" cmpd="sng">
                      <a:noFill/>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r>
                        <a:rPr lang="da-DK" sz="1400" b="0" noProof="0" dirty="0">
                          <a:solidFill>
                            <a:schemeClr val="bg1"/>
                          </a:solidFill>
                          <a:latin typeface="+mn-lt"/>
                        </a:rPr>
                        <a:t>tom</a:t>
                      </a:r>
                    </a:p>
                  </a:txBody>
                  <a:tcPr>
                    <a:lnL w="12700" cmpd="sng">
                      <a:noFill/>
                    </a:lnL>
                    <a:lnR w="12700" cmpd="sng">
                      <a:noFill/>
                    </a:lnR>
                    <a:lnT w="12700" cmpd="sng">
                      <a:noFill/>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r"/>
                      <a:r>
                        <a:rPr lang="da-DK" sz="1400" b="0" noProof="0">
                          <a:solidFill>
                            <a:schemeClr val="bg1">
                              <a:lumMod val="50000"/>
                            </a:schemeClr>
                          </a:solidFill>
                          <a:latin typeface="+mn-lt"/>
                        </a:rPr>
                        <a:t>Side</a:t>
                      </a:r>
                    </a:p>
                  </a:txBody>
                  <a:tcPr anchor="b">
                    <a:lnL w="12700" cmpd="sng">
                      <a:noFill/>
                    </a:lnL>
                    <a:lnR w="12700" cmpd="sng">
                      <a:noFill/>
                    </a:lnR>
                    <a:lnT w="12700" cmpd="sng">
                      <a:noFill/>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754292"/>
                  </a:ext>
                </a:extLst>
              </a:tr>
              <a:tr h="485897">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600" noProof="0">
                          <a:solidFill>
                            <a:schemeClr val="accent1"/>
                          </a:solidFill>
                          <a:latin typeface="+mn-lt"/>
                        </a:rPr>
                        <a:t>00</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400" noProof="0" dirty="0"/>
                        <a:t>Resumé</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1039307" rtl="0" eaLnBrk="1" fontAlgn="auto" latinLnBrk="0" hangingPunct="1">
                        <a:lnSpc>
                          <a:spcPct val="100000"/>
                        </a:lnSpc>
                        <a:spcBef>
                          <a:spcPts val="0"/>
                        </a:spcBef>
                        <a:spcAft>
                          <a:spcPts val="0"/>
                        </a:spcAft>
                        <a:buClrTx/>
                        <a:buSzTx/>
                        <a:buFontTx/>
                        <a:buNone/>
                        <a:tabLst/>
                        <a:defRPr/>
                      </a:pPr>
                      <a:r>
                        <a:rPr kumimoji="0" lang="da-DK" sz="1400" b="0" i="0" u="none" strike="noStrike" kern="1200" cap="none" spc="0" normalizeH="0" baseline="0" noProof="0">
                          <a:ln>
                            <a:noFill/>
                          </a:ln>
                          <a:solidFill>
                            <a:schemeClr val="bg1">
                              <a:lumMod val="50000"/>
                            </a:schemeClr>
                          </a:solidFill>
                          <a:effectLst/>
                          <a:uLnTx/>
                          <a:uFillTx/>
                          <a:latin typeface="+mn-lt"/>
                          <a:ea typeface="+mn-ea"/>
                          <a:cs typeface="+mn-cs"/>
                        </a:rPr>
                        <a:t>03</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641551326"/>
                  </a:ext>
                </a:extLst>
              </a:tr>
              <a:tr h="485897">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600" noProof="0" dirty="0">
                          <a:solidFill>
                            <a:schemeClr val="accent1"/>
                          </a:solidFill>
                          <a:latin typeface="+mn-lt"/>
                        </a:rPr>
                        <a:t>01</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400" noProof="0"/>
                        <a:t>Indledning og forståelsesramme</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1039307" rtl="0" eaLnBrk="1" fontAlgn="auto" latinLnBrk="0" hangingPunct="1">
                        <a:lnSpc>
                          <a:spcPct val="100000"/>
                        </a:lnSpc>
                        <a:spcBef>
                          <a:spcPts val="0"/>
                        </a:spcBef>
                        <a:spcAft>
                          <a:spcPts val="0"/>
                        </a:spcAft>
                        <a:buClrTx/>
                        <a:buSzTx/>
                        <a:buFontTx/>
                        <a:buNone/>
                        <a:tabLst/>
                        <a:defRPr/>
                      </a:pPr>
                      <a:r>
                        <a:rPr kumimoji="0" lang="da-DK" sz="1400" b="0" i="0" u="none" strike="noStrike" kern="1200" cap="none" spc="0" normalizeH="0" baseline="0" noProof="0">
                          <a:ln>
                            <a:noFill/>
                          </a:ln>
                          <a:solidFill>
                            <a:schemeClr val="bg1">
                              <a:lumMod val="50000"/>
                            </a:schemeClr>
                          </a:solidFill>
                          <a:effectLst/>
                          <a:uLnTx/>
                          <a:uFillTx/>
                          <a:latin typeface="+mn-lt"/>
                          <a:ea typeface="+mn-ea"/>
                          <a:cs typeface="+mn-cs"/>
                        </a:rPr>
                        <a:t>04</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44288802"/>
                  </a:ext>
                </a:extLst>
              </a:tr>
              <a:tr h="485897">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600" noProof="0">
                          <a:solidFill>
                            <a:schemeClr val="accent1"/>
                          </a:solidFill>
                          <a:latin typeface="+mn-lt"/>
                        </a:rPr>
                        <a:t>02</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400" noProof="0">
                          <a:solidFill>
                            <a:schemeClr val="accent1"/>
                          </a:solidFill>
                          <a:latin typeface="+mn-lt"/>
                        </a:rPr>
                        <a:t>Udfordringsbillede</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1039307" rtl="0" eaLnBrk="1" fontAlgn="auto" latinLnBrk="0" hangingPunct="1">
                        <a:lnSpc>
                          <a:spcPct val="100000"/>
                        </a:lnSpc>
                        <a:spcBef>
                          <a:spcPts val="0"/>
                        </a:spcBef>
                        <a:spcAft>
                          <a:spcPts val="0"/>
                        </a:spcAft>
                        <a:buClrTx/>
                        <a:buSzTx/>
                        <a:buFontTx/>
                        <a:buNone/>
                        <a:tabLst/>
                        <a:defRPr/>
                      </a:pPr>
                      <a:r>
                        <a:rPr kumimoji="0" lang="da-DK" sz="1400" b="0" i="0" u="none" strike="noStrike" kern="1200" cap="none" spc="0" normalizeH="0" baseline="0" noProof="0" dirty="0">
                          <a:ln>
                            <a:noFill/>
                          </a:ln>
                          <a:solidFill>
                            <a:schemeClr val="bg1">
                              <a:lumMod val="50000"/>
                            </a:schemeClr>
                          </a:solidFill>
                          <a:effectLst/>
                          <a:uLnTx/>
                          <a:uFillTx/>
                          <a:latin typeface="+mn-lt"/>
                          <a:ea typeface="+mn-ea"/>
                          <a:cs typeface="+mn-cs"/>
                        </a:rPr>
                        <a:t>10</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566199143"/>
                  </a:ext>
                </a:extLst>
              </a:tr>
              <a:tr h="485897">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600" noProof="0">
                          <a:solidFill>
                            <a:schemeClr val="accent1"/>
                          </a:solidFill>
                          <a:latin typeface="+mn-lt"/>
                        </a:rPr>
                        <a:t>03</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400" noProof="0"/>
                        <a:t>Nøgleobservationer fra erfaringsopsamling</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1039307" rtl="0" eaLnBrk="1" fontAlgn="auto" latinLnBrk="0" hangingPunct="1">
                        <a:lnSpc>
                          <a:spcPct val="100000"/>
                        </a:lnSpc>
                        <a:spcBef>
                          <a:spcPts val="0"/>
                        </a:spcBef>
                        <a:spcAft>
                          <a:spcPts val="0"/>
                        </a:spcAft>
                        <a:buClrTx/>
                        <a:buSzTx/>
                        <a:buFontTx/>
                        <a:buNone/>
                        <a:tabLst/>
                        <a:defRPr/>
                      </a:pPr>
                      <a:r>
                        <a:rPr kumimoji="0" lang="da-DK" sz="1400" b="0" i="0" u="none" strike="noStrike" kern="1200" cap="none" spc="0" normalizeH="0" baseline="0" noProof="0" dirty="0">
                          <a:ln>
                            <a:noFill/>
                          </a:ln>
                          <a:solidFill>
                            <a:schemeClr val="bg1">
                              <a:lumMod val="50000"/>
                            </a:schemeClr>
                          </a:solidFill>
                          <a:effectLst/>
                          <a:uLnTx/>
                          <a:uFillTx/>
                          <a:latin typeface="+mn-lt"/>
                          <a:ea typeface="+mn-ea"/>
                          <a:cs typeface="+mn-cs"/>
                        </a:rPr>
                        <a:t>18</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283116235"/>
                  </a:ext>
                </a:extLst>
              </a:tr>
              <a:tr h="485897">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600" noProof="0">
                          <a:solidFill>
                            <a:schemeClr val="accent1"/>
                          </a:solidFill>
                          <a:latin typeface="+mn-lt"/>
                        </a:rPr>
                        <a:t>04</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400" noProof="0" dirty="0" err="1">
                          <a:solidFill>
                            <a:schemeClr val="accent1"/>
                          </a:solidFill>
                          <a:latin typeface="+mn-lt"/>
                        </a:rPr>
                        <a:t>PA’s</a:t>
                      </a:r>
                      <a:r>
                        <a:rPr lang="da-DK" sz="1400" noProof="0" dirty="0">
                          <a:solidFill>
                            <a:schemeClr val="accent1"/>
                          </a:solidFill>
                          <a:latin typeface="+mn-lt"/>
                        </a:rPr>
                        <a:t> forslag til løsningsspor</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1039307" rtl="0" eaLnBrk="1" fontAlgn="auto" latinLnBrk="0" hangingPunct="1">
                        <a:lnSpc>
                          <a:spcPct val="100000"/>
                        </a:lnSpc>
                        <a:spcBef>
                          <a:spcPts val="0"/>
                        </a:spcBef>
                        <a:spcAft>
                          <a:spcPts val="0"/>
                        </a:spcAft>
                        <a:buClrTx/>
                        <a:buSzTx/>
                        <a:buFontTx/>
                        <a:buNone/>
                        <a:tabLst/>
                        <a:defRPr/>
                      </a:pPr>
                      <a:r>
                        <a:rPr kumimoji="0" lang="da-DK" sz="1400" b="0" i="0" u="none" strike="noStrike" kern="1200" cap="none" spc="0" normalizeH="0" baseline="0" noProof="0" dirty="0">
                          <a:ln>
                            <a:noFill/>
                          </a:ln>
                          <a:solidFill>
                            <a:schemeClr val="bg1">
                              <a:lumMod val="50000"/>
                            </a:schemeClr>
                          </a:solidFill>
                          <a:effectLst/>
                          <a:uLnTx/>
                          <a:uFillTx/>
                          <a:latin typeface="+mn-lt"/>
                          <a:ea typeface="+mn-ea"/>
                          <a:cs typeface="+mn-cs"/>
                        </a:rPr>
                        <a:t>26</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82518974"/>
                  </a:ext>
                </a:extLst>
              </a:tr>
              <a:tr h="485897">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endParaRPr lang="da-DK" sz="1600" noProof="0">
                        <a:solidFill>
                          <a:schemeClr val="accent1"/>
                        </a:solidFill>
                        <a:latin typeface="+mn-lt"/>
                      </a:endParaRP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da-DK" sz="1400" noProof="0" dirty="0">
                          <a:solidFill>
                            <a:schemeClr val="accent1"/>
                          </a:solidFill>
                          <a:latin typeface="+mn-lt"/>
                        </a:rPr>
                        <a:t>Bilag: Analysens metode og datagrundlag </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1039307" rtl="0" eaLnBrk="1" fontAlgn="auto" latinLnBrk="0" hangingPunct="1">
                        <a:lnSpc>
                          <a:spcPct val="100000"/>
                        </a:lnSpc>
                        <a:spcBef>
                          <a:spcPts val="0"/>
                        </a:spcBef>
                        <a:spcAft>
                          <a:spcPts val="0"/>
                        </a:spcAft>
                        <a:buClrTx/>
                        <a:buSzTx/>
                        <a:buFontTx/>
                        <a:buNone/>
                        <a:tabLst/>
                        <a:defRPr/>
                      </a:pPr>
                      <a:r>
                        <a:rPr kumimoji="0" lang="da-DK" sz="1400" b="0" i="0" u="none" strike="noStrike" kern="1200" cap="none" spc="0" normalizeH="0" baseline="0" noProof="0" dirty="0">
                          <a:ln>
                            <a:noFill/>
                          </a:ln>
                          <a:solidFill>
                            <a:schemeClr val="bg1">
                              <a:lumMod val="50000"/>
                            </a:schemeClr>
                          </a:solidFill>
                          <a:effectLst/>
                          <a:uLnTx/>
                          <a:uFillTx/>
                          <a:latin typeface="+mn-lt"/>
                          <a:ea typeface="+mn-ea"/>
                          <a:cs typeface="+mn-cs"/>
                        </a:rPr>
                        <a:t>44</a:t>
                      </a:r>
                    </a:p>
                  </a:txBody>
                  <a:tcPr anchor="ctr">
                    <a:lnL w="12700" cmpd="sng">
                      <a:noFill/>
                    </a:lnL>
                    <a:lnR w="12700" cmpd="sng">
                      <a:noFill/>
                    </a:lnR>
                    <a:lnT w="6350" cap="flat" cmpd="sng" algn="ctr">
                      <a:solidFill>
                        <a:schemeClr val="accent5"/>
                      </a:solidFill>
                      <a:prstDash val="solid"/>
                      <a:round/>
                      <a:headEnd type="none" w="med" len="med"/>
                      <a:tailEnd type="none" w="med" len="med"/>
                    </a:lnT>
                    <a:lnB w="63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34306104"/>
                  </a:ext>
                </a:extLst>
              </a:tr>
            </a:tbl>
          </a:graphicData>
        </a:graphic>
      </p:graphicFrame>
      <p:pic>
        <p:nvPicPr>
          <p:cNvPr id="6" name="Picture Placeholder 5">
            <a:extLst>
              <a:ext uri="{FF2B5EF4-FFF2-40B4-BE49-F238E27FC236}">
                <a16:creationId xmlns:a16="http://schemas.microsoft.com/office/drawing/2014/main" id="{BBFE1812-D86C-491F-220F-171205C44E82}"/>
              </a:ext>
              <a:ext uri="{C183D7F6-B498-43B3-948B-1728B52AA6E4}">
                <adec:decorative xmlns:adec="http://schemas.microsoft.com/office/drawing/2017/decorative" val="1"/>
              </a:ext>
            </a:extLst>
          </p:cNvPr>
          <p:cNvPicPr>
            <a:picLocks noGrp="1" noChangeAspect="1"/>
          </p:cNvPicPr>
          <p:nvPr>
            <p:ph type="pic" sz="quarter" idx="24"/>
          </p:nvPr>
        </p:nvPicPr>
        <p:blipFill>
          <a:blip r:embed="rId4" cstate="print">
            <a:extLst>
              <a:ext uri="{28A0092B-C50C-407E-A947-70E740481C1C}">
                <a14:useLocalDpi xmlns:a14="http://schemas.microsoft.com/office/drawing/2010/main" val="0"/>
              </a:ext>
            </a:extLst>
          </a:blip>
          <a:srcRect l="29849" r="29849"/>
          <a:stretch/>
        </p:blipFill>
        <p:spPr>
          <a:xfrm>
            <a:off x="8042277" y="0"/>
            <a:ext cx="4152897" cy="6859588"/>
          </a:xfrm>
        </p:spPr>
      </p:pic>
      <p:sp>
        <p:nvSpPr>
          <p:cNvPr id="3" name="TextBox 2">
            <a:extLst>
              <a:ext uri="{FF2B5EF4-FFF2-40B4-BE49-F238E27FC236}">
                <a16:creationId xmlns:a16="http://schemas.microsoft.com/office/drawing/2014/main" id="{968B5244-4604-5708-0D7B-CF6EBEE5A079}"/>
              </a:ext>
            </a:extLst>
          </p:cNvPr>
          <p:cNvSpPr txBox="1"/>
          <p:nvPr/>
        </p:nvSpPr>
        <p:spPr>
          <a:xfrm>
            <a:off x="490194" y="1644977"/>
            <a:ext cx="1965489" cy="608029"/>
          </a:xfrm>
          <a:prstGeom prst="rect">
            <a:avLst/>
          </a:prstGeom>
          <a:noFill/>
        </p:spPr>
        <p:txBody>
          <a:bodyPr wrap="square" rtlCol="0">
            <a:noAutofit/>
          </a:bodyPr>
          <a:lstStyle/>
          <a:p>
            <a:r>
              <a:rPr lang="da-DK" sz="1100" dirty="0"/>
              <a:t>Dette slide viser indholdsfortegnelsen</a:t>
            </a:r>
          </a:p>
        </p:txBody>
      </p:sp>
    </p:spTree>
    <p:custDataLst>
      <p:custData r:id="rId1"/>
      <p:custData r:id="rId2"/>
    </p:custDataLst>
    <p:extLst>
      <p:ext uri="{BB962C8B-B14F-4D97-AF65-F5344CB8AC3E}">
        <p14:creationId xmlns:p14="http://schemas.microsoft.com/office/powerpoint/2010/main" val="2788618072"/>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0E9D73-AC4A-D84E-315B-A439E1F47EC4}"/>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DE391946-C757-97F9-555C-FD00A20F9644}"/>
              </a:ext>
            </a:extLst>
          </p:cNvPr>
          <p:cNvSpPr>
            <a:spLocks noGrp="1"/>
          </p:cNvSpPr>
          <p:nvPr>
            <p:ph type="title"/>
          </p:nvPr>
        </p:nvSpPr>
        <p:spPr/>
        <p:txBody>
          <a:bodyPr/>
          <a:lstStyle/>
          <a:p>
            <a:r>
              <a:rPr lang="da-DK" sz="2200" noProof="0" dirty="0"/>
              <a:t>Analysen har belyst 15 cases som kan give inspiration til de danske myndigheder </a:t>
            </a:r>
          </a:p>
        </p:txBody>
      </p:sp>
      <p:sp>
        <p:nvSpPr>
          <p:cNvPr id="6" name="Content Placeholder 5">
            <a:extLst>
              <a:ext uri="{FF2B5EF4-FFF2-40B4-BE49-F238E27FC236}">
                <a16:creationId xmlns:a16="http://schemas.microsoft.com/office/drawing/2014/main" id="{932BEF8B-5BD0-07FB-685D-6438B8753C31}"/>
              </a:ext>
            </a:extLst>
          </p:cNvPr>
          <p:cNvSpPr txBox="1">
            <a:spLocks/>
          </p:cNvSpPr>
          <p:nvPr/>
        </p:nvSpPr>
        <p:spPr>
          <a:xfrm>
            <a:off x="552450" y="1599103"/>
            <a:ext cx="11087386" cy="968928"/>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200" noProof="0" dirty="0">
                <a:solidFill>
                  <a:schemeClr val="accent3"/>
                </a:solidFill>
              </a:rPr>
              <a:t>De 15 cases viser eksempler på hvordan offentlige myndigheder arbejder med at sikre en øget grad af digital suverænitet – lige fra strategiske og organisatoriske tiltag, styring og </a:t>
            </a:r>
            <a:r>
              <a:rPr lang="da-DK" sz="1200" noProof="0" dirty="0" err="1">
                <a:solidFill>
                  <a:schemeClr val="accent3"/>
                </a:solidFill>
              </a:rPr>
              <a:t>kravstillelse</a:t>
            </a:r>
            <a:r>
              <a:rPr lang="da-DK" sz="1200" noProof="0" dirty="0">
                <a:solidFill>
                  <a:schemeClr val="accent3"/>
                </a:solidFill>
              </a:rPr>
              <a:t> til større open source transformationer og etablering af alternative løsninger til dominerende produkter. </a:t>
            </a:r>
            <a:r>
              <a:rPr lang="da-DK" sz="1200" noProof="0" dirty="0" err="1">
                <a:solidFill>
                  <a:schemeClr val="accent3"/>
                </a:solidFill>
              </a:rPr>
              <a:t>Casekataloget</a:t>
            </a:r>
            <a:r>
              <a:rPr lang="da-DK" sz="1200" noProof="0" dirty="0">
                <a:solidFill>
                  <a:schemeClr val="accent3"/>
                </a:solidFill>
              </a:rPr>
              <a:t> indeholder også to eksempler fra den finansielle sektor. Det samlede </a:t>
            </a:r>
            <a:r>
              <a:rPr lang="da-DK" sz="1200" noProof="0" dirty="0" err="1">
                <a:solidFill>
                  <a:schemeClr val="accent3"/>
                </a:solidFill>
              </a:rPr>
              <a:t>casekatalog</a:t>
            </a:r>
            <a:r>
              <a:rPr lang="da-DK" sz="1200" noProof="0" dirty="0">
                <a:solidFill>
                  <a:schemeClr val="accent3"/>
                </a:solidFill>
              </a:rPr>
              <a:t> er afrapporteret som en selvstændig leverance.</a:t>
            </a:r>
          </a:p>
        </p:txBody>
      </p:sp>
      <p:sp>
        <p:nvSpPr>
          <p:cNvPr id="82" name="Rectangle: Rounded Corners 81">
            <a:extLst>
              <a:ext uri="{FF2B5EF4-FFF2-40B4-BE49-F238E27FC236}">
                <a16:creationId xmlns:a16="http://schemas.microsoft.com/office/drawing/2014/main" id="{F07A3BB1-A7F2-2C96-C4A5-49803E811662}"/>
              </a:ext>
            </a:extLst>
          </p:cNvPr>
          <p:cNvSpPr/>
          <p:nvPr/>
        </p:nvSpPr>
        <p:spPr>
          <a:xfrm>
            <a:off x="552450" y="2399343"/>
            <a:ext cx="1685989" cy="1192044"/>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1. </a:t>
            </a:r>
            <a:r>
              <a:rPr lang="da-DK" sz="1000" b="1" noProof="0" dirty="0" err="1"/>
              <a:t>EuroStack</a:t>
            </a:r>
            <a:br>
              <a:rPr lang="da-DK" sz="1000" b="1" noProof="0" dirty="0"/>
            </a:br>
            <a:r>
              <a:rPr lang="da-DK" sz="1000" noProof="0" dirty="0">
                <a:sym typeface="Wingdings" panose="05000000000000000000" pitchFamily="2" charset="2"/>
              </a:rPr>
              <a:t>Europæisk digital suverænitet med fokus på at skabe teknologiske alternativer i EU</a:t>
            </a:r>
            <a:endParaRPr lang="da-DK" sz="1000" noProof="0" dirty="0"/>
          </a:p>
        </p:txBody>
      </p:sp>
      <p:sp>
        <p:nvSpPr>
          <p:cNvPr id="48" name="Rectangle: Rounded Corners 47">
            <a:extLst>
              <a:ext uri="{FF2B5EF4-FFF2-40B4-BE49-F238E27FC236}">
                <a16:creationId xmlns:a16="http://schemas.microsoft.com/office/drawing/2014/main" id="{E7E6C185-4242-9B76-9C0B-3902B3062E7C}"/>
              </a:ext>
            </a:extLst>
          </p:cNvPr>
          <p:cNvSpPr/>
          <p:nvPr/>
        </p:nvSpPr>
        <p:spPr>
          <a:xfrm>
            <a:off x="552450" y="3711097"/>
            <a:ext cx="1685989" cy="1192044"/>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2. </a:t>
            </a:r>
            <a:r>
              <a:rPr lang="da-DK" sz="1000" b="1" noProof="0" dirty="0" err="1"/>
              <a:t>Eu</a:t>
            </a:r>
            <a:r>
              <a:rPr lang="da-DK" sz="1000" b="1" noProof="0" dirty="0"/>
              <a:t>-Kommissionen</a:t>
            </a:r>
            <a:r>
              <a:rPr lang="da-DK" sz="1000" noProof="0" dirty="0"/>
              <a:t> €180 mio. u</a:t>
            </a:r>
            <a:r>
              <a:rPr lang="da-DK" sz="1000" noProof="0" dirty="0">
                <a:sym typeface="Wingdings" panose="05000000000000000000" pitchFamily="2" charset="2"/>
              </a:rPr>
              <a:t>dbud af digitalt suveræne clouds i EU-Kommissionen</a:t>
            </a:r>
            <a:endParaRPr lang="da-DK" sz="1000" noProof="0" dirty="0"/>
          </a:p>
        </p:txBody>
      </p:sp>
      <p:pic>
        <p:nvPicPr>
          <p:cNvPr id="83" name="Rounded Rectangle 19">
            <a:extLst>
              <a:ext uri="{FF2B5EF4-FFF2-40B4-BE49-F238E27FC236}">
                <a16:creationId xmlns:a16="http://schemas.microsoft.com/office/drawing/2014/main" id="{776DF70E-02BE-B7F0-5C4F-C9350DB2DC5D}"/>
              </a:ext>
              <a:ext uri="{C183D7F6-B498-43B3-948B-1728B52AA6E4}">
                <adec:decorative xmlns:adec="http://schemas.microsoft.com/office/drawing/2017/decorative" val="1"/>
              </a:ext>
            </a:extLst>
          </p:cNvPr>
          <p:cNvPicPr>
            <a:picLocks noChangeAspect="1"/>
          </p:cNvPicPr>
          <p:nvPr>
            <p:custDataLst>
              <p:tags r:id="rId1"/>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1689961" y="2399342"/>
            <a:ext cx="557107" cy="1192044"/>
          </a:xfrm>
          <a:prstGeom prst="roundRect">
            <a:avLst/>
          </a:prstGeom>
        </p:spPr>
      </p:pic>
      <p:sp>
        <p:nvSpPr>
          <p:cNvPr id="140" name="Rectangle: Rounded Corners 139">
            <a:extLst>
              <a:ext uri="{FF2B5EF4-FFF2-40B4-BE49-F238E27FC236}">
                <a16:creationId xmlns:a16="http://schemas.microsoft.com/office/drawing/2014/main" id="{01FAA2FA-0F3A-2645-6EBF-75C446D14098}"/>
              </a:ext>
            </a:extLst>
          </p:cNvPr>
          <p:cNvSpPr/>
          <p:nvPr/>
        </p:nvSpPr>
        <p:spPr>
          <a:xfrm>
            <a:off x="552450" y="5018017"/>
            <a:ext cx="1685989" cy="1192044"/>
          </a:xfrm>
          <a:prstGeom prst="roundRect">
            <a:avLst>
              <a:gd name="adj" fmla="val 9583"/>
            </a:avLst>
          </a:prstGeom>
          <a:solidFill>
            <a:srgbClr val="024D78"/>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3. Tyskland: Schleswig-Holstein</a:t>
            </a:r>
            <a:br>
              <a:rPr lang="da-DK" sz="1000" b="1" noProof="0" dirty="0"/>
            </a:br>
            <a:r>
              <a:rPr lang="da-DK" sz="1000" noProof="0" dirty="0">
                <a:sym typeface="Wingdings" panose="05000000000000000000" pitchFamily="2" charset="2"/>
              </a:rPr>
              <a:t>Open source- transformation væk fra Microsoft- produkter</a:t>
            </a:r>
            <a:endParaRPr lang="da-DK" sz="1000" noProof="0" dirty="0"/>
          </a:p>
        </p:txBody>
      </p:sp>
      <p:sp>
        <p:nvSpPr>
          <p:cNvPr id="152" name="Rectangle: Rounded Corners 151">
            <a:extLst>
              <a:ext uri="{FF2B5EF4-FFF2-40B4-BE49-F238E27FC236}">
                <a16:creationId xmlns:a16="http://schemas.microsoft.com/office/drawing/2014/main" id="{A09D70E4-2835-C1D1-3F7B-B1915908B794}"/>
              </a:ext>
            </a:extLst>
          </p:cNvPr>
          <p:cNvSpPr/>
          <p:nvPr/>
        </p:nvSpPr>
        <p:spPr>
          <a:xfrm>
            <a:off x="2392751" y="2399343"/>
            <a:ext cx="1685989" cy="1192044"/>
          </a:xfrm>
          <a:prstGeom prst="roundRect">
            <a:avLst>
              <a:gd name="adj" fmla="val 9583"/>
            </a:avLst>
          </a:prstGeom>
          <a:solidFill>
            <a:srgbClr val="024D78"/>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4. Tyskland: </a:t>
            </a:r>
            <a:r>
              <a:rPr lang="da-DK" sz="1000" b="1" noProof="0" dirty="0" err="1"/>
              <a:t>ZenDis</a:t>
            </a:r>
            <a:endParaRPr lang="da-DK" sz="1000" noProof="0" dirty="0">
              <a:sym typeface="Wingdings" panose="05000000000000000000" pitchFamily="2" charset="2"/>
            </a:endParaRPr>
          </a:p>
          <a:p>
            <a:r>
              <a:rPr lang="da-DK" sz="1000" noProof="0" dirty="0">
                <a:sym typeface="Wingdings" panose="05000000000000000000" pitchFamily="2" charset="2"/>
              </a:rPr>
              <a:t>National aktør som understøtter myndighedernes arbejde med digital suverænitet</a:t>
            </a:r>
            <a:endParaRPr lang="da-DK" sz="1000" noProof="0" dirty="0"/>
          </a:p>
        </p:txBody>
      </p:sp>
      <p:pic>
        <p:nvPicPr>
          <p:cNvPr id="49" name="Rounded Rectangle 19">
            <a:extLst>
              <a:ext uri="{FF2B5EF4-FFF2-40B4-BE49-F238E27FC236}">
                <a16:creationId xmlns:a16="http://schemas.microsoft.com/office/drawing/2014/main" id="{431DEB63-A99B-15B5-A914-89200F21739D}"/>
              </a:ext>
              <a:ext uri="{C183D7F6-B498-43B3-948B-1728B52AA6E4}">
                <adec:decorative xmlns:adec="http://schemas.microsoft.com/office/drawing/2017/decorative" val="1"/>
              </a:ext>
            </a:extLst>
          </p:cNvPr>
          <p:cNvPicPr>
            <a:picLocks noChangeAspect="1"/>
          </p:cNvPicPr>
          <p:nvPr>
            <p:custDataLst>
              <p:tags r:id="rId2"/>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1689961" y="3711096"/>
            <a:ext cx="557107" cy="1192044"/>
          </a:xfrm>
          <a:prstGeom prst="roundRect">
            <a:avLst/>
          </a:prstGeom>
        </p:spPr>
      </p:pic>
      <p:pic>
        <p:nvPicPr>
          <p:cNvPr id="141" name="Rounded Rectangle 19">
            <a:extLst>
              <a:ext uri="{FF2B5EF4-FFF2-40B4-BE49-F238E27FC236}">
                <a16:creationId xmlns:a16="http://schemas.microsoft.com/office/drawing/2014/main" id="{7853C719-4303-2428-C763-3FE314819093}"/>
              </a:ext>
              <a:ext uri="{C183D7F6-B498-43B3-948B-1728B52AA6E4}">
                <adec:decorative xmlns:adec="http://schemas.microsoft.com/office/drawing/2017/decorative" val="1"/>
              </a:ext>
            </a:extLst>
          </p:cNvPr>
          <p:cNvPicPr>
            <a:picLocks noChangeAspect="1"/>
          </p:cNvPicPr>
          <p:nvPr>
            <p:custDataLst>
              <p:tags r:id="rId3"/>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1689961" y="5018016"/>
            <a:ext cx="557107" cy="1192044"/>
          </a:xfrm>
          <a:prstGeom prst="roundRect">
            <a:avLst/>
          </a:prstGeom>
        </p:spPr>
      </p:pic>
      <p:sp>
        <p:nvSpPr>
          <p:cNvPr id="143" name="Rectangle: Rounded Corners 142">
            <a:extLst>
              <a:ext uri="{FF2B5EF4-FFF2-40B4-BE49-F238E27FC236}">
                <a16:creationId xmlns:a16="http://schemas.microsoft.com/office/drawing/2014/main" id="{DA5C1B44-E27F-6E8B-5292-E9DBCA5A0E11}"/>
              </a:ext>
            </a:extLst>
          </p:cNvPr>
          <p:cNvSpPr/>
          <p:nvPr/>
        </p:nvSpPr>
        <p:spPr>
          <a:xfrm>
            <a:off x="2392926" y="3711097"/>
            <a:ext cx="1685989" cy="1192044"/>
          </a:xfrm>
          <a:prstGeom prst="roundRect">
            <a:avLst>
              <a:gd name="adj" fmla="val 9583"/>
            </a:avLst>
          </a:prstGeom>
          <a:solidFill>
            <a:srgbClr val="024D78"/>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5. Holland: </a:t>
            </a:r>
            <a:r>
              <a:rPr lang="da-DK" sz="1000" b="1" noProof="0" dirty="0" err="1"/>
              <a:t>Økonomi-ministeriet</a:t>
            </a:r>
            <a:br>
              <a:rPr lang="da-DK" sz="1000" b="1" noProof="0" dirty="0"/>
            </a:br>
            <a:r>
              <a:rPr lang="da-DK" sz="1000" noProof="0" dirty="0">
                <a:sym typeface="Wingdings" panose="05000000000000000000" pitchFamily="2" charset="2"/>
              </a:rPr>
              <a:t>National og suveræn AI- </a:t>
            </a:r>
            <a:r>
              <a:rPr lang="da-DK" sz="1000" noProof="0" dirty="0" err="1">
                <a:sym typeface="Wingdings" panose="05000000000000000000" pitchFamily="2" charset="2"/>
              </a:rPr>
              <a:t>chatbot</a:t>
            </a:r>
            <a:r>
              <a:rPr lang="da-DK" sz="1000" noProof="0" dirty="0">
                <a:sym typeface="Wingdings" panose="05000000000000000000" pitchFamily="2" charset="2"/>
              </a:rPr>
              <a:t> </a:t>
            </a:r>
            <a:endParaRPr lang="da-DK" sz="900" noProof="0" dirty="0"/>
          </a:p>
        </p:txBody>
      </p:sp>
      <p:pic>
        <p:nvPicPr>
          <p:cNvPr id="144" name="Rounded Rectangle 19">
            <a:extLst>
              <a:ext uri="{FF2B5EF4-FFF2-40B4-BE49-F238E27FC236}">
                <a16:creationId xmlns:a16="http://schemas.microsoft.com/office/drawing/2014/main" id="{A15DE9EE-49D4-B28E-174E-2760EC7FF777}"/>
              </a:ext>
              <a:ext uri="{C183D7F6-B498-43B3-948B-1728B52AA6E4}">
                <adec:decorative xmlns:adec="http://schemas.microsoft.com/office/drawing/2017/decorative" val="1"/>
              </a:ext>
            </a:extLst>
          </p:cNvPr>
          <p:cNvPicPr>
            <a:picLocks noChangeAspect="1"/>
          </p:cNvPicPr>
          <p:nvPr>
            <p:custDataLst>
              <p:tags r:id="rId4"/>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3530437" y="3711096"/>
            <a:ext cx="557107" cy="1192044"/>
          </a:xfrm>
          <a:prstGeom prst="roundRect">
            <a:avLst/>
          </a:prstGeom>
        </p:spPr>
      </p:pic>
      <p:sp>
        <p:nvSpPr>
          <p:cNvPr id="146" name="Rectangle: Rounded Corners 145">
            <a:extLst>
              <a:ext uri="{FF2B5EF4-FFF2-40B4-BE49-F238E27FC236}">
                <a16:creationId xmlns:a16="http://schemas.microsoft.com/office/drawing/2014/main" id="{46951332-CC29-FC7D-7DA3-BC886D165898}"/>
              </a:ext>
            </a:extLst>
          </p:cNvPr>
          <p:cNvSpPr/>
          <p:nvPr/>
        </p:nvSpPr>
        <p:spPr>
          <a:xfrm>
            <a:off x="2392926" y="5018017"/>
            <a:ext cx="1685989" cy="1192044"/>
          </a:xfrm>
          <a:prstGeom prst="roundRect">
            <a:avLst>
              <a:gd name="adj" fmla="val 9583"/>
            </a:avLst>
          </a:prstGeom>
          <a:solidFill>
            <a:srgbClr val="024D78"/>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t>6. England: Home Office</a:t>
            </a:r>
            <a:br>
              <a:rPr lang="da-DK" sz="1000" b="1" noProof="0" dirty="0"/>
            </a:br>
            <a:r>
              <a:rPr lang="da-DK" sz="1000" noProof="0" dirty="0"/>
              <a:t>Open source, hybride cloudmiljøer og digital strategi</a:t>
            </a:r>
          </a:p>
        </p:txBody>
      </p:sp>
      <p:sp>
        <p:nvSpPr>
          <p:cNvPr id="181" name="Rectangle: Rounded Corners 180">
            <a:extLst>
              <a:ext uri="{FF2B5EF4-FFF2-40B4-BE49-F238E27FC236}">
                <a16:creationId xmlns:a16="http://schemas.microsoft.com/office/drawing/2014/main" id="{1721E724-E7D7-8185-2027-CEA3D45FBFF4}"/>
              </a:ext>
              <a:ext uri="{C183D7F6-B498-43B3-948B-1728B52AA6E4}">
                <adec:decorative xmlns:adec="http://schemas.microsoft.com/office/drawing/2017/decorative" val="0"/>
              </a:ext>
            </a:extLst>
          </p:cNvPr>
          <p:cNvSpPr/>
          <p:nvPr/>
        </p:nvSpPr>
        <p:spPr>
          <a:xfrm>
            <a:off x="4232354" y="2399343"/>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7. STIL</a:t>
            </a:r>
            <a:br>
              <a:rPr lang="da-DK" sz="1000" b="1" noProof="0" dirty="0">
                <a:solidFill>
                  <a:schemeClr val="bg1"/>
                </a:solidFill>
                <a:highlight>
                  <a:srgbClr val="FF0000"/>
                </a:highlight>
              </a:rPr>
            </a:br>
            <a:r>
              <a:rPr lang="da-DK" sz="1000" noProof="0" dirty="0">
                <a:solidFill>
                  <a:schemeClr val="bg1"/>
                </a:solidFill>
                <a:sym typeface="Wingdings" panose="05000000000000000000" pitchFamily="2" charset="2"/>
              </a:rPr>
              <a:t>Åben og komponent-baseret arkitektur med brug af OSS </a:t>
            </a:r>
          </a:p>
          <a:p>
            <a:endParaRPr lang="da-DK" sz="900" noProof="0" dirty="0">
              <a:solidFill>
                <a:schemeClr val="bg1"/>
              </a:solidFill>
            </a:endParaRPr>
          </a:p>
        </p:txBody>
      </p:sp>
      <p:sp>
        <p:nvSpPr>
          <p:cNvPr id="167" name="Rectangle: Rounded Corners 166">
            <a:extLst>
              <a:ext uri="{FF2B5EF4-FFF2-40B4-BE49-F238E27FC236}">
                <a16:creationId xmlns:a16="http://schemas.microsoft.com/office/drawing/2014/main" id="{9664F11D-F497-BCD9-A9F4-02A2F332C867}"/>
              </a:ext>
              <a:ext uri="{C183D7F6-B498-43B3-948B-1728B52AA6E4}">
                <adec:decorative xmlns:adec="http://schemas.microsoft.com/office/drawing/2017/decorative" val="0"/>
              </a:ext>
            </a:extLst>
          </p:cNvPr>
          <p:cNvSpPr/>
          <p:nvPr/>
        </p:nvSpPr>
        <p:spPr>
          <a:xfrm>
            <a:off x="4232354" y="3711097"/>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8. OS2</a:t>
            </a:r>
            <a:br>
              <a:rPr lang="da-DK" sz="1000" b="1" noProof="0" dirty="0">
                <a:solidFill>
                  <a:schemeClr val="bg1"/>
                </a:solidFill>
                <a:highlight>
                  <a:srgbClr val="FF0000"/>
                </a:highlight>
              </a:rPr>
            </a:br>
            <a:r>
              <a:rPr lang="da-DK" sz="1000" noProof="0" dirty="0">
                <a:solidFill>
                  <a:schemeClr val="bg1"/>
                </a:solidFill>
                <a:sym typeface="Wingdings" panose="05000000000000000000" pitchFamily="2" charset="2"/>
              </a:rPr>
              <a:t>Forening af danske myndigheder som driver udviklingen af OSS-produkter</a:t>
            </a:r>
            <a:endParaRPr lang="da-DK" sz="900" noProof="0" dirty="0">
              <a:solidFill>
                <a:schemeClr val="bg1"/>
              </a:solidFill>
            </a:endParaRPr>
          </a:p>
        </p:txBody>
      </p:sp>
      <p:pic>
        <p:nvPicPr>
          <p:cNvPr id="147" name="Rounded Rectangle 19">
            <a:extLst>
              <a:ext uri="{FF2B5EF4-FFF2-40B4-BE49-F238E27FC236}">
                <a16:creationId xmlns:a16="http://schemas.microsoft.com/office/drawing/2014/main" id="{769D072C-CD00-3791-EA5A-E38B05567C44}"/>
              </a:ext>
              <a:ext uri="{C183D7F6-B498-43B3-948B-1728B52AA6E4}">
                <adec:decorative xmlns:adec="http://schemas.microsoft.com/office/drawing/2017/decorative" val="1"/>
              </a:ext>
            </a:extLst>
          </p:cNvPr>
          <p:cNvPicPr>
            <a:picLocks noChangeAspect="1"/>
          </p:cNvPicPr>
          <p:nvPr>
            <p:custDataLst>
              <p:tags r:id="rId5"/>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3530437" y="5018016"/>
            <a:ext cx="557107" cy="1192044"/>
          </a:xfrm>
          <a:prstGeom prst="roundRect">
            <a:avLst/>
          </a:prstGeom>
        </p:spPr>
      </p:pic>
      <p:pic>
        <p:nvPicPr>
          <p:cNvPr id="153" name="Rounded Rectangle 19">
            <a:extLst>
              <a:ext uri="{FF2B5EF4-FFF2-40B4-BE49-F238E27FC236}">
                <a16:creationId xmlns:a16="http://schemas.microsoft.com/office/drawing/2014/main" id="{00E7CE77-D85B-539B-BE9A-A63A8BFC0AA7}"/>
              </a:ext>
              <a:ext uri="{C183D7F6-B498-43B3-948B-1728B52AA6E4}">
                <adec:decorative xmlns:adec="http://schemas.microsoft.com/office/drawing/2017/decorative" val="1"/>
              </a:ext>
            </a:extLst>
          </p:cNvPr>
          <p:cNvPicPr>
            <a:picLocks noChangeAspect="1"/>
          </p:cNvPicPr>
          <p:nvPr>
            <p:custDataLst>
              <p:tags r:id="rId6"/>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3530262" y="2399342"/>
            <a:ext cx="557107" cy="1192044"/>
          </a:xfrm>
          <a:prstGeom prst="roundRect">
            <a:avLst/>
          </a:prstGeom>
        </p:spPr>
      </p:pic>
      <p:pic>
        <p:nvPicPr>
          <p:cNvPr id="168" name="Rounded Rectangle 19">
            <a:extLst>
              <a:ext uri="{FF2B5EF4-FFF2-40B4-BE49-F238E27FC236}">
                <a16:creationId xmlns:a16="http://schemas.microsoft.com/office/drawing/2014/main" id="{63378DB3-0F83-B369-8FC6-E4CD634A7B1C}"/>
              </a:ext>
              <a:ext uri="{C183D7F6-B498-43B3-948B-1728B52AA6E4}">
                <adec:decorative xmlns:adec="http://schemas.microsoft.com/office/drawing/2017/decorative" val="1"/>
              </a:ext>
            </a:extLst>
          </p:cNvPr>
          <p:cNvPicPr>
            <a:picLocks noChangeAspect="1"/>
          </p:cNvPicPr>
          <p:nvPr>
            <p:custDataLst>
              <p:tags r:id="rId7"/>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5369865" y="3711096"/>
            <a:ext cx="557107" cy="1192044"/>
          </a:xfrm>
          <a:prstGeom prst="roundRect">
            <a:avLst/>
          </a:prstGeom>
        </p:spPr>
      </p:pic>
      <p:sp>
        <p:nvSpPr>
          <p:cNvPr id="173" name="Rectangle: Rounded Corners 172">
            <a:extLst>
              <a:ext uri="{FF2B5EF4-FFF2-40B4-BE49-F238E27FC236}">
                <a16:creationId xmlns:a16="http://schemas.microsoft.com/office/drawing/2014/main" id="{D08D1DF3-0E74-15A7-EF96-72E31BBA626A}"/>
              </a:ext>
              <a:ext uri="{C183D7F6-B498-43B3-948B-1728B52AA6E4}">
                <adec:decorative xmlns:adec="http://schemas.microsoft.com/office/drawing/2017/decorative" val="0"/>
              </a:ext>
            </a:extLst>
          </p:cNvPr>
          <p:cNvSpPr/>
          <p:nvPr/>
        </p:nvSpPr>
        <p:spPr>
          <a:xfrm>
            <a:off x="4232354" y="5018017"/>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sym typeface="Wingdings" panose="05000000000000000000" pitchFamily="2" charset="2"/>
              </a:rPr>
              <a:t>9. KOMBIT</a:t>
            </a:r>
            <a:endParaRPr lang="da-DK" sz="900" noProof="0" dirty="0">
              <a:solidFill>
                <a:schemeClr val="bg1"/>
              </a:solidFill>
              <a:sym typeface="Wingdings" panose="05000000000000000000" pitchFamily="2" charset="2"/>
            </a:endParaRPr>
          </a:p>
          <a:p>
            <a:r>
              <a:rPr lang="da-DK" sz="1000" noProof="0" dirty="0">
                <a:solidFill>
                  <a:schemeClr val="bg1"/>
                </a:solidFill>
                <a:sym typeface="Wingdings" panose="05000000000000000000" pitchFamily="2" charset="2"/>
              </a:rPr>
              <a:t>Åben og komponent-baseret arkitektur med fokus på transparens og rettigheder</a:t>
            </a:r>
            <a:endParaRPr lang="da-DK" sz="1000" noProof="0" dirty="0">
              <a:solidFill>
                <a:schemeClr val="bg1"/>
              </a:solidFill>
            </a:endParaRPr>
          </a:p>
        </p:txBody>
      </p:sp>
      <p:pic>
        <p:nvPicPr>
          <p:cNvPr id="174" name="Rounded Rectangle 19">
            <a:extLst>
              <a:ext uri="{FF2B5EF4-FFF2-40B4-BE49-F238E27FC236}">
                <a16:creationId xmlns:a16="http://schemas.microsoft.com/office/drawing/2014/main" id="{C882A6D6-6E9F-BB8A-37DE-A17E5FCA6E52}"/>
              </a:ext>
              <a:ext uri="{C183D7F6-B498-43B3-948B-1728B52AA6E4}">
                <adec:decorative xmlns:adec="http://schemas.microsoft.com/office/drawing/2017/decorative" val="1"/>
              </a:ext>
            </a:extLst>
          </p:cNvPr>
          <p:cNvPicPr>
            <a:picLocks noChangeAspect="1"/>
          </p:cNvPicPr>
          <p:nvPr>
            <p:custDataLst>
              <p:tags r:id="rId8"/>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5369865" y="5018016"/>
            <a:ext cx="557107" cy="1192044"/>
          </a:xfrm>
          <a:prstGeom prst="roundRect">
            <a:avLst/>
          </a:prstGeom>
        </p:spPr>
      </p:pic>
      <p:pic>
        <p:nvPicPr>
          <p:cNvPr id="182" name="Rounded Rectangle 19">
            <a:extLst>
              <a:ext uri="{FF2B5EF4-FFF2-40B4-BE49-F238E27FC236}">
                <a16:creationId xmlns:a16="http://schemas.microsoft.com/office/drawing/2014/main" id="{2E56D9B8-76CA-6566-F11A-17E6767611FE}"/>
              </a:ext>
              <a:ext uri="{C183D7F6-B498-43B3-948B-1728B52AA6E4}">
                <adec:decorative xmlns:adec="http://schemas.microsoft.com/office/drawing/2017/decorative" val="1"/>
              </a:ext>
            </a:extLst>
          </p:cNvPr>
          <p:cNvPicPr>
            <a:picLocks noChangeAspect="1"/>
          </p:cNvPicPr>
          <p:nvPr>
            <p:custDataLst>
              <p:tags r:id="rId9"/>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5369865" y="2399342"/>
            <a:ext cx="557107" cy="1192044"/>
          </a:xfrm>
          <a:prstGeom prst="roundRect">
            <a:avLst/>
          </a:prstGeom>
        </p:spPr>
      </p:pic>
      <p:sp>
        <p:nvSpPr>
          <p:cNvPr id="193" name="Rectangle: Rounded Corners 192">
            <a:extLst>
              <a:ext uri="{FF2B5EF4-FFF2-40B4-BE49-F238E27FC236}">
                <a16:creationId xmlns:a16="http://schemas.microsoft.com/office/drawing/2014/main" id="{B53FDA49-77C2-6879-5DDF-5F35BD4DE650}"/>
              </a:ext>
              <a:ext uri="{C183D7F6-B498-43B3-948B-1728B52AA6E4}">
                <adec:decorative xmlns:adec="http://schemas.microsoft.com/office/drawing/2017/decorative" val="0"/>
              </a:ext>
            </a:extLst>
          </p:cNvPr>
          <p:cNvSpPr/>
          <p:nvPr/>
        </p:nvSpPr>
        <p:spPr>
          <a:xfrm>
            <a:off x="6073876" y="2399343"/>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10. Aarhus Kommune</a:t>
            </a:r>
            <a:endParaRPr lang="da-DK" sz="1000" noProof="0" dirty="0">
              <a:solidFill>
                <a:schemeClr val="bg1"/>
              </a:solidFill>
              <a:sym typeface="Wingdings" panose="05000000000000000000" pitchFamily="2" charset="2"/>
            </a:endParaRPr>
          </a:p>
          <a:p>
            <a:r>
              <a:rPr lang="da-DK" sz="1000" noProof="0" dirty="0">
                <a:solidFill>
                  <a:schemeClr val="bg1"/>
                </a:solidFill>
                <a:sym typeface="Wingdings" panose="05000000000000000000" pitchFamily="2" charset="2"/>
              </a:rPr>
              <a:t>Strategisk transformations-program for øget digital handlefrihed</a:t>
            </a:r>
            <a:endParaRPr lang="da-DK" sz="1000" noProof="0" dirty="0">
              <a:solidFill>
                <a:schemeClr val="bg1"/>
              </a:solidFill>
            </a:endParaRPr>
          </a:p>
        </p:txBody>
      </p:sp>
      <p:pic>
        <p:nvPicPr>
          <p:cNvPr id="194" name="Rounded Rectangle 19">
            <a:extLst>
              <a:ext uri="{FF2B5EF4-FFF2-40B4-BE49-F238E27FC236}">
                <a16:creationId xmlns:a16="http://schemas.microsoft.com/office/drawing/2014/main" id="{534FA93B-E904-5E6A-2B7E-6D9A5A391591}"/>
              </a:ext>
              <a:ext uri="{C183D7F6-B498-43B3-948B-1728B52AA6E4}">
                <adec:decorative xmlns:adec="http://schemas.microsoft.com/office/drawing/2017/decorative" val="1"/>
              </a:ext>
            </a:extLst>
          </p:cNvPr>
          <p:cNvPicPr>
            <a:picLocks noChangeAspect="1"/>
          </p:cNvPicPr>
          <p:nvPr>
            <p:custDataLst>
              <p:tags r:id="rId10"/>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7211387" y="2399342"/>
            <a:ext cx="557107" cy="1192044"/>
          </a:xfrm>
          <a:prstGeom prst="roundRect">
            <a:avLst/>
          </a:prstGeom>
        </p:spPr>
      </p:pic>
      <p:sp>
        <p:nvSpPr>
          <p:cNvPr id="196" name="Rectangle: Rounded Corners 195">
            <a:extLst>
              <a:ext uri="{FF2B5EF4-FFF2-40B4-BE49-F238E27FC236}">
                <a16:creationId xmlns:a16="http://schemas.microsoft.com/office/drawing/2014/main" id="{31FEFC9F-3B34-CCD8-AEE1-9C57F51476F3}"/>
              </a:ext>
              <a:ext uri="{C183D7F6-B498-43B3-948B-1728B52AA6E4}">
                <adec:decorative xmlns:adec="http://schemas.microsoft.com/office/drawing/2017/decorative" val="0"/>
              </a:ext>
            </a:extLst>
          </p:cNvPr>
          <p:cNvSpPr/>
          <p:nvPr/>
        </p:nvSpPr>
        <p:spPr>
          <a:xfrm>
            <a:off x="6073876" y="3711097"/>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11. Aarhus kommune</a:t>
            </a:r>
            <a:br>
              <a:rPr lang="da-DK" sz="1000" b="1" noProof="0" dirty="0">
                <a:solidFill>
                  <a:schemeClr val="bg1"/>
                </a:solidFill>
              </a:rPr>
            </a:br>
            <a:r>
              <a:rPr lang="da-DK" sz="1000" noProof="0" dirty="0">
                <a:solidFill>
                  <a:schemeClr val="bg1"/>
                </a:solidFill>
                <a:sym typeface="Wingdings" panose="05000000000000000000" pitchFamily="2" charset="2"/>
              </a:rPr>
              <a:t>Omlægning af cloud-infrastruktur fra Microsoft til europæisk leverandør</a:t>
            </a:r>
            <a:endParaRPr lang="da-DK" sz="1000" noProof="0" dirty="0">
              <a:solidFill>
                <a:schemeClr val="bg1"/>
              </a:solidFill>
            </a:endParaRPr>
          </a:p>
        </p:txBody>
      </p:sp>
      <p:sp>
        <p:nvSpPr>
          <p:cNvPr id="164" name="Rectangle: Rounded Corners 163">
            <a:extLst>
              <a:ext uri="{FF2B5EF4-FFF2-40B4-BE49-F238E27FC236}">
                <a16:creationId xmlns:a16="http://schemas.microsoft.com/office/drawing/2014/main" id="{61C560EF-47CE-2E6E-E78C-5A53FD2440BC}"/>
              </a:ext>
              <a:ext uri="{C183D7F6-B498-43B3-948B-1728B52AA6E4}">
                <adec:decorative xmlns:adec="http://schemas.microsoft.com/office/drawing/2017/decorative" val="0"/>
              </a:ext>
            </a:extLst>
          </p:cNvPr>
          <p:cNvSpPr/>
          <p:nvPr/>
        </p:nvSpPr>
        <p:spPr>
          <a:xfrm>
            <a:off x="6073876" y="5018017"/>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12. Region Syd</a:t>
            </a:r>
            <a:br>
              <a:rPr lang="da-DK" sz="1000" b="1" noProof="0" dirty="0">
                <a:solidFill>
                  <a:schemeClr val="bg1"/>
                </a:solidFill>
              </a:rPr>
            </a:br>
            <a:r>
              <a:rPr lang="da-DK" sz="1000" noProof="0" dirty="0">
                <a:solidFill>
                  <a:schemeClr val="bg1"/>
                </a:solidFill>
              </a:rPr>
              <a:t>Udbud af logistik-teknologi med krav om digital suverænitet</a:t>
            </a:r>
          </a:p>
        </p:txBody>
      </p:sp>
      <p:sp>
        <p:nvSpPr>
          <p:cNvPr id="161" name="Rectangle: Rounded Corners 160">
            <a:extLst>
              <a:ext uri="{FF2B5EF4-FFF2-40B4-BE49-F238E27FC236}">
                <a16:creationId xmlns:a16="http://schemas.microsoft.com/office/drawing/2014/main" id="{D7C390A9-F796-F884-9BC6-1AF35F1149B8}"/>
              </a:ext>
              <a:ext uri="{C183D7F6-B498-43B3-948B-1728B52AA6E4}">
                <adec:decorative xmlns:adec="http://schemas.microsoft.com/office/drawing/2017/decorative" val="0"/>
              </a:ext>
            </a:extLst>
          </p:cNvPr>
          <p:cNvSpPr/>
          <p:nvPr/>
        </p:nvSpPr>
        <p:spPr>
          <a:xfrm>
            <a:off x="7914352" y="2399343"/>
            <a:ext cx="1685989" cy="1192044"/>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sym typeface="Wingdings" panose="05000000000000000000" pitchFamily="2" charset="2"/>
              </a:rPr>
              <a:t>13. Københavns Kommune </a:t>
            </a:r>
            <a:endParaRPr lang="da-DK" sz="1000" noProof="0" dirty="0">
              <a:solidFill>
                <a:schemeClr val="bg1"/>
              </a:solidFill>
              <a:sym typeface="Wingdings" panose="05000000000000000000" pitchFamily="2" charset="2"/>
            </a:endParaRPr>
          </a:p>
          <a:p>
            <a:r>
              <a:rPr lang="da-DK" sz="1000" noProof="0" dirty="0">
                <a:solidFill>
                  <a:schemeClr val="bg1"/>
                </a:solidFill>
                <a:sym typeface="Wingdings" panose="05000000000000000000" pitchFamily="2" charset="2"/>
              </a:rPr>
              <a:t>Analyse af risici og bindinger for at øge den digitale </a:t>
            </a:r>
            <a:r>
              <a:rPr lang="da-DK" sz="1000" noProof="0" dirty="0" err="1">
                <a:solidFill>
                  <a:schemeClr val="bg1"/>
                </a:solidFill>
                <a:sym typeface="Wingdings" panose="05000000000000000000" pitchFamily="2" charset="2"/>
              </a:rPr>
              <a:t>handefirhed</a:t>
            </a:r>
            <a:endParaRPr lang="da-DK" sz="1000" noProof="0" dirty="0">
              <a:solidFill>
                <a:schemeClr val="bg1"/>
              </a:solidFill>
            </a:endParaRPr>
          </a:p>
        </p:txBody>
      </p:sp>
      <p:sp>
        <p:nvSpPr>
          <p:cNvPr id="187" name="Rectangle: Rounded Corners 186">
            <a:extLst>
              <a:ext uri="{FF2B5EF4-FFF2-40B4-BE49-F238E27FC236}">
                <a16:creationId xmlns:a16="http://schemas.microsoft.com/office/drawing/2014/main" id="{030DBE74-8F1B-69A0-ED98-F28952865D59}"/>
              </a:ext>
              <a:ext uri="{C183D7F6-B498-43B3-948B-1728B52AA6E4}">
                <adec:decorative xmlns:adec="http://schemas.microsoft.com/office/drawing/2017/decorative" val="0"/>
              </a:ext>
            </a:extLst>
          </p:cNvPr>
          <p:cNvSpPr/>
          <p:nvPr/>
        </p:nvSpPr>
        <p:spPr>
          <a:xfrm>
            <a:off x="7914352" y="3711097"/>
            <a:ext cx="1685989" cy="1192044"/>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14. Finansiel Sektor</a:t>
            </a:r>
            <a:br>
              <a:rPr lang="da-DK" sz="1000" b="1" noProof="0" dirty="0">
                <a:solidFill>
                  <a:schemeClr val="bg1"/>
                </a:solidFill>
              </a:rPr>
            </a:br>
            <a:r>
              <a:rPr lang="da-DK" sz="1000" noProof="0" dirty="0">
                <a:solidFill>
                  <a:schemeClr val="bg1"/>
                </a:solidFill>
                <a:sym typeface="Wingdings" panose="05000000000000000000" pitchFamily="2" charset="2"/>
              </a:rPr>
              <a:t>Risikobaseret analyse og styring af kritiske digitale løsninger</a:t>
            </a:r>
            <a:endParaRPr lang="da-DK" sz="1000" noProof="0" dirty="0">
              <a:solidFill>
                <a:schemeClr val="bg1"/>
              </a:solidFill>
            </a:endParaRPr>
          </a:p>
        </p:txBody>
      </p:sp>
      <p:pic>
        <p:nvPicPr>
          <p:cNvPr id="165" name="Rounded Rectangle 19">
            <a:extLst>
              <a:ext uri="{FF2B5EF4-FFF2-40B4-BE49-F238E27FC236}">
                <a16:creationId xmlns:a16="http://schemas.microsoft.com/office/drawing/2014/main" id="{A315F5C7-F280-4457-D746-9BB1A571F61B}"/>
              </a:ext>
              <a:ext uri="{C183D7F6-B498-43B3-948B-1728B52AA6E4}">
                <adec:decorative xmlns:adec="http://schemas.microsoft.com/office/drawing/2017/decorative" val="1"/>
              </a:ext>
            </a:extLst>
          </p:cNvPr>
          <p:cNvPicPr>
            <a:picLocks noChangeAspect="1"/>
          </p:cNvPicPr>
          <p:nvPr>
            <p:custDataLst>
              <p:tags r:id="rId11"/>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7211387" y="5018016"/>
            <a:ext cx="557107" cy="1192044"/>
          </a:xfrm>
          <a:prstGeom prst="roundRect">
            <a:avLst/>
          </a:prstGeom>
        </p:spPr>
      </p:pic>
      <p:pic>
        <p:nvPicPr>
          <p:cNvPr id="197" name="Rounded Rectangle 19">
            <a:extLst>
              <a:ext uri="{FF2B5EF4-FFF2-40B4-BE49-F238E27FC236}">
                <a16:creationId xmlns:a16="http://schemas.microsoft.com/office/drawing/2014/main" id="{0B37AC84-3131-AFB7-6604-2EF5A972BBEE}"/>
              </a:ext>
              <a:ext uri="{C183D7F6-B498-43B3-948B-1728B52AA6E4}">
                <adec:decorative xmlns:adec="http://schemas.microsoft.com/office/drawing/2017/decorative" val="1"/>
              </a:ext>
            </a:extLst>
          </p:cNvPr>
          <p:cNvPicPr>
            <a:picLocks noChangeAspect="1"/>
          </p:cNvPicPr>
          <p:nvPr>
            <p:custDataLst>
              <p:tags r:id="rId12"/>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7211387" y="3711096"/>
            <a:ext cx="557107" cy="1192044"/>
          </a:xfrm>
          <a:prstGeom prst="roundRect">
            <a:avLst/>
          </a:prstGeom>
        </p:spPr>
      </p:pic>
      <p:grpSp>
        <p:nvGrpSpPr>
          <p:cNvPr id="50" name="Group 49">
            <a:extLst>
              <a:ext uri="{FF2B5EF4-FFF2-40B4-BE49-F238E27FC236}">
                <a16:creationId xmlns:a16="http://schemas.microsoft.com/office/drawing/2014/main" id="{A5EFF153-502F-8176-11FC-B224345D61DC}"/>
              </a:ext>
              <a:ext uri="{C183D7F6-B498-43B3-948B-1728B52AA6E4}">
                <adec:decorative xmlns:adec="http://schemas.microsoft.com/office/drawing/2017/decorative" val="1"/>
              </a:ext>
            </a:extLst>
          </p:cNvPr>
          <p:cNvGrpSpPr/>
          <p:nvPr/>
        </p:nvGrpSpPr>
        <p:grpSpPr>
          <a:xfrm>
            <a:off x="9883634" y="2771425"/>
            <a:ext cx="3062116" cy="270705"/>
            <a:chOff x="5483670" y="3074494"/>
            <a:chExt cx="1451180" cy="128291"/>
          </a:xfrm>
        </p:grpSpPr>
        <p:sp>
          <p:nvSpPr>
            <p:cNvPr id="51" name="Rectangle: Rounded Corners 50">
              <a:extLst>
                <a:ext uri="{FF2B5EF4-FFF2-40B4-BE49-F238E27FC236}">
                  <a16:creationId xmlns:a16="http://schemas.microsoft.com/office/drawing/2014/main" id="{E0528BF6-5B19-9864-B6F5-AC6B96DFB630}"/>
                </a:ext>
              </a:extLst>
            </p:cNvPr>
            <p:cNvSpPr/>
            <p:nvPr/>
          </p:nvSpPr>
          <p:spPr>
            <a:xfrm>
              <a:off x="5483670" y="3074494"/>
              <a:ext cx="147256" cy="12829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1000" b="1" noProof="0"/>
            </a:p>
          </p:txBody>
        </p:sp>
        <p:sp>
          <p:nvSpPr>
            <p:cNvPr id="52" name="TextBox 51">
              <a:extLst>
                <a:ext uri="{FF2B5EF4-FFF2-40B4-BE49-F238E27FC236}">
                  <a16:creationId xmlns:a16="http://schemas.microsoft.com/office/drawing/2014/main" id="{00A5A1F9-670D-5AD2-3340-C6ECCC1301BA}"/>
                </a:ext>
              </a:extLst>
            </p:cNvPr>
            <p:cNvSpPr txBox="1"/>
            <p:nvPr/>
          </p:nvSpPr>
          <p:spPr>
            <a:xfrm>
              <a:off x="5630926" y="3077285"/>
              <a:ext cx="1303924" cy="123825"/>
            </a:xfrm>
            <a:prstGeom prst="rect">
              <a:avLst/>
            </a:prstGeom>
            <a:noFill/>
          </p:spPr>
          <p:txBody>
            <a:bodyPr wrap="square" rtlCol="0" anchor="ctr">
              <a:noAutofit/>
            </a:bodyPr>
            <a:lstStyle/>
            <a:p>
              <a:r>
                <a:rPr lang="da-DK" sz="1000" noProof="0"/>
                <a:t>Udenlandske myndigheder</a:t>
              </a:r>
            </a:p>
          </p:txBody>
        </p:sp>
      </p:grpSp>
      <p:grpSp>
        <p:nvGrpSpPr>
          <p:cNvPr id="53" name="Group 52">
            <a:extLst>
              <a:ext uri="{FF2B5EF4-FFF2-40B4-BE49-F238E27FC236}">
                <a16:creationId xmlns:a16="http://schemas.microsoft.com/office/drawing/2014/main" id="{C2C5C7B0-BF2E-A6C3-90FD-335D06762B39}"/>
              </a:ext>
              <a:ext uri="{C183D7F6-B498-43B3-948B-1728B52AA6E4}">
                <adec:decorative xmlns:adec="http://schemas.microsoft.com/office/drawing/2017/decorative" val="1"/>
              </a:ext>
            </a:extLst>
          </p:cNvPr>
          <p:cNvGrpSpPr/>
          <p:nvPr/>
        </p:nvGrpSpPr>
        <p:grpSpPr>
          <a:xfrm>
            <a:off x="9883635" y="3100609"/>
            <a:ext cx="2664844" cy="270705"/>
            <a:chOff x="5483670" y="3074494"/>
            <a:chExt cx="1262907" cy="128291"/>
          </a:xfrm>
        </p:grpSpPr>
        <p:sp>
          <p:nvSpPr>
            <p:cNvPr id="54" name="Rectangle: Rounded Corners 53">
              <a:extLst>
                <a:ext uri="{FF2B5EF4-FFF2-40B4-BE49-F238E27FC236}">
                  <a16:creationId xmlns:a16="http://schemas.microsoft.com/office/drawing/2014/main" id="{3BED2383-A29D-7AB5-916E-2881B30BADA2}"/>
                </a:ext>
              </a:extLst>
            </p:cNvPr>
            <p:cNvSpPr/>
            <p:nvPr/>
          </p:nvSpPr>
          <p:spPr>
            <a:xfrm>
              <a:off x="5483670" y="3074494"/>
              <a:ext cx="147256" cy="12829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1000" b="1" noProof="0"/>
            </a:p>
          </p:txBody>
        </p:sp>
        <p:sp>
          <p:nvSpPr>
            <p:cNvPr id="55" name="TextBox 54">
              <a:extLst>
                <a:ext uri="{FF2B5EF4-FFF2-40B4-BE49-F238E27FC236}">
                  <a16:creationId xmlns:a16="http://schemas.microsoft.com/office/drawing/2014/main" id="{705DE66C-F611-0D05-9F3B-4D618872A50D}"/>
                </a:ext>
              </a:extLst>
            </p:cNvPr>
            <p:cNvSpPr txBox="1"/>
            <p:nvPr/>
          </p:nvSpPr>
          <p:spPr>
            <a:xfrm>
              <a:off x="5630926" y="3078650"/>
              <a:ext cx="1115651" cy="119977"/>
            </a:xfrm>
            <a:prstGeom prst="rect">
              <a:avLst/>
            </a:prstGeom>
            <a:noFill/>
          </p:spPr>
          <p:txBody>
            <a:bodyPr wrap="square" rtlCol="0" anchor="ctr">
              <a:noAutofit/>
            </a:bodyPr>
            <a:lstStyle/>
            <a:p>
              <a:r>
                <a:rPr lang="da-DK" sz="1000" noProof="0"/>
                <a:t>Danske myndigheder</a:t>
              </a:r>
            </a:p>
          </p:txBody>
        </p:sp>
      </p:grpSp>
      <p:grpSp>
        <p:nvGrpSpPr>
          <p:cNvPr id="56" name="Group 55">
            <a:extLst>
              <a:ext uri="{FF2B5EF4-FFF2-40B4-BE49-F238E27FC236}">
                <a16:creationId xmlns:a16="http://schemas.microsoft.com/office/drawing/2014/main" id="{242DD8DC-1842-A47C-2DB8-3E2BD92DF24F}"/>
              </a:ext>
              <a:ext uri="{C183D7F6-B498-43B3-948B-1728B52AA6E4}">
                <adec:decorative xmlns:adec="http://schemas.microsoft.com/office/drawing/2017/decorative" val="1"/>
              </a:ext>
            </a:extLst>
          </p:cNvPr>
          <p:cNvGrpSpPr/>
          <p:nvPr/>
        </p:nvGrpSpPr>
        <p:grpSpPr>
          <a:xfrm>
            <a:off x="9883637" y="3429794"/>
            <a:ext cx="2311550" cy="270705"/>
            <a:chOff x="5483670" y="3074494"/>
            <a:chExt cx="1095476" cy="128291"/>
          </a:xfrm>
        </p:grpSpPr>
        <p:sp>
          <p:nvSpPr>
            <p:cNvPr id="57" name="Rectangle: Rounded Corners 56">
              <a:extLst>
                <a:ext uri="{FF2B5EF4-FFF2-40B4-BE49-F238E27FC236}">
                  <a16:creationId xmlns:a16="http://schemas.microsoft.com/office/drawing/2014/main" id="{F4A2C9D9-A21B-9E3A-33B5-6AF6B3CE3995}"/>
                </a:ext>
              </a:extLst>
            </p:cNvPr>
            <p:cNvSpPr/>
            <p:nvPr/>
          </p:nvSpPr>
          <p:spPr>
            <a:xfrm>
              <a:off x="5483670" y="3074494"/>
              <a:ext cx="147256" cy="12829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1000" b="1" noProof="0"/>
            </a:p>
          </p:txBody>
        </p:sp>
        <p:sp>
          <p:nvSpPr>
            <p:cNvPr id="58" name="TextBox 57">
              <a:extLst>
                <a:ext uri="{FF2B5EF4-FFF2-40B4-BE49-F238E27FC236}">
                  <a16:creationId xmlns:a16="http://schemas.microsoft.com/office/drawing/2014/main" id="{8418F7EE-42DA-434E-447A-BCD619B7287B}"/>
                </a:ext>
              </a:extLst>
            </p:cNvPr>
            <p:cNvSpPr txBox="1"/>
            <p:nvPr/>
          </p:nvSpPr>
          <p:spPr>
            <a:xfrm>
              <a:off x="5630926" y="3078650"/>
              <a:ext cx="948220" cy="119977"/>
            </a:xfrm>
            <a:prstGeom prst="rect">
              <a:avLst/>
            </a:prstGeom>
            <a:noFill/>
          </p:spPr>
          <p:txBody>
            <a:bodyPr wrap="square" rtlCol="0" anchor="ctr">
              <a:noAutofit/>
            </a:bodyPr>
            <a:lstStyle/>
            <a:p>
              <a:r>
                <a:rPr lang="da-DK" sz="1000" noProof="0"/>
                <a:t>Privat sektor</a:t>
              </a:r>
            </a:p>
          </p:txBody>
        </p:sp>
      </p:grpSp>
      <p:grpSp>
        <p:nvGrpSpPr>
          <p:cNvPr id="59" name="Group 58">
            <a:extLst>
              <a:ext uri="{FF2B5EF4-FFF2-40B4-BE49-F238E27FC236}">
                <a16:creationId xmlns:a16="http://schemas.microsoft.com/office/drawing/2014/main" id="{F0BD700B-F631-20C8-ACD8-E8832C404ED7}"/>
              </a:ext>
              <a:ext uri="{C183D7F6-B498-43B3-948B-1728B52AA6E4}">
                <adec:decorative xmlns:adec="http://schemas.microsoft.com/office/drawing/2017/decorative" val="1"/>
              </a:ext>
            </a:extLst>
          </p:cNvPr>
          <p:cNvGrpSpPr/>
          <p:nvPr/>
        </p:nvGrpSpPr>
        <p:grpSpPr>
          <a:xfrm>
            <a:off x="9883637" y="2442241"/>
            <a:ext cx="2311550" cy="270705"/>
            <a:chOff x="5483670" y="3074494"/>
            <a:chExt cx="1095476" cy="128291"/>
          </a:xfrm>
        </p:grpSpPr>
        <p:sp>
          <p:nvSpPr>
            <p:cNvPr id="60" name="Rectangle: Rounded Corners 59">
              <a:extLst>
                <a:ext uri="{FF2B5EF4-FFF2-40B4-BE49-F238E27FC236}">
                  <a16:creationId xmlns:a16="http://schemas.microsoft.com/office/drawing/2014/main" id="{8F951297-6B06-BD2D-0FBB-AEA1CD6CBF44}"/>
                </a:ext>
              </a:extLst>
            </p:cNvPr>
            <p:cNvSpPr/>
            <p:nvPr/>
          </p:nvSpPr>
          <p:spPr>
            <a:xfrm>
              <a:off x="5483670" y="3074494"/>
              <a:ext cx="147256" cy="12829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1000" b="1" noProof="0"/>
            </a:p>
          </p:txBody>
        </p:sp>
        <p:sp>
          <p:nvSpPr>
            <p:cNvPr id="61" name="TextBox 60">
              <a:extLst>
                <a:ext uri="{FF2B5EF4-FFF2-40B4-BE49-F238E27FC236}">
                  <a16:creationId xmlns:a16="http://schemas.microsoft.com/office/drawing/2014/main" id="{6023B3E1-F0A2-7568-2454-9256FFDE5311}"/>
                </a:ext>
              </a:extLst>
            </p:cNvPr>
            <p:cNvSpPr txBox="1"/>
            <p:nvPr/>
          </p:nvSpPr>
          <p:spPr>
            <a:xfrm>
              <a:off x="5630926" y="3078650"/>
              <a:ext cx="948220" cy="119977"/>
            </a:xfrm>
            <a:prstGeom prst="rect">
              <a:avLst/>
            </a:prstGeom>
            <a:noFill/>
          </p:spPr>
          <p:txBody>
            <a:bodyPr wrap="square" rtlCol="0" anchor="ctr">
              <a:noAutofit/>
            </a:bodyPr>
            <a:lstStyle/>
            <a:p>
              <a:r>
                <a:rPr lang="da-DK" sz="1000" noProof="0" dirty="0"/>
                <a:t>Fælleseuropæisk</a:t>
              </a:r>
            </a:p>
          </p:txBody>
        </p:sp>
      </p:grpSp>
      <p:sp>
        <p:nvSpPr>
          <p:cNvPr id="67" name="Rectangle: Rounded Corners 66">
            <a:extLst>
              <a:ext uri="{FF2B5EF4-FFF2-40B4-BE49-F238E27FC236}">
                <a16:creationId xmlns:a16="http://schemas.microsoft.com/office/drawing/2014/main" id="{FA8E62C4-A29F-7439-F23C-3D1035C040EE}"/>
              </a:ext>
              <a:ext uri="{C183D7F6-B498-43B3-948B-1728B52AA6E4}">
                <adec:decorative xmlns:adec="http://schemas.microsoft.com/office/drawing/2017/decorative" val="0"/>
              </a:ext>
            </a:extLst>
          </p:cNvPr>
          <p:cNvSpPr/>
          <p:nvPr/>
        </p:nvSpPr>
        <p:spPr>
          <a:xfrm>
            <a:off x="7914352" y="5018016"/>
            <a:ext cx="1685989" cy="1192044"/>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40000" bIns="36000" rtlCol="0" anchor="t"/>
          <a:lstStyle/>
          <a:p>
            <a:r>
              <a:rPr lang="da-DK" sz="1000" b="1" noProof="0" dirty="0">
                <a:solidFill>
                  <a:schemeClr val="bg1"/>
                </a:solidFill>
              </a:rPr>
              <a:t>15. Bankdata </a:t>
            </a:r>
            <a:r>
              <a:rPr lang="da-DK" sz="1000" noProof="0" dirty="0">
                <a:solidFill>
                  <a:schemeClr val="bg1"/>
                </a:solidFill>
              </a:rPr>
              <a:t>Øget digital suverænitet via hybridmiljøer og OSS</a:t>
            </a:r>
          </a:p>
        </p:txBody>
      </p:sp>
      <p:pic>
        <p:nvPicPr>
          <p:cNvPr id="68" name="Rounded Rectangle 19">
            <a:extLst>
              <a:ext uri="{FF2B5EF4-FFF2-40B4-BE49-F238E27FC236}">
                <a16:creationId xmlns:a16="http://schemas.microsoft.com/office/drawing/2014/main" id="{EB79C145-74A4-4C02-9433-9C4F590C295C}"/>
              </a:ext>
              <a:ext uri="{C183D7F6-B498-43B3-948B-1728B52AA6E4}">
                <adec:decorative xmlns:adec="http://schemas.microsoft.com/office/drawing/2017/decorative" val="1"/>
              </a:ext>
            </a:extLst>
          </p:cNvPr>
          <p:cNvPicPr>
            <a:picLocks noChangeAspect="1"/>
          </p:cNvPicPr>
          <p:nvPr>
            <p:custDataLst>
              <p:tags r:id="rId13"/>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9051863" y="5018015"/>
            <a:ext cx="557107" cy="1192044"/>
          </a:xfrm>
          <a:prstGeom prst="roundRect">
            <a:avLst/>
          </a:prstGeom>
        </p:spPr>
      </p:pic>
      <p:pic>
        <p:nvPicPr>
          <p:cNvPr id="162" name="Rounded Rectangle 19">
            <a:extLst>
              <a:ext uri="{FF2B5EF4-FFF2-40B4-BE49-F238E27FC236}">
                <a16:creationId xmlns:a16="http://schemas.microsoft.com/office/drawing/2014/main" id="{71CC4482-69AF-E903-3D05-4EC68CBAC644}"/>
              </a:ext>
              <a:ext uri="{C183D7F6-B498-43B3-948B-1728B52AA6E4}">
                <adec:decorative xmlns:adec="http://schemas.microsoft.com/office/drawing/2017/decorative" val="1"/>
              </a:ext>
            </a:extLst>
          </p:cNvPr>
          <p:cNvPicPr>
            <a:picLocks noChangeAspect="1"/>
          </p:cNvPicPr>
          <p:nvPr>
            <p:custDataLst>
              <p:tags r:id="rId14"/>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9051863" y="2399342"/>
            <a:ext cx="557107" cy="1192044"/>
          </a:xfrm>
          <a:prstGeom prst="roundRect">
            <a:avLst/>
          </a:prstGeom>
        </p:spPr>
      </p:pic>
      <p:pic>
        <p:nvPicPr>
          <p:cNvPr id="188" name="Rounded Rectangle 19">
            <a:extLst>
              <a:ext uri="{FF2B5EF4-FFF2-40B4-BE49-F238E27FC236}">
                <a16:creationId xmlns:a16="http://schemas.microsoft.com/office/drawing/2014/main" id="{4BD2A6C4-A473-CF05-B99A-51817A947D87}"/>
              </a:ext>
              <a:ext uri="{C183D7F6-B498-43B3-948B-1728B52AA6E4}">
                <adec:decorative xmlns:adec="http://schemas.microsoft.com/office/drawing/2017/decorative" val="1"/>
              </a:ext>
            </a:extLst>
          </p:cNvPr>
          <p:cNvPicPr>
            <a:picLocks noChangeAspect="1"/>
          </p:cNvPicPr>
          <p:nvPr>
            <p:custDataLst>
              <p:tags r:id="rId15"/>
            </p:custDataLst>
          </p:nvPr>
        </p:nvPicPr>
        <p:blipFill>
          <a:blip r:embed="rId18" cstate="print">
            <a:extLst>
              <a:ext uri="{28A0092B-C50C-407E-A947-70E740481C1C}">
                <a14:useLocalDpi xmlns:a14="http://schemas.microsoft.com/office/drawing/2010/main" val="0"/>
              </a:ext>
            </a:extLst>
          </a:blip>
          <a:srcRect l="47234" r="28668"/>
          <a:stretch>
            <a:fillRect/>
          </a:stretch>
        </p:blipFill>
        <p:spPr>
          <a:xfrm>
            <a:off x="9051863" y="3711096"/>
            <a:ext cx="557107" cy="1192044"/>
          </a:xfrm>
          <a:prstGeom prst="roundRect">
            <a:avLst/>
          </a:prstGeom>
        </p:spPr>
      </p:pic>
    </p:spTree>
    <p:extLst>
      <p:ext uri="{BB962C8B-B14F-4D97-AF65-F5344CB8AC3E}">
        <p14:creationId xmlns:p14="http://schemas.microsoft.com/office/powerpoint/2010/main" val="3309184377"/>
      </p:ext>
    </p:extLst>
  </p:cSld>
  <p:clrMapOvr>
    <a:masterClrMapping/>
  </p:clrMapOvr>
  <p:transition>
    <p:fade/>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95AC93-F2D1-4EA7-DD54-B3E21B8B2796}"/>
            </a:ext>
          </a:extLst>
        </p:cNvPr>
        <p:cNvGrpSpPr/>
        <p:nvPr/>
      </p:nvGrpSpPr>
      <p:grpSpPr>
        <a:xfrm>
          <a:off x="0" y="0"/>
          <a:ext cx="0" cy="0"/>
          <a:chOff x="0" y="0"/>
          <a:chExt cx="0" cy="0"/>
        </a:xfrm>
      </p:grpSpPr>
      <p:sp>
        <p:nvSpPr>
          <p:cNvPr id="29" name="Rectangle: Rounded Corners 3">
            <a:extLst>
              <a:ext uri="{FF2B5EF4-FFF2-40B4-BE49-F238E27FC236}">
                <a16:creationId xmlns:a16="http://schemas.microsoft.com/office/drawing/2014/main" id="{52A1DED8-BFA7-7E79-1FE2-737DD3ED9617}"/>
              </a:ext>
              <a:ext uri="{C183D7F6-B498-43B3-948B-1728B52AA6E4}">
                <adec:decorative xmlns:adec="http://schemas.microsoft.com/office/drawing/2017/decorative" val="1"/>
              </a:ext>
            </a:extLst>
          </p:cNvPr>
          <p:cNvSpPr>
            <a:spLocks/>
          </p:cNvSpPr>
          <p:nvPr/>
        </p:nvSpPr>
        <p:spPr>
          <a:xfrm>
            <a:off x="570368" y="3043063"/>
            <a:ext cx="10857251" cy="1595100"/>
          </a:xfrm>
          <a:prstGeom prst="roundRect">
            <a:avLst>
              <a:gd name="adj" fmla="val 1741"/>
            </a:avLst>
          </a:prstGeom>
          <a:solidFill>
            <a:srgbClr val="CDECF2">
              <a:alpha val="30000"/>
            </a:srgbClr>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700" noProof="0"/>
          </a:p>
        </p:txBody>
      </p:sp>
      <p:sp>
        <p:nvSpPr>
          <p:cNvPr id="30" name="Rectangle: Rounded Corners 4">
            <a:extLst>
              <a:ext uri="{FF2B5EF4-FFF2-40B4-BE49-F238E27FC236}">
                <a16:creationId xmlns:a16="http://schemas.microsoft.com/office/drawing/2014/main" id="{872A537E-E7CF-7AB2-CABB-889C088A9F6A}"/>
              </a:ext>
              <a:ext uri="{C183D7F6-B498-43B3-948B-1728B52AA6E4}">
                <adec:decorative xmlns:adec="http://schemas.microsoft.com/office/drawing/2017/decorative" val="1"/>
              </a:ext>
            </a:extLst>
          </p:cNvPr>
          <p:cNvSpPr>
            <a:spLocks/>
          </p:cNvSpPr>
          <p:nvPr/>
        </p:nvSpPr>
        <p:spPr>
          <a:xfrm>
            <a:off x="570368" y="4699306"/>
            <a:ext cx="10857251" cy="1322419"/>
          </a:xfrm>
          <a:prstGeom prst="roundRect">
            <a:avLst>
              <a:gd name="adj" fmla="val 1741"/>
            </a:avLst>
          </a:prstGeom>
          <a:solidFill>
            <a:srgbClr val="E8ECF2">
              <a:alpha val="35000"/>
            </a:srgbClr>
          </a:solid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700" noProof="0"/>
          </a:p>
        </p:txBody>
      </p:sp>
      <p:sp>
        <p:nvSpPr>
          <p:cNvPr id="3" name="Title 2">
            <a:extLst>
              <a:ext uri="{FF2B5EF4-FFF2-40B4-BE49-F238E27FC236}">
                <a16:creationId xmlns:a16="http://schemas.microsoft.com/office/drawing/2014/main" id="{BB99FA17-8C99-47C4-6498-26B3FA5D48D3}"/>
              </a:ext>
            </a:extLst>
          </p:cNvPr>
          <p:cNvSpPr>
            <a:spLocks noGrp="1"/>
          </p:cNvSpPr>
          <p:nvPr>
            <p:ph type="title"/>
          </p:nvPr>
        </p:nvSpPr>
        <p:spPr/>
        <p:txBody>
          <a:bodyPr/>
          <a:lstStyle/>
          <a:p>
            <a:r>
              <a:rPr lang="da-DK" sz="2200" noProof="0" dirty="0"/>
              <a:t>De identificerede cases har forskelligt fokus i teknologistakken</a:t>
            </a:r>
          </a:p>
        </p:txBody>
      </p:sp>
      <p:sp>
        <p:nvSpPr>
          <p:cNvPr id="4" name="TextBox 3">
            <a:extLst>
              <a:ext uri="{FF2B5EF4-FFF2-40B4-BE49-F238E27FC236}">
                <a16:creationId xmlns:a16="http://schemas.microsoft.com/office/drawing/2014/main" id="{C9743E73-062E-D806-D573-3D6AF720E21D}"/>
              </a:ext>
            </a:extLst>
          </p:cNvPr>
          <p:cNvSpPr txBox="1"/>
          <p:nvPr/>
        </p:nvSpPr>
        <p:spPr>
          <a:xfrm>
            <a:off x="554354" y="1547581"/>
            <a:ext cx="11118721" cy="1931298"/>
          </a:xfrm>
          <a:prstGeom prst="rect">
            <a:avLst/>
          </a:prstGeom>
        </p:spPr>
        <p:txBody>
          <a:bodyPr vert="horz" lIns="0" tIns="0" rIns="0" bIns="0" rtlCol="0" anchor="t">
            <a:noAutofit/>
          </a:bodyPr>
          <a:lstStyle>
            <a:defPPr>
              <a:defRPr lang="en-US"/>
            </a:defPPr>
            <a:lvl1pPr indent="0" defTabSz="203892">
              <a:lnSpc>
                <a:spcPct val="100000"/>
              </a:lnSpc>
              <a:spcBef>
                <a:spcPts val="0"/>
              </a:spcBef>
              <a:spcAft>
                <a:spcPts val="300"/>
              </a:spcAft>
              <a:buClrTx/>
              <a:buFont typeface="Arial" panose="020B0604020202020204" pitchFamily="34" charset="0"/>
              <a:buNone/>
              <a:defRPr sz="1200" b="1" cap="none" baseline="0">
                <a:solidFill>
                  <a:schemeClr val="accent3"/>
                </a:solidFill>
              </a:defRPr>
            </a:lvl1pPr>
            <a:lvl2pPr marL="0" indent="0" defTabSz="203892">
              <a:lnSpc>
                <a:spcPct val="100000"/>
              </a:lnSpc>
              <a:spcBef>
                <a:spcPts val="0"/>
              </a:spcBef>
              <a:spcAft>
                <a:spcPts val="600"/>
              </a:spcAft>
              <a:buClrTx/>
              <a:buFont typeface="Arial" panose="020B0604020202020204" pitchFamily="34" charset="0"/>
              <a:buNone/>
              <a:defRPr sz="1200" b="1" cap="none" baseline="0">
                <a:solidFill>
                  <a:schemeClr val="accent1"/>
                </a:solidFill>
              </a:defRPr>
            </a:lvl2pPr>
            <a:lvl3pPr marL="0" indent="0" defTabSz="203892">
              <a:lnSpc>
                <a:spcPct val="100000"/>
              </a:lnSpc>
              <a:spcBef>
                <a:spcPts val="0"/>
              </a:spcBef>
              <a:spcAft>
                <a:spcPts val="600"/>
              </a:spcAft>
              <a:buFont typeface="Arial" panose="020B0604020202020204" pitchFamily="34" charset="0"/>
              <a:buNone/>
              <a:defRPr sz="1100">
                <a:solidFill>
                  <a:schemeClr val="accent3"/>
                </a:solidFill>
              </a:defRPr>
            </a:lvl3pPr>
            <a:lvl4pPr marL="180000" indent="-180000" defTabSz="203892">
              <a:lnSpc>
                <a:spcPct val="100000"/>
              </a:lnSpc>
              <a:spcBef>
                <a:spcPts val="0"/>
              </a:spcBef>
              <a:spcAft>
                <a:spcPts val="600"/>
              </a:spcAft>
              <a:buClr>
                <a:srgbClr val="F62B44"/>
              </a:buClr>
              <a:buFont typeface="Arial" panose="020B0604020202020204" pitchFamily="34" charset="0"/>
              <a:buChar char="•"/>
              <a:defRPr sz="1100">
                <a:solidFill>
                  <a:schemeClr val="accent3"/>
                </a:solidFill>
              </a:defRPr>
            </a:lvl4pPr>
            <a:lvl5pPr marL="36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5pPr>
            <a:lvl6pPr marL="54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6pPr>
            <a:lvl7pPr marL="225425" indent="-225425" defTabSz="203892">
              <a:lnSpc>
                <a:spcPct val="100000"/>
              </a:lnSpc>
              <a:spcBef>
                <a:spcPts val="0"/>
              </a:spcBef>
              <a:spcAft>
                <a:spcPts val="600"/>
              </a:spcAft>
              <a:buClr>
                <a:srgbClr val="F62B44"/>
              </a:buClr>
              <a:buFont typeface="+mj-lt"/>
              <a:buAutoNum type="arabicPeriod"/>
              <a:defRPr sz="1100">
                <a:solidFill>
                  <a:schemeClr val="accent3"/>
                </a:solidFill>
              </a:defRPr>
            </a:lvl7pPr>
            <a:lvl8pPr marL="449263" indent="-215900" defTabSz="203892">
              <a:lnSpc>
                <a:spcPct val="100000"/>
              </a:lnSpc>
              <a:spcBef>
                <a:spcPts val="0"/>
              </a:spcBef>
              <a:spcAft>
                <a:spcPts val="600"/>
              </a:spcAft>
              <a:buClr>
                <a:srgbClr val="F62B44"/>
              </a:buClr>
              <a:buFont typeface="+mj-lt"/>
              <a:buAutoNum type="alphaLcParenR"/>
              <a:defRPr sz="1100">
                <a:solidFill>
                  <a:schemeClr val="accent3"/>
                </a:solidFill>
              </a:defRPr>
            </a:lvl8pPr>
            <a:lvl9pPr marL="630238" indent="-180975" defTabSz="203892">
              <a:lnSpc>
                <a:spcPct val="100000"/>
              </a:lnSpc>
              <a:spcBef>
                <a:spcPts val="0"/>
              </a:spcBef>
              <a:spcAft>
                <a:spcPts val="600"/>
              </a:spcAft>
              <a:buClr>
                <a:srgbClr val="F62B44"/>
              </a:buClr>
              <a:buSzPct val="100000"/>
              <a:buFont typeface="+mj-lt"/>
              <a:buAutoNum type="romanLcPeriod"/>
              <a:defRPr sz="1100">
                <a:solidFill>
                  <a:schemeClr val="accent3"/>
                </a:solidFill>
              </a:defRPr>
            </a:lvl9pPr>
          </a:lstStyle>
          <a:p>
            <a:pPr lvl="2"/>
            <a:r>
              <a:rPr lang="da-DK" sz="1200" b="1" noProof="0" dirty="0" err="1"/>
              <a:t>Caseanalysen</a:t>
            </a:r>
            <a:r>
              <a:rPr lang="da-DK" sz="1200" b="1" noProof="0" dirty="0"/>
              <a:t> viser, at der findes reelle alternativer til dominerende løsninger inden for digitale løsninger (AI, fagsystemer, digital arbejdsplads) og cloudområdet. Der er færre europæiske alternativer til fysisk it-infrastruktur (</a:t>
            </a:r>
            <a:r>
              <a:rPr lang="da-DK" sz="1200" b="1" noProof="0" dirty="0" err="1"/>
              <a:t>devices</a:t>
            </a:r>
            <a:r>
              <a:rPr lang="da-DK" sz="1200" b="1" noProof="0" dirty="0"/>
              <a:t>, servere, netværk), som primært produceres og leveres af virksomheder uden for Europa. Cases om it-infrastruktur fokuserer derfor på styringstiltag eller open source software til konfiguration og overvågning.</a:t>
            </a:r>
          </a:p>
        </p:txBody>
      </p:sp>
      <p:sp>
        <p:nvSpPr>
          <p:cNvPr id="33" name="Rectangle 43">
            <a:extLst>
              <a:ext uri="{FF2B5EF4-FFF2-40B4-BE49-F238E27FC236}">
                <a16:creationId xmlns:a16="http://schemas.microsoft.com/office/drawing/2014/main" id="{4BE6C7AF-D627-3B50-F171-73FE39A11F98}"/>
              </a:ext>
            </a:extLst>
          </p:cNvPr>
          <p:cNvSpPr>
            <a:spLocks/>
          </p:cNvSpPr>
          <p:nvPr/>
        </p:nvSpPr>
        <p:spPr>
          <a:xfrm>
            <a:off x="570368" y="2606904"/>
            <a:ext cx="2255459" cy="377163"/>
          </a:xfrm>
          <a:prstGeom prst="roundRect">
            <a:avLst/>
          </a:prstGeom>
          <a:solidFill>
            <a:schemeClr val="accent3"/>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b="1" noProof="0">
                <a:solidFill>
                  <a:schemeClr val="bg1"/>
                </a:solidFill>
              </a:rPr>
              <a:t>Teknologistak</a:t>
            </a:r>
            <a:endParaRPr lang="da-DK" sz="1100" b="1" noProof="0">
              <a:solidFill>
                <a:schemeClr val="bg1"/>
              </a:solidFill>
            </a:endParaRPr>
          </a:p>
        </p:txBody>
      </p:sp>
      <p:sp>
        <p:nvSpPr>
          <p:cNvPr id="44" name="Rectangle 43">
            <a:extLst>
              <a:ext uri="{FF2B5EF4-FFF2-40B4-BE49-F238E27FC236}">
                <a16:creationId xmlns:a16="http://schemas.microsoft.com/office/drawing/2014/main" id="{7951C5D8-D0AE-CBC8-7DC7-1B433B260698}"/>
              </a:ext>
            </a:extLst>
          </p:cNvPr>
          <p:cNvSpPr>
            <a:spLocks/>
          </p:cNvSpPr>
          <p:nvPr/>
        </p:nvSpPr>
        <p:spPr>
          <a:xfrm>
            <a:off x="2880912" y="2610299"/>
            <a:ext cx="8546707" cy="377163"/>
          </a:xfrm>
          <a:prstGeom prst="roundRect">
            <a:avLst>
              <a:gd name="adj" fmla="val 17685"/>
            </a:avLst>
          </a:prstGeom>
          <a:solidFill>
            <a:srgbClr val="E8ECF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a:solidFill>
                  <a:srgbClr val="014C77"/>
                </a:solidFill>
              </a:rPr>
              <a:t>Case-overblik</a:t>
            </a:r>
          </a:p>
        </p:txBody>
      </p:sp>
      <p:sp>
        <p:nvSpPr>
          <p:cNvPr id="38" name="Rectangle 36">
            <a:extLst>
              <a:ext uri="{FF2B5EF4-FFF2-40B4-BE49-F238E27FC236}">
                <a16:creationId xmlns:a16="http://schemas.microsoft.com/office/drawing/2014/main" id="{0C2D9E8B-B09A-CA86-6602-1DB90F1FED92}"/>
              </a:ext>
            </a:extLst>
          </p:cNvPr>
          <p:cNvSpPr>
            <a:spLocks/>
          </p:cNvSpPr>
          <p:nvPr/>
        </p:nvSpPr>
        <p:spPr>
          <a:xfrm>
            <a:off x="1007284" y="3071931"/>
            <a:ext cx="1818543"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AI og digitale services</a:t>
            </a:r>
          </a:p>
        </p:txBody>
      </p:sp>
      <p:sp>
        <p:nvSpPr>
          <p:cNvPr id="8" name="Rectangle: Rounded Corners 133">
            <a:extLst>
              <a:ext uri="{FF2B5EF4-FFF2-40B4-BE49-F238E27FC236}">
                <a16:creationId xmlns:a16="http://schemas.microsoft.com/office/drawing/2014/main" id="{E6F56E76-E741-7B57-4F93-B8569CA1047E}"/>
              </a:ext>
            </a:extLst>
          </p:cNvPr>
          <p:cNvSpPr>
            <a:spLocks/>
          </p:cNvSpPr>
          <p:nvPr/>
        </p:nvSpPr>
        <p:spPr>
          <a:xfrm>
            <a:off x="2906551" y="3089672"/>
            <a:ext cx="529784" cy="23945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1. </a:t>
            </a:r>
            <a:r>
              <a:rPr lang="da-DK" sz="500" b="1" noProof="0" err="1"/>
              <a:t>EuroStack</a:t>
            </a:r>
            <a:r>
              <a:rPr lang="da-DK" sz="500" b="1" noProof="0"/>
              <a:t>*</a:t>
            </a:r>
            <a:endParaRPr lang="da-DK" sz="500" noProof="0"/>
          </a:p>
        </p:txBody>
      </p:sp>
      <p:sp>
        <p:nvSpPr>
          <p:cNvPr id="13" name="Rectangle: Rounded Corners 367">
            <a:extLst>
              <a:ext uri="{FF2B5EF4-FFF2-40B4-BE49-F238E27FC236}">
                <a16:creationId xmlns:a16="http://schemas.microsoft.com/office/drawing/2014/main" id="{C73972A4-10C2-4B35-986C-A028728377FC}"/>
              </a:ext>
            </a:extLst>
          </p:cNvPr>
          <p:cNvSpPr>
            <a:spLocks/>
          </p:cNvSpPr>
          <p:nvPr/>
        </p:nvSpPr>
        <p:spPr>
          <a:xfrm>
            <a:off x="5169687" y="3089672"/>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5. GPT-NL</a:t>
            </a:r>
            <a:endParaRPr lang="da-DK" sz="500" noProof="0"/>
          </a:p>
        </p:txBody>
      </p:sp>
      <p:sp>
        <p:nvSpPr>
          <p:cNvPr id="20" name="Rectangle: Rounded Corners 379">
            <a:extLst>
              <a:ext uri="{FF2B5EF4-FFF2-40B4-BE49-F238E27FC236}">
                <a16:creationId xmlns:a16="http://schemas.microsoft.com/office/drawing/2014/main" id="{0391646B-AD5D-DF9D-4813-9F69F7C922CA}"/>
              </a:ext>
              <a:ext uri="{C183D7F6-B498-43B3-948B-1728B52AA6E4}">
                <adec:decorative xmlns:adec="http://schemas.microsoft.com/office/drawing/2017/decorative" val="0"/>
              </a:ext>
            </a:extLst>
          </p:cNvPr>
          <p:cNvSpPr>
            <a:spLocks/>
          </p:cNvSpPr>
          <p:nvPr/>
        </p:nvSpPr>
        <p:spPr>
          <a:xfrm>
            <a:off x="6867221" y="3089672"/>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600" b="1" noProof="0" dirty="0">
                <a:solidFill>
                  <a:schemeClr val="bg1"/>
                </a:solidFill>
              </a:rPr>
              <a:t>8</a:t>
            </a:r>
            <a:r>
              <a:rPr lang="da-DK" sz="600" b="1" noProof="0">
                <a:solidFill>
                  <a:schemeClr val="bg1"/>
                </a:solidFill>
              </a:rPr>
              <a:t>. OS2</a:t>
            </a:r>
            <a:endParaRPr lang="da-DK" sz="600" noProof="0">
              <a:solidFill>
                <a:schemeClr val="bg1"/>
              </a:solidFill>
            </a:endParaRPr>
          </a:p>
        </p:txBody>
      </p:sp>
      <p:sp>
        <p:nvSpPr>
          <p:cNvPr id="28" name="Rectangle: Rounded Corners 382">
            <a:extLst>
              <a:ext uri="{FF2B5EF4-FFF2-40B4-BE49-F238E27FC236}">
                <a16:creationId xmlns:a16="http://schemas.microsoft.com/office/drawing/2014/main" id="{C9792BD5-335A-7FDC-7E77-EF1FA204A996}"/>
              </a:ext>
              <a:ext uri="{C183D7F6-B498-43B3-948B-1728B52AA6E4}">
                <adec:decorative xmlns:adec="http://schemas.microsoft.com/office/drawing/2017/decorative" val="0"/>
              </a:ext>
            </a:extLst>
          </p:cNvPr>
          <p:cNvSpPr>
            <a:spLocks/>
          </p:cNvSpPr>
          <p:nvPr/>
        </p:nvSpPr>
        <p:spPr>
          <a:xfrm>
            <a:off x="7998789" y="3089672"/>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0. Aarhus Kommune</a:t>
            </a:r>
            <a:endParaRPr lang="da-DK" sz="500" noProof="0">
              <a:solidFill>
                <a:schemeClr val="bg1"/>
              </a:solidFill>
            </a:endParaRPr>
          </a:p>
        </p:txBody>
      </p:sp>
      <p:sp>
        <p:nvSpPr>
          <p:cNvPr id="448" name="Rectangle: Rounded Corners 382">
            <a:extLst>
              <a:ext uri="{FF2B5EF4-FFF2-40B4-BE49-F238E27FC236}">
                <a16:creationId xmlns:a16="http://schemas.microsoft.com/office/drawing/2014/main" id="{566FA96E-9909-25A4-842A-AEE4708E14CC}"/>
              </a:ext>
              <a:ext uri="{C183D7F6-B498-43B3-948B-1728B52AA6E4}">
                <adec:decorative xmlns:adec="http://schemas.microsoft.com/office/drawing/2017/decorative" val="0"/>
              </a:ext>
            </a:extLst>
          </p:cNvPr>
          <p:cNvSpPr>
            <a:spLocks/>
          </p:cNvSpPr>
          <p:nvPr/>
        </p:nvSpPr>
        <p:spPr>
          <a:xfrm>
            <a:off x="9696141" y="3089672"/>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3. KBH. Kommune</a:t>
            </a:r>
            <a:endParaRPr lang="da-DK" sz="500" noProof="0" dirty="0">
              <a:solidFill>
                <a:schemeClr val="bg1"/>
              </a:solidFill>
            </a:endParaRPr>
          </a:p>
        </p:txBody>
      </p:sp>
      <p:sp>
        <p:nvSpPr>
          <p:cNvPr id="449" name="Rectangle: Rounded Corners 382">
            <a:extLst>
              <a:ext uri="{FF2B5EF4-FFF2-40B4-BE49-F238E27FC236}">
                <a16:creationId xmlns:a16="http://schemas.microsoft.com/office/drawing/2014/main" id="{CB7EECE3-08CE-145C-6117-E3C35F83C995}"/>
              </a:ext>
              <a:ext uri="{C183D7F6-B498-43B3-948B-1728B52AA6E4}">
                <adec:decorative xmlns:adec="http://schemas.microsoft.com/office/drawing/2017/decorative" val="0"/>
              </a:ext>
            </a:extLst>
          </p:cNvPr>
          <p:cNvSpPr>
            <a:spLocks/>
          </p:cNvSpPr>
          <p:nvPr/>
        </p:nvSpPr>
        <p:spPr>
          <a:xfrm>
            <a:off x="10261925" y="3089672"/>
            <a:ext cx="529784" cy="23945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4. Finansiel sektor</a:t>
            </a:r>
            <a:endParaRPr lang="da-DK" sz="500" noProof="0">
              <a:solidFill>
                <a:schemeClr val="bg1"/>
              </a:solidFill>
            </a:endParaRPr>
          </a:p>
        </p:txBody>
      </p:sp>
      <p:sp>
        <p:nvSpPr>
          <p:cNvPr id="450" name="Rectangle: Rounded Corners 382">
            <a:extLst>
              <a:ext uri="{FF2B5EF4-FFF2-40B4-BE49-F238E27FC236}">
                <a16:creationId xmlns:a16="http://schemas.microsoft.com/office/drawing/2014/main" id="{8FBFB4F9-F5BA-DCF0-3C43-94C12E92415E}"/>
              </a:ext>
              <a:ext uri="{C183D7F6-B498-43B3-948B-1728B52AA6E4}">
                <adec:decorative xmlns:adec="http://schemas.microsoft.com/office/drawing/2017/decorative" val="0"/>
              </a:ext>
            </a:extLst>
          </p:cNvPr>
          <p:cNvSpPr>
            <a:spLocks/>
          </p:cNvSpPr>
          <p:nvPr/>
        </p:nvSpPr>
        <p:spPr>
          <a:xfrm>
            <a:off x="10827710" y="3089672"/>
            <a:ext cx="529784" cy="23945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5. Bankdata</a:t>
            </a:r>
          </a:p>
        </p:txBody>
      </p:sp>
      <p:sp>
        <p:nvSpPr>
          <p:cNvPr id="36" name="Rectangle 36">
            <a:extLst>
              <a:ext uri="{FF2B5EF4-FFF2-40B4-BE49-F238E27FC236}">
                <a16:creationId xmlns:a16="http://schemas.microsoft.com/office/drawing/2014/main" id="{28B6B64F-1A2D-B031-1EC1-8F5685D0C42A}"/>
              </a:ext>
            </a:extLst>
          </p:cNvPr>
          <p:cNvSpPr>
            <a:spLocks/>
          </p:cNvSpPr>
          <p:nvPr/>
        </p:nvSpPr>
        <p:spPr>
          <a:xfrm>
            <a:off x="1007284" y="3380741"/>
            <a:ext cx="1818543"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Koncern- og fagsystemer</a:t>
            </a:r>
          </a:p>
        </p:txBody>
      </p:sp>
      <p:sp>
        <p:nvSpPr>
          <p:cNvPr id="451" name="Rectangle: Rounded Corners 133">
            <a:extLst>
              <a:ext uri="{FF2B5EF4-FFF2-40B4-BE49-F238E27FC236}">
                <a16:creationId xmlns:a16="http://schemas.microsoft.com/office/drawing/2014/main" id="{683BE301-C6F9-C13A-1499-509412C22AB4}"/>
              </a:ext>
            </a:extLst>
          </p:cNvPr>
          <p:cNvSpPr>
            <a:spLocks/>
          </p:cNvSpPr>
          <p:nvPr/>
        </p:nvSpPr>
        <p:spPr>
          <a:xfrm>
            <a:off x="2906551" y="3398482"/>
            <a:ext cx="529784" cy="23945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t>1. </a:t>
            </a:r>
            <a:r>
              <a:rPr lang="da-DK" sz="500" b="1" noProof="0" dirty="0" err="1"/>
              <a:t>EuroStack</a:t>
            </a:r>
            <a:r>
              <a:rPr lang="da-DK" sz="500" b="1" noProof="0" dirty="0"/>
              <a:t>*</a:t>
            </a:r>
            <a:endParaRPr lang="da-DK" sz="500" noProof="0" dirty="0"/>
          </a:p>
        </p:txBody>
      </p:sp>
      <p:sp>
        <p:nvSpPr>
          <p:cNvPr id="453" name="Rectangle: Rounded Corners 361">
            <a:extLst>
              <a:ext uri="{FF2B5EF4-FFF2-40B4-BE49-F238E27FC236}">
                <a16:creationId xmlns:a16="http://schemas.microsoft.com/office/drawing/2014/main" id="{37C50D98-FB77-BCC8-9D7E-EB6043A7E647}"/>
              </a:ext>
            </a:extLst>
          </p:cNvPr>
          <p:cNvSpPr>
            <a:spLocks/>
          </p:cNvSpPr>
          <p:nvPr/>
        </p:nvSpPr>
        <p:spPr>
          <a:xfrm>
            <a:off x="4038119" y="3398482"/>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t>3. Schleswig-Holstein</a:t>
            </a:r>
            <a:endParaRPr lang="da-DK" sz="500" noProof="0" dirty="0"/>
          </a:p>
        </p:txBody>
      </p:sp>
      <p:sp>
        <p:nvSpPr>
          <p:cNvPr id="456" name="Rectangle: Rounded Corners 370">
            <a:extLst>
              <a:ext uri="{FF2B5EF4-FFF2-40B4-BE49-F238E27FC236}">
                <a16:creationId xmlns:a16="http://schemas.microsoft.com/office/drawing/2014/main" id="{D45A7160-FC56-801E-E146-B449E60834E0}"/>
              </a:ext>
            </a:extLst>
          </p:cNvPr>
          <p:cNvSpPr>
            <a:spLocks/>
          </p:cNvSpPr>
          <p:nvPr/>
        </p:nvSpPr>
        <p:spPr>
          <a:xfrm>
            <a:off x="5735471" y="3398482"/>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6. UK Home Office</a:t>
            </a:r>
            <a:endParaRPr lang="da-DK" sz="500" noProof="0"/>
          </a:p>
        </p:txBody>
      </p:sp>
      <p:sp>
        <p:nvSpPr>
          <p:cNvPr id="458" name="Rectangle: Rounded Corners 376">
            <a:extLst>
              <a:ext uri="{FF2B5EF4-FFF2-40B4-BE49-F238E27FC236}">
                <a16:creationId xmlns:a16="http://schemas.microsoft.com/office/drawing/2014/main" id="{93F36786-A064-153A-53AB-C65DFE4952A1}"/>
              </a:ext>
              <a:ext uri="{C183D7F6-B498-43B3-948B-1728B52AA6E4}">
                <adec:decorative xmlns:adec="http://schemas.microsoft.com/office/drawing/2017/decorative" val="0"/>
              </a:ext>
            </a:extLst>
          </p:cNvPr>
          <p:cNvSpPr>
            <a:spLocks/>
          </p:cNvSpPr>
          <p:nvPr/>
        </p:nvSpPr>
        <p:spPr>
          <a:xfrm>
            <a:off x="6301437" y="3398482"/>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7</a:t>
            </a:r>
            <a:r>
              <a:rPr lang="da-DK" sz="500" b="1" noProof="0">
                <a:solidFill>
                  <a:schemeClr val="bg1"/>
                </a:solidFill>
              </a:rPr>
              <a:t>. STIL</a:t>
            </a:r>
            <a:endParaRPr lang="da-DK" sz="500" noProof="0">
              <a:solidFill>
                <a:schemeClr val="bg1"/>
              </a:solidFill>
            </a:endParaRPr>
          </a:p>
        </p:txBody>
      </p:sp>
      <p:sp>
        <p:nvSpPr>
          <p:cNvPr id="459" name="Rectangle: Rounded Corners 379">
            <a:extLst>
              <a:ext uri="{FF2B5EF4-FFF2-40B4-BE49-F238E27FC236}">
                <a16:creationId xmlns:a16="http://schemas.microsoft.com/office/drawing/2014/main" id="{7E8A88A9-A1BB-B7D9-02B2-51F9D6505088}"/>
              </a:ext>
              <a:ext uri="{C183D7F6-B498-43B3-948B-1728B52AA6E4}">
                <adec:decorative xmlns:adec="http://schemas.microsoft.com/office/drawing/2017/decorative" val="0"/>
              </a:ext>
            </a:extLst>
          </p:cNvPr>
          <p:cNvSpPr>
            <a:spLocks/>
          </p:cNvSpPr>
          <p:nvPr/>
        </p:nvSpPr>
        <p:spPr>
          <a:xfrm>
            <a:off x="6867221" y="3398482"/>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600" b="1" noProof="0" dirty="0">
                <a:solidFill>
                  <a:schemeClr val="bg1"/>
                </a:solidFill>
              </a:rPr>
              <a:t>8</a:t>
            </a:r>
            <a:r>
              <a:rPr lang="da-DK" sz="600" b="1" noProof="0">
                <a:solidFill>
                  <a:schemeClr val="bg1"/>
                </a:solidFill>
              </a:rPr>
              <a:t>. OS2</a:t>
            </a:r>
            <a:endParaRPr lang="da-DK" sz="600" noProof="0">
              <a:solidFill>
                <a:schemeClr val="bg1"/>
              </a:solidFill>
            </a:endParaRPr>
          </a:p>
        </p:txBody>
      </p:sp>
      <p:sp>
        <p:nvSpPr>
          <p:cNvPr id="460" name="Rectangle: Rounded Corners 397">
            <a:extLst>
              <a:ext uri="{FF2B5EF4-FFF2-40B4-BE49-F238E27FC236}">
                <a16:creationId xmlns:a16="http://schemas.microsoft.com/office/drawing/2014/main" id="{27754E2E-5BFD-A9F8-8A96-3C75DAED126B}"/>
              </a:ext>
              <a:ext uri="{C183D7F6-B498-43B3-948B-1728B52AA6E4}">
                <adec:decorative xmlns:adec="http://schemas.microsoft.com/office/drawing/2017/decorative" val="0"/>
              </a:ext>
            </a:extLst>
          </p:cNvPr>
          <p:cNvSpPr>
            <a:spLocks/>
          </p:cNvSpPr>
          <p:nvPr/>
        </p:nvSpPr>
        <p:spPr>
          <a:xfrm>
            <a:off x="7433005" y="3398482"/>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9</a:t>
            </a:r>
            <a:r>
              <a:rPr lang="da-DK" sz="500" b="1" noProof="0">
                <a:solidFill>
                  <a:schemeClr val="bg1"/>
                </a:solidFill>
              </a:rPr>
              <a:t>. KOMBIT</a:t>
            </a:r>
            <a:endParaRPr lang="da-DK" sz="500" noProof="0">
              <a:solidFill>
                <a:schemeClr val="bg1"/>
              </a:solidFill>
            </a:endParaRPr>
          </a:p>
        </p:txBody>
      </p:sp>
      <p:sp>
        <p:nvSpPr>
          <p:cNvPr id="463" name="Rectangle: Rounded Corners 382">
            <a:extLst>
              <a:ext uri="{FF2B5EF4-FFF2-40B4-BE49-F238E27FC236}">
                <a16:creationId xmlns:a16="http://schemas.microsoft.com/office/drawing/2014/main" id="{593747CC-708C-C12E-5988-A7137AF99698}"/>
              </a:ext>
              <a:ext uri="{C183D7F6-B498-43B3-948B-1728B52AA6E4}">
                <adec:decorative xmlns:adec="http://schemas.microsoft.com/office/drawing/2017/decorative" val="0"/>
              </a:ext>
            </a:extLst>
          </p:cNvPr>
          <p:cNvSpPr>
            <a:spLocks/>
          </p:cNvSpPr>
          <p:nvPr/>
        </p:nvSpPr>
        <p:spPr>
          <a:xfrm>
            <a:off x="7998789" y="3398482"/>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0. Aarhus Kommune</a:t>
            </a:r>
            <a:endParaRPr lang="da-DK" sz="500" noProof="0">
              <a:solidFill>
                <a:schemeClr val="bg1"/>
              </a:solidFill>
            </a:endParaRPr>
          </a:p>
        </p:txBody>
      </p:sp>
      <p:sp>
        <p:nvSpPr>
          <p:cNvPr id="465" name="Rectangle: Rounded Corners 382">
            <a:extLst>
              <a:ext uri="{FF2B5EF4-FFF2-40B4-BE49-F238E27FC236}">
                <a16:creationId xmlns:a16="http://schemas.microsoft.com/office/drawing/2014/main" id="{3DCA2A88-29D9-3B58-6981-EA2C5538926D}"/>
              </a:ext>
              <a:ext uri="{C183D7F6-B498-43B3-948B-1728B52AA6E4}">
                <adec:decorative xmlns:adec="http://schemas.microsoft.com/office/drawing/2017/decorative" val="0"/>
              </a:ext>
            </a:extLst>
          </p:cNvPr>
          <p:cNvSpPr>
            <a:spLocks/>
          </p:cNvSpPr>
          <p:nvPr/>
        </p:nvSpPr>
        <p:spPr>
          <a:xfrm>
            <a:off x="9130357" y="3398482"/>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2. Region Syd</a:t>
            </a:r>
            <a:endParaRPr lang="da-DK" sz="500" noProof="0">
              <a:solidFill>
                <a:schemeClr val="bg1"/>
              </a:solidFill>
            </a:endParaRPr>
          </a:p>
        </p:txBody>
      </p:sp>
      <p:sp>
        <p:nvSpPr>
          <p:cNvPr id="466" name="Rectangle: Rounded Corners 382">
            <a:extLst>
              <a:ext uri="{FF2B5EF4-FFF2-40B4-BE49-F238E27FC236}">
                <a16:creationId xmlns:a16="http://schemas.microsoft.com/office/drawing/2014/main" id="{8CA333EC-8E67-18CD-E18E-5E5CB8A31979}"/>
              </a:ext>
              <a:ext uri="{C183D7F6-B498-43B3-948B-1728B52AA6E4}">
                <adec:decorative xmlns:adec="http://schemas.microsoft.com/office/drawing/2017/decorative" val="0"/>
              </a:ext>
            </a:extLst>
          </p:cNvPr>
          <p:cNvSpPr>
            <a:spLocks/>
          </p:cNvSpPr>
          <p:nvPr/>
        </p:nvSpPr>
        <p:spPr>
          <a:xfrm>
            <a:off x="9696141" y="3398482"/>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3. KBH. Kommune</a:t>
            </a:r>
            <a:endParaRPr lang="da-DK" sz="500" noProof="0" dirty="0">
              <a:solidFill>
                <a:schemeClr val="bg1"/>
              </a:solidFill>
            </a:endParaRPr>
          </a:p>
        </p:txBody>
      </p:sp>
      <p:sp>
        <p:nvSpPr>
          <p:cNvPr id="467" name="Rectangle: Rounded Corners 382">
            <a:extLst>
              <a:ext uri="{FF2B5EF4-FFF2-40B4-BE49-F238E27FC236}">
                <a16:creationId xmlns:a16="http://schemas.microsoft.com/office/drawing/2014/main" id="{0AEABF07-A0A3-0F24-8AA9-A3E768637B84}"/>
              </a:ext>
              <a:ext uri="{C183D7F6-B498-43B3-948B-1728B52AA6E4}">
                <adec:decorative xmlns:adec="http://schemas.microsoft.com/office/drawing/2017/decorative" val="0"/>
              </a:ext>
            </a:extLst>
          </p:cNvPr>
          <p:cNvSpPr>
            <a:spLocks/>
          </p:cNvSpPr>
          <p:nvPr/>
        </p:nvSpPr>
        <p:spPr>
          <a:xfrm>
            <a:off x="10261925" y="3398482"/>
            <a:ext cx="529784" cy="23945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4. Finansiel sektor</a:t>
            </a:r>
            <a:endParaRPr lang="da-DK" sz="500" noProof="0">
              <a:solidFill>
                <a:schemeClr val="bg1"/>
              </a:solidFill>
            </a:endParaRPr>
          </a:p>
        </p:txBody>
      </p:sp>
      <p:sp>
        <p:nvSpPr>
          <p:cNvPr id="468" name="Rectangle: Rounded Corners 382">
            <a:extLst>
              <a:ext uri="{FF2B5EF4-FFF2-40B4-BE49-F238E27FC236}">
                <a16:creationId xmlns:a16="http://schemas.microsoft.com/office/drawing/2014/main" id="{AF3CBAC7-336E-4C10-09D9-04AA5C5DA348}"/>
              </a:ext>
              <a:ext uri="{C183D7F6-B498-43B3-948B-1728B52AA6E4}">
                <adec:decorative xmlns:adec="http://schemas.microsoft.com/office/drawing/2017/decorative" val="0"/>
              </a:ext>
            </a:extLst>
          </p:cNvPr>
          <p:cNvSpPr>
            <a:spLocks/>
          </p:cNvSpPr>
          <p:nvPr/>
        </p:nvSpPr>
        <p:spPr>
          <a:xfrm>
            <a:off x="10827710" y="3398482"/>
            <a:ext cx="529784" cy="23945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5. Bankdata</a:t>
            </a:r>
            <a:endParaRPr lang="da-DK" sz="500" noProof="0">
              <a:solidFill>
                <a:schemeClr val="bg1"/>
              </a:solidFill>
            </a:endParaRPr>
          </a:p>
        </p:txBody>
      </p:sp>
      <p:sp>
        <p:nvSpPr>
          <p:cNvPr id="37" name="Rectangle 36">
            <a:extLst>
              <a:ext uri="{FF2B5EF4-FFF2-40B4-BE49-F238E27FC236}">
                <a16:creationId xmlns:a16="http://schemas.microsoft.com/office/drawing/2014/main" id="{59043E86-A719-9F78-550D-E57F83994863}"/>
              </a:ext>
            </a:extLst>
          </p:cNvPr>
          <p:cNvSpPr>
            <a:spLocks/>
          </p:cNvSpPr>
          <p:nvPr/>
        </p:nvSpPr>
        <p:spPr>
          <a:xfrm>
            <a:off x="1007284" y="3707395"/>
            <a:ext cx="1818543"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igital arbejdsplads</a:t>
            </a:r>
          </a:p>
        </p:txBody>
      </p:sp>
      <p:sp>
        <p:nvSpPr>
          <p:cNvPr id="469" name="Rectangle: Rounded Corners 133">
            <a:extLst>
              <a:ext uri="{FF2B5EF4-FFF2-40B4-BE49-F238E27FC236}">
                <a16:creationId xmlns:a16="http://schemas.microsoft.com/office/drawing/2014/main" id="{D2B1A395-F9F5-C1D6-199D-389C46BC2640}"/>
              </a:ext>
            </a:extLst>
          </p:cNvPr>
          <p:cNvSpPr>
            <a:spLocks/>
          </p:cNvSpPr>
          <p:nvPr/>
        </p:nvSpPr>
        <p:spPr>
          <a:xfrm>
            <a:off x="2906551" y="3725136"/>
            <a:ext cx="529784" cy="23945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1. </a:t>
            </a:r>
            <a:r>
              <a:rPr lang="da-DK" sz="500" b="1" noProof="0" err="1"/>
              <a:t>EuroStack</a:t>
            </a:r>
            <a:r>
              <a:rPr lang="da-DK" sz="500" b="1" noProof="0"/>
              <a:t>*</a:t>
            </a:r>
            <a:endParaRPr lang="da-DK" sz="500" noProof="0"/>
          </a:p>
        </p:txBody>
      </p:sp>
      <p:sp>
        <p:nvSpPr>
          <p:cNvPr id="471" name="Rectangle: Rounded Corners 361">
            <a:extLst>
              <a:ext uri="{FF2B5EF4-FFF2-40B4-BE49-F238E27FC236}">
                <a16:creationId xmlns:a16="http://schemas.microsoft.com/office/drawing/2014/main" id="{8846CAB0-0C6C-7DBE-FFBC-7764DA8893DB}"/>
              </a:ext>
            </a:extLst>
          </p:cNvPr>
          <p:cNvSpPr>
            <a:spLocks/>
          </p:cNvSpPr>
          <p:nvPr/>
        </p:nvSpPr>
        <p:spPr>
          <a:xfrm>
            <a:off x="4038119" y="3725136"/>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3. Schleswig-Holstein</a:t>
            </a:r>
            <a:endParaRPr lang="da-DK" sz="500" noProof="0"/>
          </a:p>
        </p:txBody>
      </p:sp>
      <p:sp>
        <p:nvSpPr>
          <p:cNvPr id="472" name="Rectangle: Rounded Corners 364">
            <a:extLst>
              <a:ext uri="{FF2B5EF4-FFF2-40B4-BE49-F238E27FC236}">
                <a16:creationId xmlns:a16="http://schemas.microsoft.com/office/drawing/2014/main" id="{C4E7700C-0B89-1A37-F589-11704656DBD6}"/>
              </a:ext>
            </a:extLst>
          </p:cNvPr>
          <p:cNvSpPr>
            <a:spLocks/>
          </p:cNvSpPr>
          <p:nvPr/>
        </p:nvSpPr>
        <p:spPr>
          <a:xfrm>
            <a:off x="4603903" y="3725136"/>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4. </a:t>
            </a:r>
            <a:r>
              <a:rPr lang="da-DK" sz="500" b="1" noProof="0" err="1"/>
              <a:t>ZenDiS</a:t>
            </a:r>
            <a:endParaRPr lang="da-DK" sz="500" noProof="0"/>
          </a:p>
        </p:txBody>
      </p:sp>
      <p:sp>
        <p:nvSpPr>
          <p:cNvPr id="476" name="Rectangle: Rounded Corners 376">
            <a:extLst>
              <a:ext uri="{FF2B5EF4-FFF2-40B4-BE49-F238E27FC236}">
                <a16:creationId xmlns:a16="http://schemas.microsoft.com/office/drawing/2014/main" id="{1E2EA254-F395-8C44-76CD-B94932DEA552}"/>
              </a:ext>
              <a:ext uri="{C183D7F6-B498-43B3-948B-1728B52AA6E4}">
                <adec:decorative xmlns:adec="http://schemas.microsoft.com/office/drawing/2017/decorative" val="0"/>
              </a:ext>
            </a:extLst>
          </p:cNvPr>
          <p:cNvSpPr>
            <a:spLocks/>
          </p:cNvSpPr>
          <p:nvPr/>
        </p:nvSpPr>
        <p:spPr>
          <a:xfrm>
            <a:off x="6301437" y="3725136"/>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7</a:t>
            </a:r>
            <a:r>
              <a:rPr lang="da-DK" sz="500" b="1" noProof="0">
                <a:solidFill>
                  <a:schemeClr val="bg1"/>
                </a:solidFill>
              </a:rPr>
              <a:t>. STIL</a:t>
            </a:r>
            <a:endParaRPr lang="da-DK" sz="500" noProof="0">
              <a:solidFill>
                <a:schemeClr val="bg1"/>
              </a:solidFill>
            </a:endParaRPr>
          </a:p>
        </p:txBody>
      </p:sp>
      <p:sp>
        <p:nvSpPr>
          <p:cNvPr id="477" name="Rectangle: Rounded Corners 379">
            <a:extLst>
              <a:ext uri="{FF2B5EF4-FFF2-40B4-BE49-F238E27FC236}">
                <a16:creationId xmlns:a16="http://schemas.microsoft.com/office/drawing/2014/main" id="{EB8C5820-F068-DCF9-F23E-48575EA2C1B8}"/>
              </a:ext>
              <a:ext uri="{C183D7F6-B498-43B3-948B-1728B52AA6E4}">
                <adec:decorative xmlns:adec="http://schemas.microsoft.com/office/drawing/2017/decorative" val="0"/>
              </a:ext>
            </a:extLst>
          </p:cNvPr>
          <p:cNvSpPr>
            <a:spLocks/>
          </p:cNvSpPr>
          <p:nvPr/>
        </p:nvSpPr>
        <p:spPr>
          <a:xfrm>
            <a:off x="6867221" y="3725136"/>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600" b="1" noProof="0" dirty="0">
                <a:solidFill>
                  <a:schemeClr val="bg1"/>
                </a:solidFill>
              </a:rPr>
              <a:t>8. OS2</a:t>
            </a:r>
          </a:p>
        </p:txBody>
      </p:sp>
      <p:sp>
        <p:nvSpPr>
          <p:cNvPr id="479" name="Rectangle: Rounded Corners 382">
            <a:extLst>
              <a:ext uri="{FF2B5EF4-FFF2-40B4-BE49-F238E27FC236}">
                <a16:creationId xmlns:a16="http://schemas.microsoft.com/office/drawing/2014/main" id="{054B6C63-F01D-9469-BC99-5B0DDFACB270}"/>
              </a:ext>
              <a:ext uri="{C183D7F6-B498-43B3-948B-1728B52AA6E4}">
                <adec:decorative xmlns:adec="http://schemas.microsoft.com/office/drawing/2017/decorative" val="0"/>
              </a:ext>
            </a:extLst>
          </p:cNvPr>
          <p:cNvSpPr>
            <a:spLocks/>
          </p:cNvSpPr>
          <p:nvPr/>
        </p:nvSpPr>
        <p:spPr>
          <a:xfrm>
            <a:off x="7998789" y="3725136"/>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0. Aarhus Kommune</a:t>
            </a:r>
            <a:endParaRPr lang="da-DK" sz="500" noProof="0">
              <a:solidFill>
                <a:schemeClr val="bg1"/>
              </a:solidFill>
            </a:endParaRPr>
          </a:p>
        </p:txBody>
      </p:sp>
      <p:sp>
        <p:nvSpPr>
          <p:cNvPr id="482" name="Rectangle: Rounded Corners 382">
            <a:extLst>
              <a:ext uri="{FF2B5EF4-FFF2-40B4-BE49-F238E27FC236}">
                <a16:creationId xmlns:a16="http://schemas.microsoft.com/office/drawing/2014/main" id="{426E597A-AFA3-A572-B230-D68C4618191A}"/>
              </a:ext>
              <a:ext uri="{C183D7F6-B498-43B3-948B-1728B52AA6E4}">
                <adec:decorative xmlns:adec="http://schemas.microsoft.com/office/drawing/2017/decorative" val="0"/>
              </a:ext>
            </a:extLst>
          </p:cNvPr>
          <p:cNvSpPr>
            <a:spLocks/>
          </p:cNvSpPr>
          <p:nvPr/>
        </p:nvSpPr>
        <p:spPr>
          <a:xfrm>
            <a:off x="9696141" y="3725136"/>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3. KBH. Kommune</a:t>
            </a:r>
          </a:p>
        </p:txBody>
      </p:sp>
      <p:sp>
        <p:nvSpPr>
          <p:cNvPr id="39" name="Rectangle 36">
            <a:extLst>
              <a:ext uri="{FF2B5EF4-FFF2-40B4-BE49-F238E27FC236}">
                <a16:creationId xmlns:a16="http://schemas.microsoft.com/office/drawing/2014/main" id="{AF48D662-3D59-41BA-D3B6-77BB86C2984B}"/>
              </a:ext>
            </a:extLst>
          </p:cNvPr>
          <p:cNvSpPr>
            <a:spLocks/>
          </p:cNvSpPr>
          <p:nvPr/>
        </p:nvSpPr>
        <p:spPr>
          <a:xfrm>
            <a:off x="1007284" y="4024732"/>
            <a:ext cx="1818543"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Sikkerhedsløsninger</a:t>
            </a:r>
          </a:p>
        </p:txBody>
      </p:sp>
      <p:sp>
        <p:nvSpPr>
          <p:cNvPr id="485" name="Rectangle: Rounded Corners 133">
            <a:extLst>
              <a:ext uri="{FF2B5EF4-FFF2-40B4-BE49-F238E27FC236}">
                <a16:creationId xmlns:a16="http://schemas.microsoft.com/office/drawing/2014/main" id="{80B278C0-5545-8D4B-C435-D57EA7519937}"/>
              </a:ext>
            </a:extLst>
          </p:cNvPr>
          <p:cNvSpPr>
            <a:spLocks/>
          </p:cNvSpPr>
          <p:nvPr/>
        </p:nvSpPr>
        <p:spPr>
          <a:xfrm>
            <a:off x="2906551" y="4042473"/>
            <a:ext cx="529784" cy="23945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t>1. </a:t>
            </a:r>
            <a:r>
              <a:rPr lang="da-DK" sz="500" b="1" noProof="0" dirty="0" err="1"/>
              <a:t>EuroStack</a:t>
            </a:r>
            <a:r>
              <a:rPr lang="da-DK" sz="500" b="1" noProof="0" dirty="0"/>
              <a:t>*</a:t>
            </a:r>
            <a:endParaRPr lang="da-DK" sz="500" noProof="0" dirty="0"/>
          </a:p>
        </p:txBody>
      </p:sp>
      <p:sp>
        <p:nvSpPr>
          <p:cNvPr id="487" name="Rectangle: Rounded Corners 361">
            <a:extLst>
              <a:ext uri="{FF2B5EF4-FFF2-40B4-BE49-F238E27FC236}">
                <a16:creationId xmlns:a16="http://schemas.microsoft.com/office/drawing/2014/main" id="{4F6A0F83-BC72-EC9B-B616-DD81DFA2A55B}"/>
              </a:ext>
            </a:extLst>
          </p:cNvPr>
          <p:cNvSpPr>
            <a:spLocks/>
          </p:cNvSpPr>
          <p:nvPr/>
        </p:nvSpPr>
        <p:spPr>
          <a:xfrm>
            <a:off x="4038119" y="4042473"/>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3. Schleswig-Holstein</a:t>
            </a:r>
            <a:endParaRPr lang="da-DK" sz="500" noProof="0"/>
          </a:p>
        </p:txBody>
      </p:sp>
      <p:sp>
        <p:nvSpPr>
          <p:cNvPr id="490" name="Rectangle: Rounded Corners 370">
            <a:extLst>
              <a:ext uri="{FF2B5EF4-FFF2-40B4-BE49-F238E27FC236}">
                <a16:creationId xmlns:a16="http://schemas.microsoft.com/office/drawing/2014/main" id="{038A6738-72FB-943A-551F-9656F215BF5E}"/>
              </a:ext>
            </a:extLst>
          </p:cNvPr>
          <p:cNvSpPr>
            <a:spLocks/>
          </p:cNvSpPr>
          <p:nvPr/>
        </p:nvSpPr>
        <p:spPr>
          <a:xfrm>
            <a:off x="5735471" y="4042473"/>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6. UK Home Office</a:t>
            </a:r>
            <a:endParaRPr lang="da-DK" sz="500" noProof="0"/>
          </a:p>
        </p:txBody>
      </p:sp>
      <p:sp>
        <p:nvSpPr>
          <p:cNvPr id="493" name="Rectangle: Rounded Corners 379">
            <a:extLst>
              <a:ext uri="{FF2B5EF4-FFF2-40B4-BE49-F238E27FC236}">
                <a16:creationId xmlns:a16="http://schemas.microsoft.com/office/drawing/2014/main" id="{4A7E009C-D882-0A33-BF2E-A56ED1D87A56}"/>
              </a:ext>
              <a:ext uri="{C183D7F6-B498-43B3-948B-1728B52AA6E4}">
                <adec:decorative xmlns:adec="http://schemas.microsoft.com/office/drawing/2017/decorative" val="0"/>
              </a:ext>
            </a:extLst>
          </p:cNvPr>
          <p:cNvSpPr>
            <a:spLocks/>
          </p:cNvSpPr>
          <p:nvPr/>
        </p:nvSpPr>
        <p:spPr>
          <a:xfrm>
            <a:off x="6867221" y="4042473"/>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600" b="1" noProof="0" dirty="0">
                <a:solidFill>
                  <a:schemeClr val="bg1"/>
                </a:solidFill>
              </a:rPr>
              <a:t>8</a:t>
            </a:r>
            <a:r>
              <a:rPr lang="da-DK" sz="600" b="1" noProof="0">
                <a:solidFill>
                  <a:schemeClr val="bg1"/>
                </a:solidFill>
              </a:rPr>
              <a:t>. OS2</a:t>
            </a:r>
            <a:endParaRPr lang="da-DK" sz="600" noProof="0">
              <a:solidFill>
                <a:schemeClr val="bg1"/>
              </a:solidFill>
            </a:endParaRPr>
          </a:p>
        </p:txBody>
      </p:sp>
      <p:sp>
        <p:nvSpPr>
          <p:cNvPr id="89" name="Rectangle: Rounded Corners 397">
            <a:extLst>
              <a:ext uri="{FF2B5EF4-FFF2-40B4-BE49-F238E27FC236}">
                <a16:creationId xmlns:a16="http://schemas.microsoft.com/office/drawing/2014/main" id="{0B8B3908-ECD9-F1A9-1F96-13C25BB28C2B}"/>
              </a:ext>
              <a:ext uri="{C183D7F6-B498-43B3-948B-1728B52AA6E4}">
                <adec:decorative xmlns:adec="http://schemas.microsoft.com/office/drawing/2017/decorative" val="0"/>
              </a:ext>
            </a:extLst>
          </p:cNvPr>
          <p:cNvSpPr>
            <a:spLocks/>
          </p:cNvSpPr>
          <p:nvPr/>
        </p:nvSpPr>
        <p:spPr>
          <a:xfrm>
            <a:off x="7433005" y="4042473"/>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9. KOMBIT</a:t>
            </a:r>
          </a:p>
        </p:txBody>
      </p:sp>
      <p:sp>
        <p:nvSpPr>
          <p:cNvPr id="90" name="Rectangle: Rounded Corners 382">
            <a:extLst>
              <a:ext uri="{FF2B5EF4-FFF2-40B4-BE49-F238E27FC236}">
                <a16:creationId xmlns:a16="http://schemas.microsoft.com/office/drawing/2014/main" id="{396F551B-09CC-DAB5-358C-BFA2CAC61B9D}"/>
              </a:ext>
              <a:ext uri="{C183D7F6-B498-43B3-948B-1728B52AA6E4}">
                <adec:decorative xmlns:adec="http://schemas.microsoft.com/office/drawing/2017/decorative" val="0"/>
              </a:ext>
            </a:extLst>
          </p:cNvPr>
          <p:cNvSpPr>
            <a:spLocks/>
          </p:cNvSpPr>
          <p:nvPr/>
        </p:nvSpPr>
        <p:spPr>
          <a:xfrm>
            <a:off x="7998789" y="4042473"/>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0. Aarhus Kommune</a:t>
            </a:r>
            <a:endParaRPr lang="da-DK" sz="500" noProof="0" dirty="0">
              <a:solidFill>
                <a:schemeClr val="bg1"/>
              </a:solidFill>
            </a:endParaRPr>
          </a:p>
        </p:txBody>
      </p:sp>
      <p:sp>
        <p:nvSpPr>
          <p:cNvPr id="532" name="Rectangle: Rounded Corners 382">
            <a:extLst>
              <a:ext uri="{FF2B5EF4-FFF2-40B4-BE49-F238E27FC236}">
                <a16:creationId xmlns:a16="http://schemas.microsoft.com/office/drawing/2014/main" id="{C747B498-2204-86A3-41F4-1F406FCE94AA}"/>
              </a:ext>
              <a:ext uri="{C183D7F6-B498-43B3-948B-1728B52AA6E4}">
                <adec:decorative xmlns:adec="http://schemas.microsoft.com/office/drawing/2017/decorative" val="0"/>
              </a:ext>
            </a:extLst>
          </p:cNvPr>
          <p:cNvSpPr>
            <a:spLocks/>
          </p:cNvSpPr>
          <p:nvPr/>
        </p:nvSpPr>
        <p:spPr>
          <a:xfrm>
            <a:off x="9130357" y="4042473"/>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2. Region Syd</a:t>
            </a:r>
            <a:endParaRPr lang="da-DK" sz="500" noProof="0" dirty="0">
              <a:solidFill>
                <a:schemeClr val="bg1"/>
              </a:solidFill>
            </a:endParaRPr>
          </a:p>
        </p:txBody>
      </p:sp>
      <p:sp>
        <p:nvSpPr>
          <p:cNvPr id="533" name="Rectangle: Rounded Corners 382">
            <a:extLst>
              <a:ext uri="{FF2B5EF4-FFF2-40B4-BE49-F238E27FC236}">
                <a16:creationId xmlns:a16="http://schemas.microsoft.com/office/drawing/2014/main" id="{1D5C00C8-656E-3EA3-11EA-F7240F2E7C51}"/>
              </a:ext>
              <a:ext uri="{C183D7F6-B498-43B3-948B-1728B52AA6E4}">
                <adec:decorative xmlns:adec="http://schemas.microsoft.com/office/drawing/2017/decorative" val="0"/>
              </a:ext>
            </a:extLst>
          </p:cNvPr>
          <p:cNvSpPr>
            <a:spLocks/>
          </p:cNvSpPr>
          <p:nvPr/>
        </p:nvSpPr>
        <p:spPr>
          <a:xfrm>
            <a:off x="9696141" y="4042473"/>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3. KBH. Kommune</a:t>
            </a:r>
            <a:endParaRPr lang="da-DK" sz="500" noProof="0" dirty="0">
              <a:solidFill>
                <a:schemeClr val="bg1"/>
              </a:solidFill>
            </a:endParaRPr>
          </a:p>
        </p:txBody>
      </p:sp>
      <p:sp>
        <p:nvSpPr>
          <p:cNvPr id="535" name="Rectangle: Rounded Corners 382">
            <a:extLst>
              <a:ext uri="{FF2B5EF4-FFF2-40B4-BE49-F238E27FC236}">
                <a16:creationId xmlns:a16="http://schemas.microsoft.com/office/drawing/2014/main" id="{D0944B4D-C06E-0F2F-4F5B-0B6A7B5F90B8}"/>
              </a:ext>
              <a:ext uri="{C183D7F6-B498-43B3-948B-1728B52AA6E4}">
                <adec:decorative xmlns:adec="http://schemas.microsoft.com/office/drawing/2017/decorative" val="0"/>
              </a:ext>
            </a:extLst>
          </p:cNvPr>
          <p:cNvSpPr>
            <a:spLocks/>
          </p:cNvSpPr>
          <p:nvPr/>
        </p:nvSpPr>
        <p:spPr>
          <a:xfrm>
            <a:off x="10261925" y="4042473"/>
            <a:ext cx="529784" cy="23945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4. Finansiel sektor</a:t>
            </a:r>
            <a:endParaRPr lang="da-DK" sz="500" noProof="0">
              <a:solidFill>
                <a:schemeClr val="bg1"/>
              </a:solidFill>
            </a:endParaRPr>
          </a:p>
        </p:txBody>
      </p:sp>
      <p:sp>
        <p:nvSpPr>
          <p:cNvPr id="536" name="Rectangle: Rounded Corners 382">
            <a:extLst>
              <a:ext uri="{FF2B5EF4-FFF2-40B4-BE49-F238E27FC236}">
                <a16:creationId xmlns:a16="http://schemas.microsoft.com/office/drawing/2014/main" id="{B1B8D14C-F428-BBFC-22C7-24DAAB47B2B4}"/>
              </a:ext>
              <a:ext uri="{C183D7F6-B498-43B3-948B-1728B52AA6E4}">
                <adec:decorative xmlns:adec="http://schemas.microsoft.com/office/drawing/2017/decorative" val="0"/>
              </a:ext>
            </a:extLst>
          </p:cNvPr>
          <p:cNvSpPr>
            <a:spLocks/>
          </p:cNvSpPr>
          <p:nvPr/>
        </p:nvSpPr>
        <p:spPr>
          <a:xfrm>
            <a:off x="10827710" y="4042473"/>
            <a:ext cx="529784" cy="23945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5. Bankdata</a:t>
            </a:r>
          </a:p>
        </p:txBody>
      </p:sp>
      <p:sp>
        <p:nvSpPr>
          <p:cNvPr id="34" name="Rectangle 36">
            <a:extLst>
              <a:ext uri="{FF2B5EF4-FFF2-40B4-BE49-F238E27FC236}">
                <a16:creationId xmlns:a16="http://schemas.microsoft.com/office/drawing/2014/main" id="{1F18D987-6220-CA64-D762-B630666954D5}"/>
              </a:ext>
            </a:extLst>
          </p:cNvPr>
          <p:cNvSpPr>
            <a:spLocks/>
          </p:cNvSpPr>
          <p:nvPr/>
        </p:nvSpPr>
        <p:spPr>
          <a:xfrm>
            <a:off x="1007284" y="4342859"/>
            <a:ext cx="1818543"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atadeling og basis-software</a:t>
            </a:r>
          </a:p>
        </p:txBody>
      </p:sp>
      <p:sp>
        <p:nvSpPr>
          <p:cNvPr id="538" name="Rectangle: Rounded Corners 133">
            <a:extLst>
              <a:ext uri="{FF2B5EF4-FFF2-40B4-BE49-F238E27FC236}">
                <a16:creationId xmlns:a16="http://schemas.microsoft.com/office/drawing/2014/main" id="{79D4127D-D870-8387-0EF6-823A3A28E718}"/>
              </a:ext>
            </a:extLst>
          </p:cNvPr>
          <p:cNvSpPr>
            <a:spLocks/>
          </p:cNvSpPr>
          <p:nvPr/>
        </p:nvSpPr>
        <p:spPr>
          <a:xfrm>
            <a:off x="2906551" y="4357540"/>
            <a:ext cx="529784" cy="23945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1. </a:t>
            </a:r>
            <a:r>
              <a:rPr lang="da-DK" sz="500" b="1" noProof="0" err="1"/>
              <a:t>EuroStack</a:t>
            </a:r>
            <a:r>
              <a:rPr lang="da-DK" sz="500" b="1" noProof="0"/>
              <a:t>*</a:t>
            </a:r>
            <a:endParaRPr lang="da-DK" sz="500" noProof="0"/>
          </a:p>
        </p:txBody>
      </p:sp>
      <p:sp>
        <p:nvSpPr>
          <p:cNvPr id="541" name="Rectangle: Rounded Corners 361">
            <a:extLst>
              <a:ext uri="{FF2B5EF4-FFF2-40B4-BE49-F238E27FC236}">
                <a16:creationId xmlns:a16="http://schemas.microsoft.com/office/drawing/2014/main" id="{6B3A73AE-5ED3-F154-7A70-5F4F57B68276}"/>
              </a:ext>
            </a:extLst>
          </p:cNvPr>
          <p:cNvSpPr>
            <a:spLocks/>
          </p:cNvSpPr>
          <p:nvPr/>
        </p:nvSpPr>
        <p:spPr>
          <a:xfrm>
            <a:off x="4038119" y="4357540"/>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t>3. Schleswig-Holstein</a:t>
            </a:r>
            <a:endParaRPr lang="da-DK" sz="500" noProof="0" dirty="0"/>
          </a:p>
        </p:txBody>
      </p:sp>
      <p:sp>
        <p:nvSpPr>
          <p:cNvPr id="542" name="Rectangle: Rounded Corners 364">
            <a:extLst>
              <a:ext uri="{FF2B5EF4-FFF2-40B4-BE49-F238E27FC236}">
                <a16:creationId xmlns:a16="http://schemas.microsoft.com/office/drawing/2014/main" id="{B3E6B657-3404-DF48-84BF-307978977068}"/>
              </a:ext>
            </a:extLst>
          </p:cNvPr>
          <p:cNvSpPr>
            <a:spLocks/>
          </p:cNvSpPr>
          <p:nvPr/>
        </p:nvSpPr>
        <p:spPr>
          <a:xfrm>
            <a:off x="4603903" y="4357540"/>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4. </a:t>
            </a:r>
            <a:r>
              <a:rPr lang="da-DK" sz="500" b="1" noProof="0" err="1"/>
              <a:t>ZenDiS</a:t>
            </a:r>
            <a:endParaRPr lang="da-DK" sz="500" noProof="0"/>
          </a:p>
        </p:txBody>
      </p:sp>
      <p:sp>
        <p:nvSpPr>
          <p:cNvPr id="545" name="Rectangle: Rounded Corners 370">
            <a:extLst>
              <a:ext uri="{FF2B5EF4-FFF2-40B4-BE49-F238E27FC236}">
                <a16:creationId xmlns:a16="http://schemas.microsoft.com/office/drawing/2014/main" id="{41FFCBD5-85FB-C0D4-B5CE-A277E27BEC8E}"/>
              </a:ext>
            </a:extLst>
          </p:cNvPr>
          <p:cNvSpPr>
            <a:spLocks/>
          </p:cNvSpPr>
          <p:nvPr/>
        </p:nvSpPr>
        <p:spPr>
          <a:xfrm>
            <a:off x="5735471" y="4357540"/>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6. UK Home Office</a:t>
            </a:r>
            <a:endParaRPr lang="da-DK" sz="500" noProof="0"/>
          </a:p>
        </p:txBody>
      </p:sp>
      <p:sp>
        <p:nvSpPr>
          <p:cNvPr id="548" name="Rectangle: Rounded Corners 376">
            <a:extLst>
              <a:ext uri="{FF2B5EF4-FFF2-40B4-BE49-F238E27FC236}">
                <a16:creationId xmlns:a16="http://schemas.microsoft.com/office/drawing/2014/main" id="{58EABDEA-1D66-9BD1-7DA4-DC1462B9206E}"/>
              </a:ext>
              <a:ext uri="{C183D7F6-B498-43B3-948B-1728B52AA6E4}">
                <adec:decorative xmlns:adec="http://schemas.microsoft.com/office/drawing/2017/decorative" val="0"/>
              </a:ext>
            </a:extLst>
          </p:cNvPr>
          <p:cNvSpPr>
            <a:spLocks/>
          </p:cNvSpPr>
          <p:nvPr/>
        </p:nvSpPr>
        <p:spPr>
          <a:xfrm>
            <a:off x="6301437" y="4357540"/>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7</a:t>
            </a:r>
            <a:r>
              <a:rPr lang="da-DK" sz="500" b="1" noProof="0">
                <a:solidFill>
                  <a:schemeClr val="bg1"/>
                </a:solidFill>
              </a:rPr>
              <a:t>. STIL</a:t>
            </a:r>
            <a:endParaRPr lang="da-DK" sz="500" noProof="0">
              <a:solidFill>
                <a:schemeClr val="bg1"/>
              </a:solidFill>
            </a:endParaRPr>
          </a:p>
        </p:txBody>
      </p:sp>
      <p:sp>
        <p:nvSpPr>
          <p:cNvPr id="550" name="Rectangle: Rounded Corners 379">
            <a:extLst>
              <a:ext uri="{FF2B5EF4-FFF2-40B4-BE49-F238E27FC236}">
                <a16:creationId xmlns:a16="http://schemas.microsoft.com/office/drawing/2014/main" id="{3D53F879-F47E-A8BC-D26F-EFD2E722B7FE}"/>
              </a:ext>
              <a:ext uri="{C183D7F6-B498-43B3-948B-1728B52AA6E4}">
                <adec:decorative xmlns:adec="http://schemas.microsoft.com/office/drawing/2017/decorative" val="0"/>
              </a:ext>
            </a:extLst>
          </p:cNvPr>
          <p:cNvSpPr>
            <a:spLocks/>
          </p:cNvSpPr>
          <p:nvPr/>
        </p:nvSpPr>
        <p:spPr>
          <a:xfrm>
            <a:off x="6867221" y="4357540"/>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600" b="1" noProof="0" dirty="0">
                <a:solidFill>
                  <a:schemeClr val="bg1"/>
                </a:solidFill>
              </a:rPr>
              <a:t>8</a:t>
            </a:r>
            <a:r>
              <a:rPr lang="da-DK" sz="600" b="1" noProof="0">
                <a:solidFill>
                  <a:schemeClr val="bg1"/>
                </a:solidFill>
              </a:rPr>
              <a:t>. OS2</a:t>
            </a:r>
            <a:endParaRPr lang="da-DK" sz="600" noProof="0">
              <a:solidFill>
                <a:schemeClr val="bg1"/>
              </a:solidFill>
            </a:endParaRPr>
          </a:p>
        </p:txBody>
      </p:sp>
      <p:sp>
        <p:nvSpPr>
          <p:cNvPr id="551" name="Rectangle: Rounded Corners 397">
            <a:extLst>
              <a:ext uri="{FF2B5EF4-FFF2-40B4-BE49-F238E27FC236}">
                <a16:creationId xmlns:a16="http://schemas.microsoft.com/office/drawing/2014/main" id="{CF5A0EAB-7D43-D888-E7DB-932BF30EC525}"/>
              </a:ext>
              <a:ext uri="{C183D7F6-B498-43B3-948B-1728B52AA6E4}">
                <adec:decorative xmlns:adec="http://schemas.microsoft.com/office/drawing/2017/decorative" val="0"/>
              </a:ext>
            </a:extLst>
          </p:cNvPr>
          <p:cNvSpPr>
            <a:spLocks/>
          </p:cNvSpPr>
          <p:nvPr/>
        </p:nvSpPr>
        <p:spPr>
          <a:xfrm>
            <a:off x="7433005" y="4357540"/>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9</a:t>
            </a:r>
            <a:r>
              <a:rPr lang="da-DK" sz="500" b="1" noProof="0">
                <a:solidFill>
                  <a:schemeClr val="bg1"/>
                </a:solidFill>
              </a:rPr>
              <a:t>. KOMBIT</a:t>
            </a:r>
            <a:endParaRPr lang="da-DK" sz="500" noProof="0">
              <a:solidFill>
                <a:schemeClr val="bg1"/>
              </a:solidFill>
            </a:endParaRPr>
          </a:p>
        </p:txBody>
      </p:sp>
      <p:sp>
        <p:nvSpPr>
          <p:cNvPr id="553" name="Rectangle: Rounded Corners 382">
            <a:extLst>
              <a:ext uri="{FF2B5EF4-FFF2-40B4-BE49-F238E27FC236}">
                <a16:creationId xmlns:a16="http://schemas.microsoft.com/office/drawing/2014/main" id="{057026BC-149C-67E4-0382-E45C75FF0287}"/>
              </a:ext>
              <a:ext uri="{C183D7F6-B498-43B3-948B-1728B52AA6E4}">
                <adec:decorative xmlns:adec="http://schemas.microsoft.com/office/drawing/2017/decorative" val="0"/>
              </a:ext>
            </a:extLst>
          </p:cNvPr>
          <p:cNvSpPr>
            <a:spLocks/>
          </p:cNvSpPr>
          <p:nvPr/>
        </p:nvSpPr>
        <p:spPr>
          <a:xfrm>
            <a:off x="7998789" y="4357540"/>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0. Aarhus Kommune</a:t>
            </a:r>
            <a:endParaRPr lang="da-DK" sz="500" noProof="0">
              <a:solidFill>
                <a:schemeClr val="bg1"/>
              </a:solidFill>
            </a:endParaRPr>
          </a:p>
        </p:txBody>
      </p:sp>
      <p:sp>
        <p:nvSpPr>
          <p:cNvPr id="557" name="Rectangle: Rounded Corners 382">
            <a:extLst>
              <a:ext uri="{FF2B5EF4-FFF2-40B4-BE49-F238E27FC236}">
                <a16:creationId xmlns:a16="http://schemas.microsoft.com/office/drawing/2014/main" id="{6BCEB206-57CF-FEC5-4A7B-096E7313A3BF}"/>
              </a:ext>
              <a:ext uri="{C183D7F6-B498-43B3-948B-1728B52AA6E4}">
                <adec:decorative xmlns:adec="http://schemas.microsoft.com/office/drawing/2017/decorative" val="0"/>
              </a:ext>
            </a:extLst>
          </p:cNvPr>
          <p:cNvSpPr>
            <a:spLocks/>
          </p:cNvSpPr>
          <p:nvPr/>
        </p:nvSpPr>
        <p:spPr>
          <a:xfrm>
            <a:off x="9696141" y="4357540"/>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3. KBH. Kommune</a:t>
            </a:r>
            <a:endParaRPr lang="da-DK" sz="500" noProof="0" dirty="0">
              <a:solidFill>
                <a:schemeClr val="bg1"/>
              </a:solidFill>
            </a:endParaRPr>
          </a:p>
        </p:txBody>
      </p:sp>
      <p:sp>
        <p:nvSpPr>
          <p:cNvPr id="559" name="Rectangle: Rounded Corners 382">
            <a:extLst>
              <a:ext uri="{FF2B5EF4-FFF2-40B4-BE49-F238E27FC236}">
                <a16:creationId xmlns:a16="http://schemas.microsoft.com/office/drawing/2014/main" id="{B78C828D-BAA2-2304-5EBD-FEC7A8B4386D}"/>
              </a:ext>
              <a:ext uri="{C183D7F6-B498-43B3-948B-1728B52AA6E4}">
                <adec:decorative xmlns:adec="http://schemas.microsoft.com/office/drawing/2017/decorative" val="0"/>
              </a:ext>
            </a:extLst>
          </p:cNvPr>
          <p:cNvSpPr>
            <a:spLocks/>
          </p:cNvSpPr>
          <p:nvPr/>
        </p:nvSpPr>
        <p:spPr>
          <a:xfrm>
            <a:off x="10261925" y="4357540"/>
            <a:ext cx="529784" cy="23945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4. Finansiel sektor</a:t>
            </a:r>
            <a:endParaRPr lang="da-DK" sz="500" noProof="0">
              <a:solidFill>
                <a:schemeClr val="bg1"/>
              </a:solidFill>
            </a:endParaRPr>
          </a:p>
        </p:txBody>
      </p:sp>
      <p:sp>
        <p:nvSpPr>
          <p:cNvPr id="560" name="Rectangle: Rounded Corners 382">
            <a:extLst>
              <a:ext uri="{FF2B5EF4-FFF2-40B4-BE49-F238E27FC236}">
                <a16:creationId xmlns:a16="http://schemas.microsoft.com/office/drawing/2014/main" id="{7AB9889B-308D-EE4A-6361-E487BB076231}"/>
              </a:ext>
              <a:ext uri="{C183D7F6-B498-43B3-948B-1728B52AA6E4}">
                <adec:decorative xmlns:adec="http://schemas.microsoft.com/office/drawing/2017/decorative" val="0"/>
              </a:ext>
            </a:extLst>
          </p:cNvPr>
          <p:cNvSpPr>
            <a:spLocks/>
          </p:cNvSpPr>
          <p:nvPr/>
        </p:nvSpPr>
        <p:spPr>
          <a:xfrm>
            <a:off x="10827710" y="4357540"/>
            <a:ext cx="529784" cy="23945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5. Bankdata</a:t>
            </a:r>
            <a:endParaRPr lang="da-DK" sz="500" noProof="0">
              <a:solidFill>
                <a:schemeClr val="bg1"/>
              </a:solidFill>
            </a:endParaRPr>
          </a:p>
        </p:txBody>
      </p:sp>
      <p:sp>
        <p:nvSpPr>
          <p:cNvPr id="32" name="Rectangle: Rounded Corners 6">
            <a:extLst>
              <a:ext uri="{FF2B5EF4-FFF2-40B4-BE49-F238E27FC236}">
                <a16:creationId xmlns:a16="http://schemas.microsoft.com/office/drawing/2014/main" id="{C770C140-65DF-83CE-902F-6B8EC884AC38}"/>
              </a:ext>
            </a:extLst>
          </p:cNvPr>
          <p:cNvSpPr>
            <a:spLocks/>
          </p:cNvSpPr>
          <p:nvPr/>
        </p:nvSpPr>
        <p:spPr>
          <a:xfrm>
            <a:off x="570368" y="4699306"/>
            <a:ext cx="395915" cy="1322419"/>
          </a:xfrm>
          <a:prstGeom prst="roundRect">
            <a:avLst>
              <a:gd name="adj" fmla="val 6579"/>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endParaRPr lang="da-DK" sz="1000" b="1" noProof="0" dirty="0">
              <a:solidFill>
                <a:schemeClr val="tx1"/>
              </a:solidFill>
            </a:endParaRPr>
          </a:p>
          <a:p>
            <a:pPr algn="ctr"/>
            <a:r>
              <a:rPr lang="da-DK" sz="1000" b="1" noProof="0" dirty="0">
                <a:solidFill>
                  <a:schemeClr val="tx1"/>
                </a:solidFill>
              </a:rPr>
              <a:t>It-infrastruktur</a:t>
            </a:r>
          </a:p>
          <a:p>
            <a:pPr algn="ctr"/>
            <a:endParaRPr lang="da-DK" sz="1000" b="1" noProof="0" dirty="0">
              <a:solidFill>
                <a:schemeClr val="tx1"/>
              </a:solidFill>
            </a:endParaRPr>
          </a:p>
        </p:txBody>
      </p:sp>
      <p:sp>
        <p:nvSpPr>
          <p:cNvPr id="41" name="Rectangle 36">
            <a:extLst>
              <a:ext uri="{FF2B5EF4-FFF2-40B4-BE49-F238E27FC236}">
                <a16:creationId xmlns:a16="http://schemas.microsoft.com/office/drawing/2014/main" id="{34608B2B-907E-9C89-5BFB-C1BC6116AA2B}"/>
              </a:ext>
            </a:extLst>
          </p:cNvPr>
          <p:cNvSpPr>
            <a:spLocks/>
          </p:cNvSpPr>
          <p:nvPr/>
        </p:nvSpPr>
        <p:spPr>
          <a:xfrm>
            <a:off x="1007284" y="4740482"/>
            <a:ext cx="1818543"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solidFill>
                  <a:schemeClr val="tx1"/>
                </a:solidFill>
              </a:rPr>
              <a:t>Devices og slutbrugerudstyr</a:t>
            </a:r>
          </a:p>
        </p:txBody>
      </p:sp>
      <p:sp>
        <p:nvSpPr>
          <p:cNvPr id="562" name="Rectangle: Rounded Corners 133">
            <a:extLst>
              <a:ext uri="{FF2B5EF4-FFF2-40B4-BE49-F238E27FC236}">
                <a16:creationId xmlns:a16="http://schemas.microsoft.com/office/drawing/2014/main" id="{48EC03C6-1361-8C57-CD8D-941A6C18265F}"/>
              </a:ext>
            </a:extLst>
          </p:cNvPr>
          <p:cNvSpPr>
            <a:spLocks/>
          </p:cNvSpPr>
          <p:nvPr/>
        </p:nvSpPr>
        <p:spPr>
          <a:xfrm>
            <a:off x="2906551" y="4758223"/>
            <a:ext cx="529784" cy="23945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1. </a:t>
            </a:r>
            <a:r>
              <a:rPr lang="da-DK" sz="500" b="1" noProof="0" err="1"/>
              <a:t>EuroStack</a:t>
            </a:r>
            <a:r>
              <a:rPr lang="da-DK" sz="500" b="1" noProof="0"/>
              <a:t>*</a:t>
            </a:r>
            <a:endParaRPr lang="da-DK" sz="500" noProof="0"/>
          </a:p>
        </p:txBody>
      </p:sp>
      <p:sp>
        <p:nvSpPr>
          <p:cNvPr id="575" name="Rectangle: Rounded Corners 379">
            <a:extLst>
              <a:ext uri="{FF2B5EF4-FFF2-40B4-BE49-F238E27FC236}">
                <a16:creationId xmlns:a16="http://schemas.microsoft.com/office/drawing/2014/main" id="{10B4A53A-E557-2E1B-556F-05BE0A3ACA13}"/>
              </a:ext>
              <a:ext uri="{C183D7F6-B498-43B3-948B-1728B52AA6E4}">
                <adec:decorative xmlns:adec="http://schemas.microsoft.com/office/drawing/2017/decorative" val="0"/>
              </a:ext>
            </a:extLst>
          </p:cNvPr>
          <p:cNvSpPr>
            <a:spLocks/>
          </p:cNvSpPr>
          <p:nvPr/>
        </p:nvSpPr>
        <p:spPr>
          <a:xfrm>
            <a:off x="6867221" y="4758223"/>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600" b="1" noProof="0" dirty="0">
                <a:solidFill>
                  <a:schemeClr val="bg1"/>
                </a:solidFill>
              </a:rPr>
              <a:t>8. OS2</a:t>
            </a:r>
          </a:p>
        </p:txBody>
      </p:sp>
      <p:sp>
        <p:nvSpPr>
          <p:cNvPr id="202" name="Rectangle: Rounded Corners 382">
            <a:extLst>
              <a:ext uri="{FF2B5EF4-FFF2-40B4-BE49-F238E27FC236}">
                <a16:creationId xmlns:a16="http://schemas.microsoft.com/office/drawing/2014/main" id="{1CCC5448-0834-500A-78CD-80AF0AF77D3E}"/>
              </a:ext>
              <a:ext uri="{C183D7F6-B498-43B3-948B-1728B52AA6E4}">
                <adec:decorative xmlns:adec="http://schemas.microsoft.com/office/drawing/2017/decorative" val="0"/>
              </a:ext>
            </a:extLst>
          </p:cNvPr>
          <p:cNvSpPr>
            <a:spLocks/>
          </p:cNvSpPr>
          <p:nvPr/>
        </p:nvSpPr>
        <p:spPr>
          <a:xfrm>
            <a:off x="9130357" y="4758223"/>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2. Region Syd</a:t>
            </a:r>
            <a:endParaRPr lang="da-DK" sz="500" noProof="0">
              <a:solidFill>
                <a:schemeClr val="bg1"/>
              </a:solidFill>
            </a:endParaRPr>
          </a:p>
        </p:txBody>
      </p:sp>
      <p:sp>
        <p:nvSpPr>
          <p:cNvPr id="204" name="Rectangle: Rounded Corners 382">
            <a:extLst>
              <a:ext uri="{FF2B5EF4-FFF2-40B4-BE49-F238E27FC236}">
                <a16:creationId xmlns:a16="http://schemas.microsoft.com/office/drawing/2014/main" id="{4B611C86-8082-19F8-9623-DE0DF68F8918}"/>
              </a:ext>
              <a:ext uri="{C183D7F6-B498-43B3-948B-1728B52AA6E4}">
                <adec:decorative xmlns:adec="http://schemas.microsoft.com/office/drawing/2017/decorative" val="0"/>
              </a:ext>
            </a:extLst>
          </p:cNvPr>
          <p:cNvSpPr>
            <a:spLocks/>
          </p:cNvSpPr>
          <p:nvPr/>
        </p:nvSpPr>
        <p:spPr>
          <a:xfrm>
            <a:off x="9696141" y="4758223"/>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3. KBH. Kommune</a:t>
            </a:r>
          </a:p>
        </p:txBody>
      </p:sp>
      <p:sp>
        <p:nvSpPr>
          <p:cNvPr id="40" name="Rectangle 36">
            <a:extLst>
              <a:ext uri="{FF2B5EF4-FFF2-40B4-BE49-F238E27FC236}">
                <a16:creationId xmlns:a16="http://schemas.microsoft.com/office/drawing/2014/main" id="{D8546750-BBD4-D85B-4669-330B16C4D366}"/>
              </a:ext>
            </a:extLst>
          </p:cNvPr>
          <p:cNvSpPr>
            <a:spLocks/>
          </p:cNvSpPr>
          <p:nvPr/>
        </p:nvSpPr>
        <p:spPr>
          <a:xfrm>
            <a:off x="1007284" y="5057138"/>
            <a:ext cx="1818543"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Cloud services</a:t>
            </a:r>
          </a:p>
        </p:txBody>
      </p:sp>
      <p:sp>
        <p:nvSpPr>
          <p:cNvPr id="208" name="Rectangle: Rounded Corners 133">
            <a:extLst>
              <a:ext uri="{FF2B5EF4-FFF2-40B4-BE49-F238E27FC236}">
                <a16:creationId xmlns:a16="http://schemas.microsoft.com/office/drawing/2014/main" id="{B925A998-06AC-2A41-7144-8FFFB856CC1E}"/>
              </a:ext>
            </a:extLst>
          </p:cNvPr>
          <p:cNvSpPr>
            <a:spLocks/>
          </p:cNvSpPr>
          <p:nvPr/>
        </p:nvSpPr>
        <p:spPr>
          <a:xfrm>
            <a:off x="2906551" y="5072556"/>
            <a:ext cx="529784" cy="23945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1. </a:t>
            </a:r>
            <a:r>
              <a:rPr lang="da-DK" sz="500" b="1" noProof="0" err="1"/>
              <a:t>EuroStack</a:t>
            </a:r>
            <a:r>
              <a:rPr lang="da-DK" sz="500" b="1" noProof="0"/>
              <a:t>*</a:t>
            </a:r>
            <a:endParaRPr lang="da-DK" sz="500" noProof="0"/>
          </a:p>
        </p:txBody>
      </p:sp>
      <p:sp>
        <p:nvSpPr>
          <p:cNvPr id="210" name="Rectangle: Rounded Corners 358">
            <a:extLst>
              <a:ext uri="{FF2B5EF4-FFF2-40B4-BE49-F238E27FC236}">
                <a16:creationId xmlns:a16="http://schemas.microsoft.com/office/drawing/2014/main" id="{0DAA7451-BD46-B42A-2DF3-8D205C6294F5}"/>
              </a:ext>
              <a:ext uri="{C183D7F6-B498-43B3-948B-1728B52AA6E4}">
                <adec:decorative xmlns:adec="http://schemas.microsoft.com/office/drawing/2017/decorative" val="0"/>
              </a:ext>
            </a:extLst>
          </p:cNvPr>
          <p:cNvSpPr>
            <a:spLocks/>
          </p:cNvSpPr>
          <p:nvPr/>
        </p:nvSpPr>
        <p:spPr>
          <a:xfrm>
            <a:off x="3472335" y="5072556"/>
            <a:ext cx="529784" cy="23945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2. EU Kom.</a:t>
            </a:r>
            <a:endParaRPr lang="da-DK" sz="500" noProof="0"/>
          </a:p>
        </p:txBody>
      </p:sp>
      <p:sp>
        <p:nvSpPr>
          <p:cNvPr id="216" name="Rectangle: Rounded Corners 370">
            <a:extLst>
              <a:ext uri="{FF2B5EF4-FFF2-40B4-BE49-F238E27FC236}">
                <a16:creationId xmlns:a16="http://schemas.microsoft.com/office/drawing/2014/main" id="{3A4E4123-FDCB-12AF-F99B-53DCEDEC6FAF}"/>
              </a:ext>
            </a:extLst>
          </p:cNvPr>
          <p:cNvSpPr>
            <a:spLocks/>
          </p:cNvSpPr>
          <p:nvPr/>
        </p:nvSpPr>
        <p:spPr>
          <a:xfrm>
            <a:off x="5735471" y="5072556"/>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6. UK Home Office</a:t>
            </a:r>
            <a:endParaRPr lang="da-DK" sz="500" noProof="0"/>
          </a:p>
        </p:txBody>
      </p:sp>
      <p:sp>
        <p:nvSpPr>
          <p:cNvPr id="249" name="Rectangle: Rounded Corners 376">
            <a:extLst>
              <a:ext uri="{FF2B5EF4-FFF2-40B4-BE49-F238E27FC236}">
                <a16:creationId xmlns:a16="http://schemas.microsoft.com/office/drawing/2014/main" id="{4D24D2F1-DE5F-CBA9-AB9D-15E18F62C702}"/>
              </a:ext>
              <a:ext uri="{C183D7F6-B498-43B3-948B-1728B52AA6E4}">
                <adec:decorative xmlns:adec="http://schemas.microsoft.com/office/drawing/2017/decorative" val="0"/>
              </a:ext>
            </a:extLst>
          </p:cNvPr>
          <p:cNvSpPr>
            <a:spLocks/>
          </p:cNvSpPr>
          <p:nvPr/>
        </p:nvSpPr>
        <p:spPr>
          <a:xfrm>
            <a:off x="6301437" y="5072556"/>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7. STIL</a:t>
            </a:r>
          </a:p>
        </p:txBody>
      </p:sp>
      <p:sp>
        <p:nvSpPr>
          <p:cNvPr id="268" name="Rectangle: Rounded Corners 382">
            <a:extLst>
              <a:ext uri="{FF2B5EF4-FFF2-40B4-BE49-F238E27FC236}">
                <a16:creationId xmlns:a16="http://schemas.microsoft.com/office/drawing/2014/main" id="{AC5EB246-314E-3D52-95A2-EFD74781811C}"/>
              </a:ext>
              <a:ext uri="{C183D7F6-B498-43B3-948B-1728B52AA6E4}">
                <adec:decorative xmlns:adec="http://schemas.microsoft.com/office/drawing/2017/decorative" val="0"/>
              </a:ext>
            </a:extLst>
          </p:cNvPr>
          <p:cNvSpPr>
            <a:spLocks/>
          </p:cNvSpPr>
          <p:nvPr/>
        </p:nvSpPr>
        <p:spPr>
          <a:xfrm>
            <a:off x="7998789" y="5072556"/>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0. Aarhus Kommune</a:t>
            </a:r>
            <a:endParaRPr lang="da-DK" sz="500" noProof="0">
              <a:solidFill>
                <a:schemeClr val="bg1"/>
              </a:solidFill>
            </a:endParaRPr>
          </a:p>
        </p:txBody>
      </p:sp>
      <p:sp>
        <p:nvSpPr>
          <p:cNvPr id="270" name="Rectangle: Rounded Corners 382">
            <a:extLst>
              <a:ext uri="{FF2B5EF4-FFF2-40B4-BE49-F238E27FC236}">
                <a16:creationId xmlns:a16="http://schemas.microsoft.com/office/drawing/2014/main" id="{97E72BF3-9267-8762-7C87-69F84277193D}"/>
              </a:ext>
              <a:ext uri="{C183D7F6-B498-43B3-948B-1728B52AA6E4}">
                <adec:decorative xmlns:adec="http://schemas.microsoft.com/office/drawing/2017/decorative" val="0"/>
              </a:ext>
            </a:extLst>
          </p:cNvPr>
          <p:cNvSpPr>
            <a:spLocks/>
          </p:cNvSpPr>
          <p:nvPr/>
        </p:nvSpPr>
        <p:spPr>
          <a:xfrm>
            <a:off x="8564573" y="5072556"/>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1. Aarhus Kom. cloud</a:t>
            </a:r>
            <a:endParaRPr lang="da-DK" sz="500" noProof="0">
              <a:solidFill>
                <a:schemeClr val="bg1"/>
              </a:solidFill>
            </a:endParaRPr>
          </a:p>
        </p:txBody>
      </p:sp>
      <p:sp>
        <p:nvSpPr>
          <p:cNvPr id="271" name="Rectangle: Rounded Corners 382">
            <a:extLst>
              <a:ext uri="{FF2B5EF4-FFF2-40B4-BE49-F238E27FC236}">
                <a16:creationId xmlns:a16="http://schemas.microsoft.com/office/drawing/2014/main" id="{C79DC1F0-1D39-DDBF-16B8-6D4B394189AC}"/>
              </a:ext>
              <a:ext uri="{C183D7F6-B498-43B3-948B-1728B52AA6E4}">
                <adec:decorative xmlns:adec="http://schemas.microsoft.com/office/drawing/2017/decorative" val="0"/>
              </a:ext>
            </a:extLst>
          </p:cNvPr>
          <p:cNvSpPr>
            <a:spLocks/>
          </p:cNvSpPr>
          <p:nvPr/>
        </p:nvSpPr>
        <p:spPr>
          <a:xfrm>
            <a:off x="9130357" y="5072556"/>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2. Region Syd</a:t>
            </a:r>
            <a:endParaRPr lang="da-DK" sz="500" noProof="0">
              <a:solidFill>
                <a:schemeClr val="bg1"/>
              </a:solidFill>
            </a:endParaRPr>
          </a:p>
        </p:txBody>
      </p:sp>
      <p:sp>
        <p:nvSpPr>
          <p:cNvPr id="273" name="Rectangle: Rounded Corners 382">
            <a:extLst>
              <a:ext uri="{FF2B5EF4-FFF2-40B4-BE49-F238E27FC236}">
                <a16:creationId xmlns:a16="http://schemas.microsoft.com/office/drawing/2014/main" id="{C0F8A944-4661-C1F7-98B7-7F6EC42F3D5F}"/>
              </a:ext>
              <a:ext uri="{C183D7F6-B498-43B3-948B-1728B52AA6E4}">
                <adec:decorative xmlns:adec="http://schemas.microsoft.com/office/drawing/2017/decorative" val="0"/>
              </a:ext>
            </a:extLst>
          </p:cNvPr>
          <p:cNvSpPr>
            <a:spLocks/>
          </p:cNvSpPr>
          <p:nvPr/>
        </p:nvSpPr>
        <p:spPr>
          <a:xfrm>
            <a:off x="9696141" y="5072556"/>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3. KBH. Kommune</a:t>
            </a:r>
          </a:p>
        </p:txBody>
      </p:sp>
      <p:sp>
        <p:nvSpPr>
          <p:cNvPr id="274" name="Rectangle: Rounded Corners 382">
            <a:extLst>
              <a:ext uri="{FF2B5EF4-FFF2-40B4-BE49-F238E27FC236}">
                <a16:creationId xmlns:a16="http://schemas.microsoft.com/office/drawing/2014/main" id="{EFA74CC4-7CD1-EB54-4E3F-F441F5658F90}"/>
              </a:ext>
              <a:ext uri="{C183D7F6-B498-43B3-948B-1728B52AA6E4}">
                <adec:decorative xmlns:adec="http://schemas.microsoft.com/office/drawing/2017/decorative" val="0"/>
              </a:ext>
            </a:extLst>
          </p:cNvPr>
          <p:cNvSpPr>
            <a:spLocks/>
          </p:cNvSpPr>
          <p:nvPr/>
        </p:nvSpPr>
        <p:spPr>
          <a:xfrm>
            <a:off x="10261925" y="5072556"/>
            <a:ext cx="529784" cy="23945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4. Finansiel sektor</a:t>
            </a:r>
          </a:p>
        </p:txBody>
      </p:sp>
      <p:sp>
        <p:nvSpPr>
          <p:cNvPr id="276" name="Rectangle: Rounded Corners 382">
            <a:extLst>
              <a:ext uri="{FF2B5EF4-FFF2-40B4-BE49-F238E27FC236}">
                <a16:creationId xmlns:a16="http://schemas.microsoft.com/office/drawing/2014/main" id="{DBB70336-1150-EA2B-7104-A9360340E952}"/>
              </a:ext>
              <a:ext uri="{C183D7F6-B498-43B3-948B-1728B52AA6E4}">
                <adec:decorative xmlns:adec="http://schemas.microsoft.com/office/drawing/2017/decorative" val="0"/>
              </a:ext>
            </a:extLst>
          </p:cNvPr>
          <p:cNvSpPr>
            <a:spLocks/>
          </p:cNvSpPr>
          <p:nvPr/>
        </p:nvSpPr>
        <p:spPr>
          <a:xfrm>
            <a:off x="10827710" y="5072556"/>
            <a:ext cx="529784" cy="23945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5. Bankdata</a:t>
            </a:r>
            <a:endParaRPr lang="da-DK" sz="500" noProof="0">
              <a:solidFill>
                <a:schemeClr val="bg1"/>
              </a:solidFill>
            </a:endParaRPr>
          </a:p>
        </p:txBody>
      </p:sp>
      <p:sp>
        <p:nvSpPr>
          <p:cNvPr id="42" name="Rectangle 36">
            <a:extLst>
              <a:ext uri="{FF2B5EF4-FFF2-40B4-BE49-F238E27FC236}">
                <a16:creationId xmlns:a16="http://schemas.microsoft.com/office/drawing/2014/main" id="{45AA2852-7B18-B36F-C466-7C16043D3EC7}"/>
              </a:ext>
            </a:extLst>
          </p:cNvPr>
          <p:cNvSpPr>
            <a:spLocks/>
          </p:cNvSpPr>
          <p:nvPr/>
        </p:nvSpPr>
        <p:spPr>
          <a:xfrm>
            <a:off x="1007284" y="5384211"/>
            <a:ext cx="1818543"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atacenterinfrastruktur</a:t>
            </a:r>
          </a:p>
        </p:txBody>
      </p:sp>
      <p:sp>
        <p:nvSpPr>
          <p:cNvPr id="277" name="Rectangle: Rounded Corners 133">
            <a:extLst>
              <a:ext uri="{FF2B5EF4-FFF2-40B4-BE49-F238E27FC236}">
                <a16:creationId xmlns:a16="http://schemas.microsoft.com/office/drawing/2014/main" id="{A781A343-05BD-4000-E0FC-B9379A7D4178}"/>
              </a:ext>
            </a:extLst>
          </p:cNvPr>
          <p:cNvSpPr>
            <a:spLocks/>
          </p:cNvSpPr>
          <p:nvPr/>
        </p:nvSpPr>
        <p:spPr>
          <a:xfrm>
            <a:off x="2906551" y="5401952"/>
            <a:ext cx="529784" cy="23945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1. </a:t>
            </a:r>
            <a:r>
              <a:rPr lang="da-DK" sz="500" b="1" noProof="0" err="1"/>
              <a:t>EuroStack</a:t>
            </a:r>
            <a:r>
              <a:rPr lang="da-DK" sz="500" b="1" noProof="0"/>
              <a:t>*</a:t>
            </a:r>
            <a:endParaRPr lang="da-DK" sz="500" noProof="0"/>
          </a:p>
        </p:txBody>
      </p:sp>
      <p:sp>
        <p:nvSpPr>
          <p:cNvPr id="285" name="Rectangle: Rounded Corners 370">
            <a:extLst>
              <a:ext uri="{FF2B5EF4-FFF2-40B4-BE49-F238E27FC236}">
                <a16:creationId xmlns:a16="http://schemas.microsoft.com/office/drawing/2014/main" id="{B1D65437-CBBE-6A3E-B766-824FB5DB710F}"/>
              </a:ext>
            </a:extLst>
          </p:cNvPr>
          <p:cNvSpPr>
            <a:spLocks/>
          </p:cNvSpPr>
          <p:nvPr/>
        </p:nvSpPr>
        <p:spPr>
          <a:xfrm>
            <a:off x="5735471" y="5401952"/>
            <a:ext cx="529784" cy="23945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6. UK Home Office</a:t>
            </a:r>
            <a:endParaRPr lang="da-DK" sz="500" noProof="0"/>
          </a:p>
        </p:txBody>
      </p:sp>
      <p:sp>
        <p:nvSpPr>
          <p:cNvPr id="288" name="Rectangle: Rounded Corners 376">
            <a:extLst>
              <a:ext uri="{FF2B5EF4-FFF2-40B4-BE49-F238E27FC236}">
                <a16:creationId xmlns:a16="http://schemas.microsoft.com/office/drawing/2014/main" id="{976429FF-1F94-E3F6-AD45-F63BE4E0C647}"/>
              </a:ext>
              <a:ext uri="{C183D7F6-B498-43B3-948B-1728B52AA6E4}">
                <adec:decorative xmlns:adec="http://schemas.microsoft.com/office/drawing/2017/decorative" val="0"/>
              </a:ext>
            </a:extLst>
          </p:cNvPr>
          <p:cNvSpPr>
            <a:spLocks/>
          </p:cNvSpPr>
          <p:nvPr/>
        </p:nvSpPr>
        <p:spPr>
          <a:xfrm>
            <a:off x="6301437" y="5401952"/>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7</a:t>
            </a:r>
            <a:r>
              <a:rPr lang="da-DK" sz="500" b="1" noProof="0">
                <a:solidFill>
                  <a:schemeClr val="bg1"/>
                </a:solidFill>
              </a:rPr>
              <a:t>. STIL</a:t>
            </a:r>
            <a:endParaRPr lang="da-DK" sz="500" noProof="0">
              <a:solidFill>
                <a:schemeClr val="bg1"/>
              </a:solidFill>
            </a:endParaRPr>
          </a:p>
        </p:txBody>
      </p:sp>
      <p:sp>
        <p:nvSpPr>
          <p:cNvPr id="43" name="Rectangle 36">
            <a:extLst>
              <a:ext uri="{FF2B5EF4-FFF2-40B4-BE49-F238E27FC236}">
                <a16:creationId xmlns:a16="http://schemas.microsoft.com/office/drawing/2014/main" id="{16D3B7FD-632F-EFF1-3F3B-C60FAC642579}"/>
              </a:ext>
            </a:extLst>
          </p:cNvPr>
          <p:cNvSpPr>
            <a:spLocks/>
          </p:cNvSpPr>
          <p:nvPr/>
        </p:nvSpPr>
        <p:spPr>
          <a:xfrm>
            <a:off x="1007284" y="5705618"/>
            <a:ext cx="1818543"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Netværksinfrastruktur</a:t>
            </a:r>
          </a:p>
        </p:txBody>
      </p:sp>
      <p:sp>
        <p:nvSpPr>
          <p:cNvPr id="301" name="Rectangle: Rounded Corners 133">
            <a:extLst>
              <a:ext uri="{FF2B5EF4-FFF2-40B4-BE49-F238E27FC236}">
                <a16:creationId xmlns:a16="http://schemas.microsoft.com/office/drawing/2014/main" id="{CA21F2E1-C06D-2D94-4DAB-B2D94245FBB3}"/>
              </a:ext>
            </a:extLst>
          </p:cNvPr>
          <p:cNvSpPr>
            <a:spLocks/>
          </p:cNvSpPr>
          <p:nvPr/>
        </p:nvSpPr>
        <p:spPr>
          <a:xfrm>
            <a:off x="2906551" y="5723359"/>
            <a:ext cx="529784" cy="23945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1. </a:t>
            </a:r>
            <a:r>
              <a:rPr lang="da-DK" sz="500" b="1" noProof="0" err="1"/>
              <a:t>EuroStack</a:t>
            </a:r>
            <a:r>
              <a:rPr lang="da-DK" sz="500" b="1" noProof="0"/>
              <a:t>*</a:t>
            </a:r>
            <a:endParaRPr lang="da-DK" sz="500" noProof="0"/>
          </a:p>
        </p:txBody>
      </p:sp>
      <p:sp>
        <p:nvSpPr>
          <p:cNvPr id="314" name="Rectangle: Rounded Corners 379">
            <a:extLst>
              <a:ext uri="{FF2B5EF4-FFF2-40B4-BE49-F238E27FC236}">
                <a16:creationId xmlns:a16="http://schemas.microsoft.com/office/drawing/2014/main" id="{EBCFF581-1DAD-6D2C-CED2-E82A8BD73868}"/>
              </a:ext>
              <a:ext uri="{C183D7F6-B498-43B3-948B-1728B52AA6E4}">
                <adec:decorative xmlns:adec="http://schemas.microsoft.com/office/drawing/2017/decorative" val="0"/>
              </a:ext>
            </a:extLst>
          </p:cNvPr>
          <p:cNvSpPr>
            <a:spLocks/>
          </p:cNvSpPr>
          <p:nvPr/>
        </p:nvSpPr>
        <p:spPr>
          <a:xfrm>
            <a:off x="6867221" y="5723359"/>
            <a:ext cx="529784" cy="23945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600" b="1" noProof="0" dirty="0">
                <a:solidFill>
                  <a:schemeClr val="bg1"/>
                </a:solidFill>
              </a:rPr>
              <a:t>8</a:t>
            </a:r>
            <a:r>
              <a:rPr lang="da-DK" sz="600" b="1" noProof="0">
                <a:solidFill>
                  <a:schemeClr val="bg1"/>
                </a:solidFill>
              </a:rPr>
              <a:t>. OS2</a:t>
            </a:r>
            <a:endParaRPr lang="da-DK" sz="600" noProof="0">
              <a:solidFill>
                <a:schemeClr val="bg1"/>
              </a:solidFill>
            </a:endParaRPr>
          </a:p>
        </p:txBody>
      </p:sp>
      <p:sp>
        <p:nvSpPr>
          <p:cNvPr id="31" name="Rectangle: Rounded Corners 5">
            <a:extLst>
              <a:ext uri="{FF2B5EF4-FFF2-40B4-BE49-F238E27FC236}">
                <a16:creationId xmlns:a16="http://schemas.microsoft.com/office/drawing/2014/main" id="{7787467E-46E6-72F3-07D0-E730C8F737EC}"/>
              </a:ext>
            </a:extLst>
          </p:cNvPr>
          <p:cNvSpPr>
            <a:spLocks/>
          </p:cNvSpPr>
          <p:nvPr/>
        </p:nvSpPr>
        <p:spPr>
          <a:xfrm>
            <a:off x="570368" y="3038643"/>
            <a:ext cx="395915" cy="1603940"/>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1000" b="1" noProof="0">
                <a:solidFill>
                  <a:schemeClr val="tx1"/>
                </a:solidFill>
              </a:rPr>
              <a:t>Digitale løsninger</a:t>
            </a:r>
          </a:p>
        </p:txBody>
      </p:sp>
      <p:grpSp>
        <p:nvGrpSpPr>
          <p:cNvPr id="461" name="Group 460">
            <a:extLst>
              <a:ext uri="{FF2B5EF4-FFF2-40B4-BE49-F238E27FC236}">
                <a16:creationId xmlns:a16="http://schemas.microsoft.com/office/drawing/2014/main" id="{B98C49CB-B1AC-D78C-393D-2419424149B1}"/>
              </a:ext>
              <a:ext uri="{C183D7F6-B498-43B3-948B-1728B52AA6E4}">
                <adec:decorative xmlns:adec="http://schemas.microsoft.com/office/drawing/2017/decorative" val="1"/>
              </a:ext>
            </a:extLst>
          </p:cNvPr>
          <p:cNvGrpSpPr/>
          <p:nvPr/>
        </p:nvGrpSpPr>
        <p:grpSpPr>
          <a:xfrm>
            <a:off x="2886280" y="3071931"/>
            <a:ext cx="8515149" cy="2908619"/>
            <a:chOff x="2886281" y="3071931"/>
            <a:chExt cx="8477214" cy="2908619"/>
          </a:xfrm>
        </p:grpSpPr>
        <p:sp>
          <p:nvSpPr>
            <p:cNvPr id="79" name="Rectangle 36">
              <a:extLst>
                <a:ext uri="{FF2B5EF4-FFF2-40B4-BE49-F238E27FC236}">
                  <a16:creationId xmlns:a16="http://schemas.microsoft.com/office/drawing/2014/main" id="{FECE096D-AFE2-3C88-086E-F71440DE135F}"/>
                </a:ext>
              </a:extLst>
            </p:cNvPr>
            <p:cNvSpPr>
              <a:spLocks/>
            </p:cNvSpPr>
            <p:nvPr/>
          </p:nvSpPr>
          <p:spPr>
            <a:xfrm>
              <a:off x="2886285" y="3380741"/>
              <a:ext cx="8477210"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600" noProof="0">
                <a:solidFill>
                  <a:schemeClr val="tx1"/>
                </a:solidFill>
              </a:endParaRPr>
            </a:p>
          </p:txBody>
        </p:sp>
        <p:sp>
          <p:nvSpPr>
            <p:cNvPr id="80" name="Rectangle 36">
              <a:extLst>
                <a:ext uri="{FF2B5EF4-FFF2-40B4-BE49-F238E27FC236}">
                  <a16:creationId xmlns:a16="http://schemas.microsoft.com/office/drawing/2014/main" id="{C8B90AB9-E12C-230B-F0CD-00A4C4203A19}"/>
                </a:ext>
              </a:extLst>
            </p:cNvPr>
            <p:cNvSpPr>
              <a:spLocks/>
            </p:cNvSpPr>
            <p:nvPr/>
          </p:nvSpPr>
          <p:spPr>
            <a:xfrm>
              <a:off x="2886281" y="3707395"/>
              <a:ext cx="8477210"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600" noProof="0">
                <a:solidFill>
                  <a:schemeClr val="tx1"/>
                </a:solidFill>
              </a:endParaRPr>
            </a:p>
          </p:txBody>
        </p:sp>
        <p:sp>
          <p:nvSpPr>
            <p:cNvPr id="81" name="Rectangle 36">
              <a:extLst>
                <a:ext uri="{FF2B5EF4-FFF2-40B4-BE49-F238E27FC236}">
                  <a16:creationId xmlns:a16="http://schemas.microsoft.com/office/drawing/2014/main" id="{9FFB3F49-BC38-2673-5167-53E91BAD58AE}"/>
                </a:ext>
              </a:extLst>
            </p:cNvPr>
            <p:cNvSpPr>
              <a:spLocks/>
            </p:cNvSpPr>
            <p:nvPr/>
          </p:nvSpPr>
          <p:spPr>
            <a:xfrm>
              <a:off x="2886282" y="3071931"/>
              <a:ext cx="8477201"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defTabSz="914400" eaLnBrk="0" fontAlgn="base" hangingPunct="0">
                <a:spcBef>
                  <a:spcPct val="0"/>
                </a:spcBef>
                <a:spcAft>
                  <a:spcPct val="0"/>
                </a:spcAft>
              </a:pPr>
              <a:endParaRPr lang="da-DK" sz="600" noProof="0">
                <a:solidFill>
                  <a:schemeClr val="tx1"/>
                </a:solidFill>
              </a:endParaRPr>
            </a:p>
          </p:txBody>
        </p:sp>
        <p:sp>
          <p:nvSpPr>
            <p:cNvPr id="82" name="Rectangle 36">
              <a:extLst>
                <a:ext uri="{FF2B5EF4-FFF2-40B4-BE49-F238E27FC236}">
                  <a16:creationId xmlns:a16="http://schemas.microsoft.com/office/drawing/2014/main" id="{0770B244-EBE4-C467-640C-2A46D4E3FC9D}"/>
                </a:ext>
              </a:extLst>
            </p:cNvPr>
            <p:cNvSpPr>
              <a:spLocks/>
            </p:cNvSpPr>
            <p:nvPr/>
          </p:nvSpPr>
          <p:spPr>
            <a:xfrm>
              <a:off x="2886281" y="4024733"/>
              <a:ext cx="8477210"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600" noProof="0">
                <a:solidFill>
                  <a:schemeClr val="tx1"/>
                </a:solidFill>
              </a:endParaRPr>
            </a:p>
          </p:txBody>
        </p:sp>
        <p:sp>
          <p:nvSpPr>
            <p:cNvPr id="83" name="Rectangle 36">
              <a:extLst>
                <a:ext uri="{FF2B5EF4-FFF2-40B4-BE49-F238E27FC236}">
                  <a16:creationId xmlns:a16="http://schemas.microsoft.com/office/drawing/2014/main" id="{CF7EE036-600A-72A9-9AF3-E887163D397A}"/>
                </a:ext>
              </a:extLst>
            </p:cNvPr>
            <p:cNvSpPr>
              <a:spLocks/>
            </p:cNvSpPr>
            <p:nvPr/>
          </p:nvSpPr>
          <p:spPr>
            <a:xfrm>
              <a:off x="2886281" y="4342859"/>
              <a:ext cx="8477210" cy="274932"/>
            </a:xfrm>
            <a:prstGeom prst="roundRect">
              <a:avLst>
                <a:gd name="adj" fmla="val 2658"/>
              </a:avLst>
            </a:prstGeom>
            <a:noFill/>
            <a:ln w="9525" cap="flat" cmpd="sng" algn="ctr">
              <a:solidFill>
                <a:srgbClr val="CDECF2"/>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600" noProof="0">
                <a:solidFill>
                  <a:schemeClr val="tx1"/>
                </a:solidFill>
              </a:endParaRPr>
            </a:p>
          </p:txBody>
        </p:sp>
        <p:sp>
          <p:nvSpPr>
            <p:cNvPr id="84" name="Rectangle 36">
              <a:extLst>
                <a:ext uri="{FF2B5EF4-FFF2-40B4-BE49-F238E27FC236}">
                  <a16:creationId xmlns:a16="http://schemas.microsoft.com/office/drawing/2014/main" id="{B08F7C6F-9D79-4AD0-CBF9-D07FAF8A49FB}"/>
                </a:ext>
              </a:extLst>
            </p:cNvPr>
            <p:cNvSpPr>
              <a:spLocks/>
            </p:cNvSpPr>
            <p:nvPr/>
          </p:nvSpPr>
          <p:spPr>
            <a:xfrm>
              <a:off x="2894060" y="4740482"/>
              <a:ext cx="8464567"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600" noProof="0">
                <a:solidFill>
                  <a:schemeClr val="tx1"/>
                </a:solidFill>
              </a:endParaRPr>
            </a:p>
          </p:txBody>
        </p:sp>
        <p:sp>
          <p:nvSpPr>
            <p:cNvPr id="85" name="Rectangle 36">
              <a:extLst>
                <a:ext uri="{FF2B5EF4-FFF2-40B4-BE49-F238E27FC236}">
                  <a16:creationId xmlns:a16="http://schemas.microsoft.com/office/drawing/2014/main" id="{5811B31A-3AE9-5FF8-33E8-4E642B20770A}"/>
                </a:ext>
              </a:extLst>
            </p:cNvPr>
            <p:cNvSpPr>
              <a:spLocks/>
            </p:cNvSpPr>
            <p:nvPr/>
          </p:nvSpPr>
          <p:spPr>
            <a:xfrm>
              <a:off x="2886285" y="5057138"/>
              <a:ext cx="8472465"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600" b="1" noProof="0">
                <a:solidFill>
                  <a:schemeClr val="tx1"/>
                </a:solidFill>
              </a:endParaRPr>
            </a:p>
            <a:p>
              <a:endParaRPr lang="da-DK" sz="600" noProof="0">
                <a:solidFill>
                  <a:schemeClr val="tx1"/>
                </a:solidFill>
              </a:endParaRPr>
            </a:p>
          </p:txBody>
        </p:sp>
        <p:sp>
          <p:nvSpPr>
            <p:cNvPr id="86" name="Rectangle 36">
              <a:extLst>
                <a:ext uri="{FF2B5EF4-FFF2-40B4-BE49-F238E27FC236}">
                  <a16:creationId xmlns:a16="http://schemas.microsoft.com/office/drawing/2014/main" id="{4ABC6054-0E34-27BC-A21E-002A9225DFC4}"/>
                </a:ext>
              </a:extLst>
            </p:cNvPr>
            <p:cNvSpPr>
              <a:spLocks/>
            </p:cNvSpPr>
            <p:nvPr/>
          </p:nvSpPr>
          <p:spPr>
            <a:xfrm>
              <a:off x="2886285" y="5384211"/>
              <a:ext cx="8472465"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600" noProof="0">
                <a:solidFill>
                  <a:schemeClr val="tx1"/>
                </a:solidFill>
              </a:endParaRPr>
            </a:p>
          </p:txBody>
        </p:sp>
        <p:sp>
          <p:nvSpPr>
            <p:cNvPr id="87" name="Rectangle 36">
              <a:extLst>
                <a:ext uri="{FF2B5EF4-FFF2-40B4-BE49-F238E27FC236}">
                  <a16:creationId xmlns:a16="http://schemas.microsoft.com/office/drawing/2014/main" id="{1367C522-EA6C-0535-4FC0-BB63A2E2DDDB}"/>
                </a:ext>
              </a:extLst>
            </p:cNvPr>
            <p:cNvSpPr>
              <a:spLocks/>
            </p:cNvSpPr>
            <p:nvPr/>
          </p:nvSpPr>
          <p:spPr>
            <a:xfrm>
              <a:off x="2886285" y="5705618"/>
              <a:ext cx="8472465"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600" noProof="0">
                <a:solidFill>
                  <a:schemeClr val="tx1"/>
                </a:solidFill>
              </a:endParaRPr>
            </a:p>
          </p:txBody>
        </p:sp>
      </p:grpSp>
      <p:sp>
        <p:nvSpPr>
          <p:cNvPr id="9" name="Rectangle: Rounded Corners 358">
            <a:extLst>
              <a:ext uri="{FF2B5EF4-FFF2-40B4-BE49-F238E27FC236}">
                <a16:creationId xmlns:a16="http://schemas.microsoft.com/office/drawing/2014/main" id="{40D6776D-25E7-B740-4F4C-322FED0F0EEB}"/>
              </a:ext>
              <a:ext uri="{C183D7F6-B498-43B3-948B-1728B52AA6E4}">
                <adec:decorative xmlns:adec="http://schemas.microsoft.com/office/drawing/2017/decorative" val="1"/>
              </a:ext>
            </a:extLst>
          </p:cNvPr>
          <p:cNvSpPr>
            <a:spLocks/>
          </p:cNvSpPr>
          <p:nvPr/>
        </p:nvSpPr>
        <p:spPr>
          <a:xfrm>
            <a:off x="3472335" y="3089672"/>
            <a:ext cx="529784" cy="239451"/>
          </a:xfrm>
          <a:prstGeom prst="roundRect">
            <a:avLst>
              <a:gd name="adj" fmla="val 9583"/>
            </a:avLst>
          </a:prstGeom>
          <a:solidFill>
            <a:srgbClr val="7030A0">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2. EU Kom.</a:t>
            </a:r>
          </a:p>
        </p:txBody>
      </p:sp>
      <p:sp>
        <p:nvSpPr>
          <p:cNvPr id="10" name="Rectangle: Rounded Corners 361">
            <a:extLst>
              <a:ext uri="{FF2B5EF4-FFF2-40B4-BE49-F238E27FC236}">
                <a16:creationId xmlns:a16="http://schemas.microsoft.com/office/drawing/2014/main" id="{5750945B-4FC3-6A78-9381-0F957A6679A1}"/>
              </a:ext>
              <a:ext uri="{C183D7F6-B498-43B3-948B-1728B52AA6E4}">
                <adec:decorative xmlns:adec="http://schemas.microsoft.com/office/drawing/2017/decorative" val="1"/>
              </a:ext>
            </a:extLst>
          </p:cNvPr>
          <p:cNvSpPr>
            <a:spLocks/>
          </p:cNvSpPr>
          <p:nvPr/>
        </p:nvSpPr>
        <p:spPr>
          <a:xfrm>
            <a:off x="4038119" y="3089672"/>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3. Schleswig-Holstein</a:t>
            </a:r>
            <a:endParaRPr lang="da-DK" sz="500" noProof="0"/>
          </a:p>
        </p:txBody>
      </p:sp>
      <p:sp>
        <p:nvSpPr>
          <p:cNvPr id="11" name="Rectangle: Rounded Corners 364">
            <a:extLst>
              <a:ext uri="{FF2B5EF4-FFF2-40B4-BE49-F238E27FC236}">
                <a16:creationId xmlns:a16="http://schemas.microsoft.com/office/drawing/2014/main" id="{181D9691-57C4-73E3-378F-1ED1FE55FA42}"/>
              </a:ext>
              <a:ext uri="{C183D7F6-B498-43B3-948B-1728B52AA6E4}">
                <adec:decorative xmlns:adec="http://schemas.microsoft.com/office/drawing/2017/decorative" val="1"/>
              </a:ext>
            </a:extLst>
          </p:cNvPr>
          <p:cNvSpPr>
            <a:spLocks/>
          </p:cNvSpPr>
          <p:nvPr/>
        </p:nvSpPr>
        <p:spPr>
          <a:xfrm>
            <a:off x="4603903" y="3089672"/>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4. </a:t>
            </a:r>
            <a:r>
              <a:rPr lang="da-DK" sz="500" b="1" noProof="0" err="1"/>
              <a:t>ZenDiS</a:t>
            </a:r>
            <a:endParaRPr lang="da-DK" sz="500" b="1" noProof="0"/>
          </a:p>
        </p:txBody>
      </p:sp>
      <p:sp>
        <p:nvSpPr>
          <p:cNvPr id="14" name="Rectangle: Rounded Corners 370">
            <a:extLst>
              <a:ext uri="{FF2B5EF4-FFF2-40B4-BE49-F238E27FC236}">
                <a16:creationId xmlns:a16="http://schemas.microsoft.com/office/drawing/2014/main" id="{6648FCF2-D495-BBF2-43E4-B1995F23C5E3}"/>
              </a:ext>
              <a:ext uri="{C183D7F6-B498-43B3-948B-1728B52AA6E4}">
                <adec:decorative xmlns:adec="http://schemas.microsoft.com/office/drawing/2017/decorative" val="1"/>
              </a:ext>
            </a:extLst>
          </p:cNvPr>
          <p:cNvSpPr>
            <a:spLocks/>
          </p:cNvSpPr>
          <p:nvPr/>
        </p:nvSpPr>
        <p:spPr>
          <a:xfrm>
            <a:off x="5735471" y="3089672"/>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6. UK Home Office</a:t>
            </a:r>
          </a:p>
        </p:txBody>
      </p:sp>
      <p:sp>
        <p:nvSpPr>
          <p:cNvPr id="19" name="Rectangle: Rounded Corners 376">
            <a:extLst>
              <a:ext uri="{FF2B5EF4-FFF2-40B4-BE49-F238E27FC236}">
                <a16:creationId xmlns:a16="http://schemas.microsoft.com/office/drawing/2014/main" id="{A29C4AC6-7307-E604-238A-92772C78CC9A}"/>
              </a:ext>
              <a:ext uri="{C183D7F6-B498-43B3-948B-1728B52AA6E4}">
                <adec:decorative xmlns:adec="http://schemas.microsoft.com/office/drawing/2017/decorative" val="1"/>
              </a:ext>
            </a:extLst>
          </p:cNvPr>
          <p:cNvSpPr>
            <a:spLocks/>
          </p:cNvSpPr>
          <p:nvPr/>
        </p:nvSpPr>
        <p:spPr>
          <a:xfrm>
            <a:off x="6301437" y="3089672"/>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7. STIL</a:t>
            </a:r>
          </a:p>
        </p:txBody>
      </p:sp>
      <p:sp>
        <p:nvSpPr>
          <p:cNvPr id="27" name="Rectangle: Rounded Corners 397">
            <a:extLst>
              <a:ext uri="{FF2B5EF4-FFF2-40B4-BE49-F238E27FC236}">
                <a16:creationId xmlns:a16="http://schemas.microsoft.com/office/drawing/2014/main" id="{E244B89A-E8C1-1E66-5D37-61FAF76D73F1}"/>
              </a:ext>
              <a:ext uri="{C183D7F6-B498-43B3-948B-1728B52AA6E4}">
                <adec:decorative xmlns:adec="http://schemas.microsoft.com/office/drawing/2017/decorative" val="1"/>
              </a:ext>
            </a:extLst>
          </p:cNvPr>
          <p:cNvSpPr>
            <a:spLocks/>
          </p:cNvSpPr>
          <p:nvPr/>
        </p:nvSpPr>
        <p:spPr>
          <a:xfrm>
            <a:off x="7433005" y="3089672"/>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9. KOMBIT</a:t>
            </a:r>
          </a:p>
        </p:txBody>
      </p:sp>
      <p:sp>
        <p:nvSpPr>
          <p:cNvPr id="62" name="Rectangle: Rounded Corners 382">
            <a:extLst>
              <a:ext uri="{FF2B5EF4-FFF2-40B4-BE49-F238E27FC236}">
                <a16:creationId xmlns:a16="http://schemas.microsoft.com/office/drawing/2014/main" id="{F34168D3-A699-7E9F-E10E-46E88CFB3087}"/>
              </a:ext>
              <a:ext uri="{C183D7F6-B498-43B3-948B-1728B52AA6E4}">
                <adec:decorative xmlns:adec="http://schemas.microsoft.com/office/drawing/2017/decorative" val="1"/>
              </a:ext>
            </a:extLst>
          </p:cNvPr>
          <p:cNvSpPr>
            <a:spLocks/>
          </p:cNvSpPr>
          <p:nvPr/>
        </p:nvSpPr>
        <p:spPr>
          <a:xfrm>
            <a:off x="8564573" y="3089672"/>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1. Aarhus Kom. cloud</a:t>
            </a:r>
          </a:p>
        </p:txBody>
      </p:sp>
      <p:sp>
        <p:nvSpPr>
          <p:cNvPr id="63" name="Rectangle: Rounded Corners 382">
            <a:extLst>
              <a:ext uri="{FF2B5EF4-FFF2-40B4-BE49-F238E27FC236}">
                <a16:creationId xmlns:a16="http://schemas.microsoft.com/office/drawing/2014/main" id="{A7631283-02A6-8163-1D1E-C9A954060B31}"/>
              </a:ext>
              <a:ext uri="{C183D7F6-B498-43B3-948B-1728B52AA6E4}">
                <adec:decorative xmlns:adec="http://schemas.microsoft.com/office/drawing/2017/decorative" val="1"/>
              </a:ext>
            </a:extLst>
          </p:cNvPr>
          <p:cNvSpPr>
            <a:spLocks/>
          </p:cNvSpPr>
          <p:nvPr/>
        </p:nvSpPr>
        <p:spPr>
          <a:xfrm>
            <a:off x="9130357" y="3089672"/>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2. Region Syd</a:t>
            </a:r>
          </a:p>
        </p:txBody>
      </p:sp>
      <p:sp>
        <p:nvSpPr>
          <p:cNvPr id="452" name="Rectangle: Rounded Corners 358">
            <a:extLst>
              <a:ext uri="{FF2B5EF4-FFF2-40B4-BE49-F238E27FC236}">
                <a16:creationId xmlns:a16="http://schemas.microsoft.com/office/drawing/2014/main" id="{6BEE8F17-6FCF-B903-F726-2A524EAA0469}"/>
              </a:ext>
              <a:ext uri="{C183D7F6-B498-43B3-948B-1728B52AA6E4}">
                <adec:decorative xmlns:adec="http://schemas.microsoft.com/office/drawing/2017/decorative" val="1"/>
              </a:ext>
            </a:extLst>
          </p:cNvPr>
          <p:cNvSpPr>
            <a:spLocks/>
          </p:cNvSpPr>
          <p:nvPr/>
        </p:nvSpPr>
        <p:spPr>
          <a:xfrm>
            <a:off x="3472335" y="3398482"/>
            <a:ext cx="529784" cy="239451"/>
          </a:xfrm>
          <a:prstGeom prst="roundRect">
            <a:avLst>
              <a:gd name="adj" fmla="val 9583"/>
            </a:avLst>
          </a:prstGeom>
          <a:solidFill>
            <a:srgbClr val="7030A0">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2. EU Kom.</a:t>
            </a:r>
          </a:p>
        </p:txBody>
      </p:sp>
      <p:sp>
        <p:nvSpPr>
          <p:cNvPr id="454" name="Rectangle: Rounded Corners 364">
            <a:extLst>
              <a:ext uri="{FF2B5EF4-FFF2-40B4-BE49-F238E27FC236}">
                <a16:creationId xmlns:a16="http://schemas.microsoft.com/office/drawing/2014/main" id="{FA3D463D-FC14-D194-FDA6-0ED0E4BAB2AB}"/>
              </a:ext>
              <a:ext uri="{C183D7F6-B498-43B3-948B-1728B52AA6E4}">
                <adec:decorative xmlns:adec="http://schemas.microsoft.com/office/drawing/2017/decorative" val="1"/>
              </a:ext>
            </a:extLst>
          </p:cNvPr>
          <p:cNvSpPr>
            <a:spLocks/>
          </p:cNvSpPr>
          <p:nvPr/>
        </p:nvSpPr>
        <p:spPr>
          <a:xfrm>
            <a:off x="4603903" y="3398482"/>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4. </a:t>
            </a:r>
            <a:r>
              <a:rPr lang="da-DK" sz="500" b="1" noProof="0" err="1"/>
              <a:t>ZenDiS</a:t>
            </a:r>
            <a:endParaRPr lang="da-DK" sz="500" b="1" noProof="0"/>
          </a:p>
        </p:txBody>
      </p:sp>
      <p:sp>
        <p:nvSpPr>
          <p:cNvPr id="455" name="Rectangle: Rounded Corners 367">
            <a:extLst>
              <a:ext uri="{FF2B5EF4-FFF2-40B4-BE49-F238E27FC236}">
                <a16:creationId xmlns:a16="http://schemas.microsoft.com/office/drawing/2014/main" id="{77586C87-AA9F-40CD-4CC8-891AC42EBCF6}"/>
              </a:ext>
              <a:ext uri="{C183D7F6-B498-43B3-948B-1728B52AA6E4}">
                <adec:decorative xmlns:adec="http://schemas.microsoft.com/office/drawing/2017/decorative" val="1"/>
              </a:ext>
            </a:extLst>
          </p:cNvPr>
          <p:cNvSpPr>
            <a:spLocks/>
          </p:cNvSpPr>
          <p:nvPr/>
        </p:nvSpPr>
        <p:spPr>
          <a:xfrm>
            <a:off x="5169687" y="3398482"/>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5. GPT-NL</a:t>
            </a:r>
          </a:p>
        </p:txBody>
      </p:sp>
      <p:sp>
        <p:nvSpPr>
          <p:cNvPr id="464" name="Rectangle: Rounded Corners 382">
            <a:extLst>
              <a:ext uri="{FF2B5EF4-FFF2-40B4-BE49-F238E27FC236}">
                <a16:creationId xmlns:a16="http://schemas.microsoft.com/office/drawing/2014/main" id="{E39AE560-AC93-09B5-A2C0-B6175432AC58}"/>
              </a:ext>
              <a:ext uri="{C183D7F6-B498-43B3-948B-1728B52AA6E4}">
                <adec:decorative xmlns:adec="http://schemas.microsoft.com/office/drawing/2017/decorative" val="1"/>
              </a:ext>
            </a:extLst>
          </p:cNvPr>
          <p:cNvSpPr>
            <a:spLocks/>
          </p:cNvSpPr>
          <p:nvPr/>
        </p:nvSpPr>
        <p:spPr>
          <a:xfrm>
            <a:off x="8564573" y="3398482"/>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1. Aarhus Kom. cloud</a:t>
            </a:r>
          </a:p>
        </p:txBody>
      </p:sp>
      <p:sp>
        <p:nvSpPr>
          <p:cNvPr id="470" name="Rectangle: Rounded Corners 358">
            <a:extLst>
              <a:ext uri="{FF2B5EF4-FFF2-40B4-BE49-F238E27FC236}">
                <a16:creationId xmlns:a16="http://schemas.microsoft.com/office/drawing/2014/main" id="{E496F56B-015E-66FC-A08C-E65D4D3ADEB0}"/>
              </a:ext>
              <a:ext uri="{C183D7F6-B498-43B3-948B-1728B52AA6E4}">
                <adec:decorative xmlns:adec="http://schemas.microsoft.com/office/drawing/2017/decorative" val="1"/>
              </a:ext>
            </a:extLst>
          </p:cNvPr>
          <p:cNvSpPr>
            <a:spLocks/>
          </p:cNvSpPr>
          <p:nvPr/>
        </p:nvSpPr>
        <p:spPr>
          <a:xfrm>
            <a:off x="3472335" y="3725136"/>
            <a:ext cx="529784" cy="239451"/>
          </a:xfrm>
          <a:prstGeom prst="roundRect">
            <a:avLst>
              <a:gd name="adj" fmla="val 9583"/>
            </a:avLst>
          </a:prstGeom>
          <a:solidFill>
            <a:srgbClr val="7030A0">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2. EU Kom.</a:t>
            </a:r>
          </a:p>
        </p:txBody>
      </p:sp>
      <p:sp>
        <p:nvSpPr>
          <p:cNvPr id="473" name="Rectangle: Rounded Corners 367">
            <a:extLst>
              <a:ext uri="{FF2B5EF4-FFF2-40B4-BE49-F238E27FC236}">
                <a16:creationId xmlns:a16="http://schemas.microsoft.com/office/drawing/2014/main" id="{F8436749-211C-0ABC-CACA-74C85B52A063}"/>
              </a:ext>
              <a:ext uri="{C183D7F6-B498-43B3-948B-1728B52AA6E4}">
                <adec:decorative xmlns:adec="http://schemas.microsoft.com/office/drawing/2017/decorative" val="1"/>
              </a:ext>
            </a:extLst>
          </p:cNvPr>
          <p:cNvSpPr>
            <a:spLocks/>
          </p:cNvSpPr>
          <p:nvPr/>
        </p:nvSpPr>
        <p:spPr>
          <a:xfrm>
            <a:off x="5169687" y="3725136"/>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5. GPT-NL</a:t>
            </a:r>
          </a:p>
        </p:txBody>
      </p:sp>
      <p:sp>
        <p:nvSpPr>
          <p:cNvPr id="474" name="Rectangle: Rounded Corners 370">
            <a:extLst>
              <a:ext uri="{FF2B5EF4-FFF2-40B4-BE49-F238E27FC236}">
                <a16:creationId xmlns:a16="http://schemas.microsoft.com/office/drawing/2014/main" id="{A4F855DD-84F2-FAC8-197F-49F998CA1BC2}"/>
              </a:ext>
              <a:ext uri="{C183D7F6-B498-43B3-948B-1728B52AA6E4}">
                <adec:decorative xmlns:adec="http://schemas.microsoft.com/office/drawing/2017/decorative" val="1"/>
              </a:ext>
            </a:extLst>
          </p:cNvPr>
          <p:cNvSpPr>
            <a:spLocks/>
          </p:cNvSpPr>
          <p:nvPr/>
        </p:nvSpPr>
        <p:spPr>
          <a:xfrm>
            <a:off x="5735471" y="3725136"/>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6. UK Home Office</a:t>
            </a:r>
          </a:p>
        </p:txBody>
      </p:sp>
      <p:sp>
        <p:nvSpPr>
          <p:cNvPr id="478" name="Rectangle: Rounded Corners 397">
            <a:extLst>
              <a:ext uri="{FF2B5EF4-FFF2-40B4-BE49-F238E27FC236}">
                <a16:creationId xmlns:a16="http://schemas.microsoft.com/office/drawing/2014/main" id="{98F53A04-2600-BD4D-0B63-0CD58B4CC304}"/>
              </a:ext>
              <a:ext uri="{C183D7F6-B498-43B3-948B-1728B52AA6E4}">
                <adec:decorative xmlns:adec="http://schemas.microsoft.com/office/drawing/2017/decorative" val="1"/>
              </a:ext>
            </a:extLst>
          </p:cNvPr>
          <p:cNvSpPr>
            <a:spLocks/>
          </p:cNvSpPr>
          <p:nvPr/>
        </p:nvSpPr>
        <p:spPr>
          <a:xfrm>
            <a:off x="7433005" y="3725136"/>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9. KOMBIT</a:t>
            </a:r>
          </a:p>
        </p:txBody>
      </p:sp>
      <p:sp>
        <p:nvSpPr>
          <p:cNvPr id="480" name="Rectangle: Rounded Corners 382">
            <a:extLst>
              <a:ext uri="{FF2B5EF4-FFF2-40B4-BE49-F238E27FC236}">
                <a16:creationId xmlns:a16="http://schemas.microsoft.com/office/drawing/2014/main" id="{1DF350C4-122D-EB1D-2A84-10828E235699}"/>
              </a:ext>
              <a:ext uri="{C183D7F6-B498-43B3-948B-1728B52AA6E4}">
                <adec:decorative xmlns:adec="http://schemas.microsoft.com/office/drawing/2017/decorative" val="1"/>
              </a:ext>
            </a:extLst>
          </p:cNvPr>
          <p:cNvSpPr>
            <a:spLocks/>
          </p:cNvSpPr>
          <p:nvPr/>
        </p:nvSpPr>
        <p:spPr>
          <a:xfrm>
            <a:off x="8564573" y="3725136"/>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1. Aarhus Kom. cloud</a:t>
            </a:r>
          </a:p>
        </p:txBody>
      </p:sp>
      <p:sp>
        <p:nvSpPr>
          <p:cNvPr id="481" name="Rectangle: Rounded Corners 382">
            <a:extLst>
              <a:ext uri="{FF2B5EF4-FFF2-40B4-BE49-F238E27FC236}">
                <a16:creationId xmlns:a16="http://schemas.microsoft.com/office/drawing/2014/main" id="{AF8CADF0-4008-995A-938F-070C023A626F}"/>
              </a:ext>
              <a:ext uri="{C183D7F6-B498-43B3-948B-1728B52AA6E4}">
                <adec:decorative xmlns:adec="http://schemas.microsoft.com/office/drawing/2017/decorative" val="1"/>
              </a:ext>
            </a:extLst>
          </p:cNvPr>
          <p:cNvSpPr>
            <a:spLocks/>
          </p:cNvSpPr>
          <p:nvPr/>
        </p:nvSpPr>
        <p:spPr>
          <a:xfrm>
            <a:off x="9130357" y="3725136"/>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2. Region Syd</a:t>
            </a:r>
          </a:p>
        </p:txBody>
      </p:sp>
      <p:sp>
        <p:nvSpPr>
          <p:cNvPr id="483" name="Rectangle: Rounded Corners 382">
            <a:extLst>
              <a:ext uri="{FF2B5EF4-FFF2-40B4-BE49-F238E27FC236}">
                <a16:creationId xmlns:a16="http://schemas.microsoft.com/office/drawing/2014/main" id="{17B0CD12-7FCC-FFDE-B931-0D50EB893B8E}"/>
              </a:ext>
              <a:ext uri="{C183D7F6-B498-43B3-948B-1728B52AA6E4}">
                <adec:decorative xmlns:adec="http://schemas.microsoft.com/office/drawing/2017/decorative" val="1"/>
              </a:ext>
            </a:extLst>
          </p:cNvPr>
          <p:cNvSpPr>
            <a:spLocks/>
          </p:cNvSpPr>
          <p:nvPr/>
        </p:nvSpPr>
        <p:spPr>
          <a:xfrm>
            <a:off x="10261925" y="3725136"/>
            <a:ext cx="529784" cy="239451"/>
          </a:xfrm>
          <a:prstGeom prst="roundRect">
            <a:avLst>
              <a:gd name="adj" fmla="val 9583"/>
            </a:avLst>
          </a:prstGeom>
          <a:solidFill>
            <a:srgbClr val="EE2F66">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4. Finansiel sektor</a:t>
            </a:r>
          </a:p>
        </p:txBody>
      </p:sp>
      <p:sp>
        <p:nvSpPr>
          <p:cNvPr id="484" name="Rectangle: Rounded Corners 382">
            <a:extLst>
              <a:ext uri="{FF2B5EF4-FFF2-40B4-BE49-F238E27FC236}">
                <a16:creationId xmlns:a16="http://schemas.microsoft.com/office/drawing/2014/main" id="{0BF3C03B-9CD1-A32C-722E-78730D7C0AD9}"/>
              </a:ext>
              <a:ext uri="{C183D7F6-B498-43B3-948B-1728B52AA6E4}">
                <adec:decorative xmlns:adec="http://schemas.microsoft.com/office/drawing/2017/decorative" val="1"/>
              </a:ext>
            </a:extLst>
          </p:cNvPr>
          <p:cNvSpPr>
            <a:spLocks/>
          </p:cNvSpPr>
          <p:nvPr/>
        </p:nvSpPr>
        <p:spPr>
          <a:xfrm>
            <a:off x="10827710" y="3725136"/>
            <a:ext cx="529784" cy="239451"/>
          </a:xfrm>
          <a:prstGeom prst="roundRect">
            <a:avLst>
              <a:gd name="adj" fmla="val 9583"/>
            </a:avLst>
          </a:prstGeom>
          <a:solidFill>
            <a:srgbClr val="EE2F66">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5. Bankdata</a:t>
            </a:r>
          </a:p>
        </p:txBody>
      </p:sp>
      <p:sp>
        <p:nvSpPr>
          <p:cNvPr id="486" name="Rectangle: Rounded Corners 358">
            <a:extLst>
              <a:ext uri="{FF2B5EF4-FFF2-40B4-BE49-F238E27FC236}">
                <a16:creationId xmlns:a16="http://schemas.microsoft.com/office/drawing/2014/main" id="{E16BE970-20A3-3FF9-5353-DD01A509B2FD}"/>
              </a:ext>
              <a:ext uri="{C183D7F6-B498-43B3-948B-1728B52AA6E4}">
                <adec:decorative xmlns:adec="http://schemas.microsoft.com/office/drawing/2017/decorative" val="1"/>
              </a:ext>
            </a:extLst>
          </p:cNvPr>
          <p:cNvSpPr>
            <a:spLocks/>
          </p:cNvSpPr>
          <p:nvPr/>
        </p:nvSpPr>
        <p:spPr>
          <a:xfrm>
            <a:off x="3472335" y="4042473"/>
            <a:ext cx="529784" cy="239451"/>
          </a:xfrm>
          <a:prstGeom prst="roundRect">
            <a:avLst>
              <a:gd name="adj" fmla="val 9583"/>
            </a:avLst>
          </a:prstGeom>
          <a:solidFill>
            <a:srgbClr val="7030A0">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2. EU Kom.</a:t>
            </a:r>
          </a:p>
        </p:txBody>
      </p:sp>
      <p:sp>
        <p:nvSpPr>
          <p:cNvPr id="488" name="Rectangle: Rounded Corners 364">
            <a:extLst>
              <a:ext uri="{FF2B5EF4-FFF2-40B4-BE49-F238E27FC236}">
                <a16:creationId xmlns:a16="http://schemas.microsoft.com/office/drawing/2014/main" id="{CE37A824-6B97-A295-D4E4-E905F5FD6DA1}"/>
              </a:ext>
              <a:ext uri="{C183D7F6-B498-43B3-948B-1728B52AA6E4}">
                <adec:decorative xmlns:adec="http://schemas.microsoft.com/office/drawing/2017/decorative" val="1"/>
              </a:ext>
            </a:extLst>
          </p:cNvPr>
          <p:cNvSpPr>
            <a:spLocks/>
          </p:cNvSpPr>
          <p:nvPr/>
        </p:nvSpPr>
        <p:spPr>
          <a:xfrm>
            <a:off x="4603903" y="4042473"/>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4. </a:t>
            </a:r>
            <a:r>
              <a:rPr lang="da-DK" sz="500" b="1" noProof="0" err="1"/>
              <a:t>ZenDiS</a:t>
            </a:r>
            <a:endParaRPr lang="da-DK" sz="500" b="1" noProof="0"/>
          </a:p>
        </p:txBody>
      </p:sp>
      <p:sp>
        <p:nvSpPr>
          <p:cNvPr id="489" name="Rectangle: Rounded Corners 367">
            <a:extLst>
              <a:ext uri="{FF2B5EF4-FFF2-40B4-BE49-F238E27FC236}">
                <a16:creationId xmlns:a16="http://schemas.microsoft.com/office/drawing/2014/main" id="{E639E932-9C0B-C8E9-8FEC-FF2757070464}"/>
              </a:ext>
              <a:ext uri="{C183D7F6-B498-43B3-948B-1728B52AA6E4}">
                <adec:decorative xmlns:adec="http://schemas.microsoft.com/office/drawing/2017/decorative" val="1"/>
              </a:ext>
            </a:extLst>
          </p:cNvPr>
          <p:cNvSpPr>
            <a:spLocks/>
          </p:cNvSpPr>
          <p:nvPr/>
        </p:nvSpPr>
        <p:spPr>
          <a:xfrm>
            <a:off x="5169687" y="4042473"/>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5. GPT-NL</a:t>
            </a:r>
          </a:p>
        </p:txBody>
      </p:sp>
      <p:sp>
        <p:nvSpPr>
          <p:cNvPr id="492" name="Rectangle: Rounded Corners 376">
            <a:extLst>
              <a:ext uri="{FF2B5EF4-FFF2-40B4-BE49-F238E27FC236}">
                <a16:creationId xmlns:a16="http://schemas.microsoft.com/office/drawing/2014/main" id="{9C0F0CF7-9F35-FA08-127B-816D390AB056}"/>
              </a:ext>
              <a:ext uri="{C183D7F6-B498-43B3-948B-1728B52AA6E4}">
                <adec:decorative xmlns:adec="http://schemas.microsoft.com/office/drawing/2017/decorative" val="1"/>
              </a:ext>
            </a:extLst>
          </p:cNvPr>
          <p:cNvSpPr>
            <a:spLocks/>
          </p:cNvSpPr>
          <p:nvPr/>
        </p:nvSpPr>
        <p:spPr>
          <a:xfrm>
            <a:off x="6301437" y="4042473"/>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7. STIL</a:t>
            </a:r>
          </a:p>
        </p:txBody>
      </p:sp>
      <p:sp>
        <p:nvSpPr>
          <p:cNvPr id="530" name="Rectangle: Rounded Corners 382">
            <a:extLst>
              <a:ext uri="{FF2B5EF4-FFF2-40B4-BE49-F238E27FC236}">
                <a16:creationId xmlns:a16="http://schemas.microsoft.com/office/drawing/2014/main" id="{5A7ABF87-BFC9-1E49-401B-C64914C89AEE}"/>
              </a:ext>
              <a:ext uri="{C183D7F6-B498-43B3-948B-1728B52AA6E4}">
                <adec:decorative xmlns:adec="http://schemas.microsoft.com/office/drawing/2017/decorative" val="1"/>
              </a:ext>
            </a:extLst>
          </p:cNvPr>
          <p:cNvSpPr>
            <a:spLocks/>
          </p:cNvSpPr>
          <p:nvPr/>
        </p:nvSpPr>
        <p:spPr>
          <a:xfrm>
            <a:off x="8564573" y="4042473"/>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1. Aarhus Kom. cloud</a:t>
            </a:r>
          </a:p>
        </p:txBody>
      </p:sp>
      <p:sp>
        <p:nvSpPr>
          <p:cNvPr id="539" name="Rectangle: Rounded Corners 358">
            <a:extLst>
              <a:ext uri="{FF2B5EF4-FFF2-40B4-BE49-F238E27FC236}">
                <a16:creationId xmlns:a16="http://schemas.microsoft.com/office/drawing/2014/main" id="{638601BC-F1F3-0ACA-DD4B-AD80C109F9CC}"/>
              </a:ext>
              <a:ext uri="{C183D7F6-B498-43B3-948B-1728B52AA6E4}">
                <adec:decorative xmlns:adec="http://schemas.microsoft.com/office/drawing/2017/decorative" val="1"/>
              </a:ext>
            </a:extLst>
          </p:cNvPr>
          <p:cNvSpPr>
            <a:spLocks/>
          </p:cNvSpPr>
          <p:nvPr/>
        </p:nvSpPr>
        <p:spPr>
          <a:xfrm>
            <a:off x="3472335" y="4357540"/>
            <a:ext cx="529784" cy="239451"/>
          </a:xfrm>
          <a:prstGeom prst="roundRect">
            <a:avLst>
              <a:gd name="adj" fmla="val 9583"/>
            </a:avLst>
          </a:prstGeom>
          <a:solidFill>
            <a:srgbClr val="7030A0">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2. EU Kom.</a:t>
            </a:r>
          </a:p>
        </p:txBody>
      </p:sp>
      <p:sp>
        <p:nvSpPr>
          <p:cNvPr id="544" name="Rectangle: Rounded Corners 367">
            <a:extLst>
              <a:ext uri="{FF2B5EF4-FFF2-40B4-BE49-F238E27FC236}">
                <a16:creationId xmlns:a16="http://schemas.microsoft.com/office/drawing/2014/main" id="{5BDAC46F-31F7-D933-B96A-A4F8E91C3892}"/>
              </a:ext>
              <a:ext uri="{C183D7F6-B498-43B3-948B-1728B52AA6E4}">
                <adec:decorative xmlns:adec="http://schemas.microsoft.com/office/drawing/2017/decorative" val="1"/>
              </a:ext>
            </a:extLst>
          </p:cNvPr>
          <p:cNvSpPr>
            <a:spLocks/>
          </p:cNvSpPr>
          <p:nvPr/>
        </p:nvSpPr>
        <p:spPr>
          <a:xfrm>
            <a:off x="5169687" y="4357540"/>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5. GPT-NL</a:t>
            </a:r>
          </a:p>
        </p:txBody>
      </p:sp>
      <p:sp>
        <p:nvSpPr>
          <p:cNvPr id="554" name="Rectangle: Rounded Corners 382">
            <a:extLst>
              <a:ext uri="{FF2B5EF4-FFF2-40B4-BE49-F238E27FC236}">
                <a16:creationId xmlns:a16="http://schemas.microsoft.com/office/drawing/2014/main" id="{E772F51C-A83D-99EC-66AC-3C5BDA33D8BF}"/>
              </a:ext>
              <a:ext uri="{C183D7F6-B498-43B3-948B-1728B52AA6E4}">
                <adec:decorative xmlns:adec="http://schemas.microsoft.com/office/drawing/2017/decorative" val="1"/>
              </a:ext>
            </a:extLst>
          </p:cNvPr>
          <p:cNvSpPr>
            <a:spLocks/>
          </p:cNvSpPr>
          <p:nvPr/>
        </p:nvSpPr>
        <p:spPr>
          <a:xfrm>
            <a:off x="8564573" y="4357540"/>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1. Aarhus Kom. cloud</a:t>
            </a:r>
          </a:p>
        </p:txBody>
      </p:sp>
      <p:sp>
        <p:nvSpPr>
          <p:cNvPr id="556" name="Rectangle: Rounded Corners 382">
            <a:extLst>
              <a:ext uri="{FF2B5EF4-FFF2-40B4-BE49-F238E27FC236}">
                <a16:creationId xmlns:a16="http://schemas.microsoft.com/office/drawing/2014/main" id="{5EB4B8F9-F251-C4AD-8DA0-6160E3E27B0D}"/>
              </a:ext>
              <a:ext uri="{C183D7F6-B498-43B3-948B-1728B52AA6E4}">
                <adec:decorative xmlns:adec="http://schemas.microsoft.com/office/drawing/2017/decorative" val="1"/>
              </a:ext>
            </a:extLst>
          </p:cNvPr>
          <p:cNvSpPr>
            <a:spLocks/>
          </p:cNvSpPr>
          <p:nvPr/>
        </p:nvSpPr>
        <p:spPr>
          <a:xfrm>
            <a:off x="9130357" y="4357540"/>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2. Region Syd</a:t>
            </a:r>
          </a:p>
        </p:txBody>
      </p:sp>
      <p:sp>
        <p:nvSpPr>
          <p:cNvPr id="568" name="Rectangle: Rounded Corners 358">
            <a:extLst>
              <a:ext uri="{FF2B5EF4-FFF2-40B4-BE49-F238E27FC236}">
                <a16:creationId xmlns:a16="http://schemas.microsoft.com/office/drawing/2014/main" id="{D94BE458-2BD0-AB7A-A3F8-CA73ED30DA4E}"/>
              </a:ext>
              <a:ext uri="{C183D7F6-B498-43B3-948B-1728B52AA6E4}">
                <adec:decorative xmlns:adec="http://schemas.microsoft.com/office/drawing/2017/decorative" val="1"/>
              </a:ext>
            </a:extLst>
          </p:cNvPr>
          <p:cNvSpPr>
            <a:spLocks/>
          </p:cNvSpPr>
          <p:nvPr/>
        </p:nvSpPr>
        <p:spPr>
          <a:xfrm>
            <a:off x="3472335" y="4758223"/>
            <a:ext cx="529784" cy="239451"/>
          </a:xfrm>
          <a:prstGeom prst="roundRect">
            <a:avLst>
              <a:gd name="adj" fmla="val 9583"/>
            </a:avLst>
          </a:prstGeom>
          <a:solidFill>
            <a:srgbClr val="7030A0">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2. EU Kom.</a:t>
            </a:r>
            <a:endParaRPr lang="da-DK" sz="500" noProof="0"/>
          </a:p>
        </p:txBody>
      </p:sp>
      <p:sp>
        <p:nvSpPr>
          <p:cNvPr id="569" name="Rectangle: Rounded Corners 361">
            <a:extLst>
              <a:ext uri="{FF2B5EF4-FFF2-40B4-BE49-F238E27FC236}">
                <a16:creationId xmlns:a16="http://schemas.microsoft.com/office/drawing/2014/main" id="{6B4728F8-BE76-36EA-55BA-6B4BC8B77C5C}"/>
              </a:ext>
              <a:ext uri="{C183D7F6-B498-43B3-948B-1728B52AA6E4}">
                <adec:decorative xmlns:adec="http://schemas.microsoft.com/office/drawing/2017/decorative" val="1"/>
              </a:ext>
            </a:extLst>
          </p:cNvPr>
          <p:cNvSpPr>
            <a:spLocks/>
          </p:cNvSpPr>
          <p:nvPr/>
        </p:nvSpPr>
        <p:spPr>
          <a:xfrm>
            <a:off x="4038119" y="4758223"/>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3. Schleswig-Holstein</a:t>
            </a:r>
            <a:endParaRPr lang="da-DK" sz="500" noProof="0"/>
          </a:p>
        </p:txBody>
      </p:sp>
      <p:sp>
        <p:nvSpPr>
          <p:cNvPr id="570" name="Rectangle: Rounded Corners 364">
            <a:extLst>
              <a:ext uri="{FF2B5EF4-FFF2-40B4-BE49-F238E27FC236}">
                <a16:creationId xmlns:a16="http://schemas.microsoft.com/office/drawing/2014/main" id="{A6C52A6D-3C85-40D0-E5DF-64D92BB8E879}"/>
              </a:ext>
              <a:ext uri="{C183D7F6-B498-43B3-948B-1728B52AA6E4}">
                <adec:decorative xmlns:adec="http://schemas.microsoft.com/office/drawing/2017/decorative" val="1"/>
              </a:ext>
            </a:extLst>
          </p:cNvPr>
          <p:cNvSpPr>
            <a:spLocks/>
          </p:cNvSpPr>
          <p:nvPr/>
        </p:nvSpPr>
        <p:spPr>
          <a:xfrm>
            <a:off x="4603903" y="4758223"/>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4. </a:t>
            </a:r>
            <a:r>
              <a:rPr lang="da-DK" sz="500" b="1" noProof="0" err="1"/>
              <a:t>ZenDiS</a:t>
            </a:r>
            <a:endParaRPr lang="da-DK" sz="500" b="1" noProof="0"/>
          </a:p>
        </p:txBody>
      </p:sp>
      <p:sp>
        <p:nvSpPr>
          <p:cNvPr id="571" name="Rectangle: Rounded Corners 367">
            <a:extLst>
              <a:ext uri="{FF2B5EF4-FFF2-40B4-BE49-F238E27FC236}">
                <a16:creationId xmlns:a16="http://schemas.microsoft.com/office/drawing/2014/main" id="{7D18C53A-FC1D-F058-9DF2-27453D111536}"/>
              </a:ext>
              <a:ext uri="{C183D7F6-B498-43B3-948B-1728B52AA6E4}">
                <adec:decorative xmlns:adec="http://schemas.microsoft.com/office/drawing/2017/decorative" val="1"/>
              </a:ext>
            </a:extLst>
          </p:cNvPr>
          <p:cNvSpPr>
            <a:spLocks/>
          </p:cNvSpPr>
          <p:nvPr/>
        </p:nvSpPr>
        <p:spPr>
          <a:xfrm>
            <a:off x="5169687" y="4758223"/>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5. GPT-NL</a:t>
            </a:r>
          </a:p>
        </p:txBody>
      </p:sp>
      <p:sp>
        <p:nvSpPr>
          <p:cNvPr id="572" name="Rectangle: Rounded Corners 370">
            <a:extLst>
              <a:ext uri="{FF2B5EF4-FFF2-40B4-BE49-F238E27FC236}">
                <a16:creationId xmlns:a16="http://schemas.microsoft.com/office/drawing/2014/main" id="{6CA874F9-5DA2-56AF-1BAB-0DD0E4D24FD1}"/>
              </a:ext>
              <a:ext uri="{C183D7F6-B498-43B3-948B-1728B52AA6E4}">
                <adec:decorative xmlns:adec="http://schemas.microsoft.com/office/drawing/2017/decorative" val="1"/>
              </a:ext>
            </a:extLst>
          </p:cNvPr>
          <p:cNvSpPr>
            <a:spLocks/>
          </p:cNvSpPr>
          <p:nvPr/>
        </p:nvSpPr>
        <p:spPr>
          <a:xfrm>
            <a:off x="5735471" y="4758223"/>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6. UK Home Office</a:t>
            </a:r>
          </a:p>
        </p:txBody>
      </p:sp>
      <p:sp>
        <p:nvSpPr>
          <p:cNvPr id="574" name="Rectangle: Rounded Corners 376">
            <a:extLst>
              <a:ext uri="{FF2B5EF4-FFF2-40B4-BE49-F238E27FC236}">
                <a16:creationId xmlns:a16="http://schemas.microsoft.com/office/drawing/2014/main" id="{34640C71-BEA5-750F-E496-7A77E0534AF8}"/>
              </a:ext>
              <a:ext uri="{C183D7F6-B498-43B3-948B-1728B52AA6E4}">
                <adec:decorative xmlns:adec="http://schemas.microsoft.com/office/drawing/2017/decorative" val="1"/>
              </a:ext>
            </a:extLst>
          </p:cNvPr>
          <p:cNvSpPr>
            <a:spLocks/>
          </p:cNvSpPr>
          <p:nvPr/>
        </p:nvSpPr>
        <p:spPr>
          <a:xfrm>
            <a:off x="6301437" y="4758223"/>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7. STIL</a:t>
            </a:r>
          </a:p>
        </p:txBody>
      </p:sp>
      <p:sp>
        <p:nvSpPr>
          <p:cNvPr id="140" name="Rectangle: Rounded Corners 397">
            <a:extLst>
              <a:ext uri="{FF2B5EF4-FFF2-40B4-BE49-F238E27FC236}">
                <a16:creationId xmlns:a16="http://schemas.microsoft.com/office/drawing/2014/main" id="{5C192144-81B0-4B69-B335-A100DB9ADE9E}"/>
              </a:ext>
              <a:ext uri="{C183D7F6-B498-43B3-948B-1728B52AA6E4}">
                <adec:decorative xmlns:adec="http://schemas.microsoft.com/office/drawing/2017/decorative" val="1"/>
              </a:ext>
            </a:extLst>
          </p:cNvPr>
          <p:cNvSpPr>
            <a:spLocks/>
          </p:cNvSpPr>
          <p:nvPr/>
        </p:nvSpPr>
        <p:spPr>
          <a:xfrm>
            <a:off x="7433005" y="4758223"/>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9. KOMBIT</a:t>
            </a:r>
          </a:p>
        </p:txBody>
      </p:sp>
      <p:sp>
        <p:nvSpPr>
          <p:cNvPr id="141" name="Rectangle: Rounded Corners 382">
            <a:extLst>
              <a:ext uri="{FF2B5EF4-FFF2-40B4-BE49-F238E27FC236}">
                <a16:creationId xmlns:a16="http://schemas.microsoft.com/office/drawing/2014/main" id="{B237DF57-A3F9-F7E5-0DC9-1EE44ED3F47A}"/>
              </a:ext>
              <a:ext uri="{C183D7F6-B498-43B3-948B-1728B52AA6E4}">
                <adec:decorative xmlns:adec="http://schemas.microsoft.com/office/drawing/2017/decorative" val="1"/>
              </a:ext>
            </a:extLst>
          </p:cNvPr>
          <p:cNvSpPr>
            <a:spLocks/>
          </p:cNvSpPr>
          <p:nvPr/>
        </p:nvSpPr>
        <p:spPr>
          <a:xfrm>
            <a:off x="7998789" y="4758223"/>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0. Aarhus Kommune</a:t>
            </a:r>
          </a:p>
        </p:txBody>
      </p:sp>
      <p:sp>
        <p:nvSpPr>
          <p:cNvPr id="201" name="Rectangle: Rounded Corners 382">
            <a:extLst>
              <a:ext uri="{FF2B5EF4-FFF2-40B4-BE49-F238E27FC236}">
                <a16:creationId xmlns:a16="http://schemas.microsoft.com/office/drawing/2014/main" id="{85C87702-AC56-2EDC-2B83-82911658D3DB}"/>
              </a:ext>
              <a:ext uri="{C183D7F6-B498-43B3-948B-1728B52AA6E4}">
                <adec:decorative xmlns:adec="http://schemas.microsoft.com/office/drawing/2017/decorative" val="1"/>
              </a:ext>
            </a:extLst>
          </p:cNvPr>
          <p:cNvSpPr>
            <a:spLocks/>
          </p:cNvSpPr>
          <p:nvPr/>
        </p:nvSpPr>
        <p:spPr>
          <a:xfrm>
            <a:off x="8564573" y="4758223"/>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1. Aarhus Kom. cloud</a:t>
            </a:r>
          </a:p>
        </p:txBody>
      </p:sp>
      <p:sp>
        <p:nvSpPr>
          <p:cNvPr id="205" name="Rectangle: Rounded Corners 382">
            <a:extLst>
              <a:ext uri="{FF2B5EF4-FFF2-40B4-BE49-F238E27FC236}">
                <a16:creationId xmlns:a16="http://schemas.microsoft.com/office/drawing/2014/main" id="{2B15281A-05EB-8492-F736-0A37EE4F5BB8}"/>
              </a:ext>
              <a:ext uri="{C183D7F6-B498-43B3-948B-1728B52AA6E4}">
                <adec:decorative xmlns:adec="http://schemas.microsoft.com/office/drawing/2017/decorative" val="1"/>
              </a:ext>
            </a:extLst>
          </p:cNvPr>
          <p:cNvSpPr>
            <a:spLocks/>
          </p:cNvSpPr>
          <p:nvPr/>
        </p:nvSpPr>
        <p:spPr>
          <a:xfrm>
            <a:off x="10261925" y="4758223"/>
            <a:ext cx="529784" cy="239451"/>
          </a:xfrm>
          <a:prstGeom prst="roundRect">
            <a:avLst>
              <a:gd name="adj" fmla="val 9583"/>
            </a:avLst>
          </a:prstGeom>
          <a:solidFill>
            <a:srgbClr val="EE2F66">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4. Finansiel sektor</a:t>
            </a:r>
          </a:p>
        </p:txBody>
      </p:sp>
      <p:sp>
        <p:nvSpPr>
          <p:cNvPr id="207" name="Rectangle: Rounded Corners 382">
            <a:extLst>
              <a:ext uri="{FF2B5EF4-FFF2-40B4-BE49-F238E27FC236}">
                <a16:creationId xmlns:a16="http://schemas.microsoft.com/office/drawing/2014/main" id="{03A79888-AC37-0E80-6625-B56F79D91BEE}"/>
              </a:ext>
              <a:ext uri="{C183D7F6-B498-43B3-948B-1728B52AA6E4}">
                <adec:decorative xmlns:adec="http://schemas.microsoft.com/office/drawing/2017/decorative" val="1"/>
              </a:ext>
            </a:extLst>
          </p:cNvPr>
          <p:cNvSpPr>
            <a:spLocks/>
          </p:cNvSpPr>
          <p:nvPr/>
        </p:nvSpPr>
        <p:spPr>
          <a:xfrm>
            <a:off x="10827710" y="4758223"/>
            <a:ext cx="529784" cy="239451"/>
          </a:xfrm>
          <a:prstGeom prst="roundRect">
            <a:avLst>
              <a:gd name="adj" fmla="val 9583"/>
            </a:avLst>
          </a:prstGeom>
          <a:solidFill>
            <a:srgbClr val="EE2F66">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5. Bankdata</a:t>
            </a:r>
          </a:p>
        </p:txBody>
      </p:sp>
      <p:sp>
        <p:nvSpPr>
          <p:cNvPr id="211" name="Rectangle: Rounded Corners 361">
            <a:extLst>
              <a:ext uri="{FF2B5EF4-FFF2-40B4-BE49-F238E27FC236}">
                <a16:creationId xmlns:a16="http://schemas.microsoft.com/office/drawing/2014/main" id="{3543F5EA-D502-0E72-D21C-6577BA7D40CA}"/>
              </a:ext>
              <a:ext uri="{C183D7F6-B498-43B3-948B-1728B52AA6E4}">
                <adec:decorative xmlns:adec="http://schemas.microsoft.com/office/drawing/2017/decorative" val="1"/>
              </a:ext>
            </a:extLst>
          </p:cNvPr>
          <p:cNvSpPr>
            <a:spLocks/>
          </p:cNvSpPr>
          <p:nvPr/>
        </p:nvSpPr>
        <p:spPr>
          <a:xfrm>
            <a:off x="4038119" y="5072556"/>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3. Schleswig-Holstein</a:t>
            </a:r>
            <a:endParaRPr lang="da-DK" sz="500" noProof="0"/>
          </a:p>
        </p:txBody>
      </p:sp>
      <p:sp>
        <p:nvSpPr>
          <p:cNvPr id="213" name="Rectangle: Rounded Corners 364">
            <a:extLst>
              <a:ext uri="{FF2B5EF4-FFF2-40B4-BE49-F238E27FC236}">
                <a16:creationId xmlns:a16="http://schemas.microsoft.com/office/drawing/2014/main" id="{D8FCE5DF-DE63-B940-DFF7-04E7E1CE770C}"/>
              </a:ext>
              <a:ext uri="{C183D7F6-B498-43B3-948B-1728B52AA6E4}">
                <adec:decorative xmlns:adec="http://schemas.microsoft.com/office/drawing/2017/decorative" val="1"/>
              </a:ext>
            </a:extLst>
          </p:cNvPr>
          <p:cNvSpPr>
            <a:spLocks/>
          </p:cNvSpPr>
          <p:nvPr/>
        </p:nvSpPr>
        <p:spPr>
          <a:xfrm>
            <a:off x="4603903" y="5072556"/>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4. </a:t>
            </a:r>
            <a:r>
              <a:rPr lang="da-DK" sz="500" b="1" noProof="0" err="1"/>
              <a:t>ZenDiS</a:t>
            </a:r>
            <a:endParaRPr lang="da-DK" sz="500" b="1" noProof="0"/>
          </a:p>
        </p:txBody>
      </p:sp>
      <p:sp>
        <p:nvSpPr>
          <p:cNvPr id="214" name="Rectangle: Rounded Corners 367">
            <a:extLst>
              <a:ext uri="{FF2B5EF4-FFF2-40B4-BE49-F238E27FC236}">
                <a16:creationId xmlns:a16="http://schemas.microsoft.com/office/drawing/2014/main" id="{45740D6D-A7D0-8241-E300-EC9BB7865999}"/>
              </a:ext>
              <a:ext uri="{C183D7F6-B498-43B3-948B-1728B52AA6E4}">
                <adec:decorative xmlns:adec="http://schemas.microsoft.com/office/drawing/2017/decorative" val="1"/>
              </a:ext>
            </a:extLst>
          </p:cNvPr>
          <p:cNvSpPr>
            <a:spLocks/>
          </p:cNvSpPr>
          <p:nvPr/>
        </p:nvSpPr>
        <p:spPr>
          <a:xfrm>
            <a:off x="5169687" y="5072556"/>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5. GPT-NL</a:t>
            </a:r>
          </a:p>
        </p:txBody>
      </p:sp>
      <p:sp>
        <p:nvSpPr>
          <p:cNvPr id="250" name="Rectangle: Rounded Corners 379">
            <a:extLst>
              <a:ext uri="{FF2B5EF4-FFF2-40B4-BE49-F238E27FC236}">
                <a16:creationId xmlns:a16="http://schemas.microsoft.com/office/drawing/2014/main" id="{DB443FDB-3532-87B7-BAA7-D06231742C49}"/>
              </a:ext>
              <a:ext uri="{C183D7F6-B498-43B3-948B-1728B52AA6E4}">
                <adec:decorative xmlns:adec="http://schemas.microsoft.com/office/drawing/2017/decorative" val="1"/>
              </a:ext>
            </a:extLst>
          </p:cNvPr>
          <p:cNvSpPr>
            <a:spLocks/>
          </p:cNvSpPr>
          <p:nvPr/>
        </p:nvSpPr>
        <p:spPr>
          <a:xfrm>
            <a:off x="6867221" y="5072556"/>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8. OS2</a:t>
            </a:r>
          </a:p>
        </p:txBody>
      </p:sp>
      <p:sp>
        <p:nvSpPr>
          <p:cNvPr id="267" name="Rectangle: Rounded Corners 397">
            <a:extLst>
              <a:ext uri="{FF2B5EF4-FFF2-40B4-BE49-F238E27FC236}">
                <a16:creationId xmlns:a16="http://schemas.microsoft.com/office/drawing/2014/main" id="{3D2A89C5-33CF-FE6E-78B4-CA5907414BD5}"/>
              </a:ext>
              <a:ext uri="{C183D7F6-B498-43B3-948B-1728B52AA6E4}">
                <adec:decorative xmlns:adec="http://schemas.microsoft.com/office/drawing/2017/decorative" val="1"/>
              </a:ext>
            </a:extLst>
          </p:cNvPr>
          <p:cNvSpPr>
            <a:spLocks/>
          </p:cNvSpPr>
          <p:nvPr/>
        </p:nvSpPr>
        <p:spPr>
          <a:xfrm>
            <a:off x="7433005" y="5072556"/>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9. KOMBIT</a:t>
            </a:r>
          </a:p>
        </p:txBody>
      </p:sp>
      <p:sp>
        <p:nvSpPr>
          <p:cNvPr id="279" name="Rectangle: Rounded Corners 358">
            <a:extLst>
              <a:ext uri="{FF2B5EF4-FFF2-40B4-BE49-F238E27FC236}">
                <a16:creationId xmlns:a16="http://schemas.microsoft.com/office/drawing/2014/main" id="{07346B7D-FEC3-52FC-7336-1670586B0D67}"/>
              </a:ext>
              <a:ext uri="{C183D7F6-B498-43B3-948B-1728B52AA6E4}">
                <adec:decorative xmlns:adec="http://schemas.microsoft.com/office/drawing/2017/decorative" val="1"/>
              </a:ext>
            </a:extLst>
          </p:cNvPr>
          <p:cNvSpPr>
            <a:spLocks/>
          </p:cNvSpPr>
          <p:nvPr/>
        </p:nvSpPr>
        <p:spPr>
          <a:xfrm>
            <a:off x="3472335" y="5401952"/>
            <a:ext cx="529784" cy="239451"/>
          </a:xfrm>
          <a:prstGeom prst="roundRect">
            <a:avLst>
              <a:gd name="adj" fmla="val 9583"/>
            </a:avLst>
          </a:prstGeom>
          <a:solidFill>
            <a:srgbClr val="7030A0">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2. EU Kom.</a:t>
            </a:r>
          </a:p>
        </p:txBody>
      </p:sp>
      <p:sp>
        <p:nvSpPr>
          <p:cNvPr id="280" name="Rectangle: Rounded Corners 361">
            <a:extLst>
              <a:ext uri="{FF2B5EF4-FFF2-40B4-BE49-F238E27FC236}">
                <a16:creationId xmlns:a16="http://schemas.microsoft.com/office/drawing/2014/main" id="{F8AA22D3-7CE0-7A5C-CE2E-5B1B1C75B147}"/>
              </a:ext>
              <a:ext uri="{C183D7F6-B498-43B3-948B-1728B52AA6E4}">
                <adec:decorative xmlns:adec="http://schemas.microsoft.com/office/drawing/2017/decorative" val="1"/>
              </a:ext>
            </a:extLst>
          </p:cNvPr>
          <p:cNvSpPr>
            <a:spLocks/>
          </p:cNvSpPr>
          <p:nvPr/>
        </p:nvSpPr>
        <p:spPr>
          <a:xfrm>
            <a:off x="4038119" y="5401952"/>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3. Schleswig-Holstein</a:t>
            </a:r>
            <a:endParaRPr lang="da-DK" sz="500" noProof="0"/>
          </a:p>
        </p:txBody>
      </p:sp>
      <p:sp>
        <p:nvSpPr>
          <p:cNvPr id="282" name="Rectangle: Rounded Corners 364">
            <a:extLst>
              <a:ext uri="{FF2B5EF4-FFF2-40B4-BE49-F238E27FC236}">
                <a16:creationId xmlns:a16="http://schemas.microsoft.com/office/drawing/2014/main" id="{98C32056-D5B3-78F1-71B4-F559FA0A5237}"/>
              </a:ext>
              <a:ext uri="{C183D7F6-B498-43B3-948B-1728B52AA6E4}">
                <adec:decorative xmlns:adec="http://schemas.microsoft.com/office/drawing/2017/decorative" val="1"/>
              </a:ext>
            </a:extLst>
          </p:cNvPr>
          <p:cNvSpPr>
            <a:spLocks/>
          </p:cNvSpPr>
          <p:nvPr/>
        </p:nvSpPr>
        <p:spPr>
          <a:xfrm>
            <a:off x="4603903" y="5401952"/>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4. </a:t>
            </a:r>
            <a:r>
              <a:rPr lang="da-DK" sz="500" b="1" noProof="0" err="1"/>
              <a:t>ZenDiS</a:t>
            </a:r>
            <a:endParaRPr lang="da-DK" sz="500" b="1" noProof="0"/>
          </a:p>
        </p:txBody>
      </p:sp>
      <p:sp>
        <p:nvSpPr>
          <p:cNvPr id="283" name="Rectangle: Rounded Corners 367">
            <a:extLst>
              <a:ext uri="{FF2B5EF4-FFF2-40B4-BE49-F238E27FC236}">
                <a16:creationId xmlns:a16="http://schemas.microsoft.com/office/drawing/2014/main" id="{A268804A-6610-D23C-D692-73071614577B}"/>
              </a:ext>
              <a:ext uri="{C183D7F6-B498-43B3-948B-1728B52AA6E4}">
                <adec:decorative xmlns:adec="http://schemas.microsoft.com/office/drawing/2017/decorative" val="1"/>
              </a:ext>
            </a:extLst>
          </p:cNvPr>
          <p:cNvSpPr>
            <a:spLocks/>
          </p:cNvSpPr>
          <p:nvPr/>
        </p:nvSpPr>
        <p:spPr>
          <a:xfrm>
            <a:off x="5169687" y="5401952"/>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5. GPT-NL</a:t>
            </a:r>
          </a:p>
        </p:txBody>
      </p:sp>
      <p:sp>
        <p:nvSpPr>
          <p:cNvPr id="289" name="Rectangle: Rounded Corners 379">
            <a:extLst>
              <a:ext uri="{FF2B5EF4-FFF2-40B4-BE49-F238E27FC236}">
                <a16:creationId xmlns:a16="http://schemas.microsoft.com/office/drawing/2014/main" id="{BEE948FC-E3F6-5A30-D5EB-30C4D9FC1F99}"/>
              </a:ext>
              <a:ext uri="{C183D7F6-B498-43B3-948B-1728B52AA6E4}">
                <adec:decorative xmlns:adec="http://schemas.microsoft.com/office/drawing/2017/decorative" val="1"/>
              </a:ext>
            </a:extLst>
          </p:cNvPr>
          <p:cNvSpPr>
            <a:spLocks/>
          </p:cNvSpPr>
          <p:nvPr/>
        </p:nvSpPr>
        <p:spPr>
          <a:xfrm>
            <a:off x="6867221" y="5401952"/>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8. OS2</a:t>
            </a:r>
          </a:p>
        </p:txBody>
      </p:sp>
      <p:sp>
        <p:nvSpPr>
          <p:cNvPr id="291" name="Rectangle: Rounded Corners 397">
            <a:extLst>
              <a:ext uri="{FF2B5EF4-FFF2-40B4-BE49-F238E27FC236}">
                <a16:creationId xmlns:a16="http://schemas.microsoft.com/office/drawing/2014/main" id="{942A242E-49E9-5767-0E71-508C525FF496}"/>
              </a:ext>
              <a:ext uri="{C183D7F6-B498-43B3-948B-1728B52AA6E4}">
                <adec:decorative xmlns:adec="http://schemas.microsoft.com/office/drawing/2017/decorative" val="1"/>
              </a:ext>
            </a:extLst>
          </p:cNvPr>
          <p:cNvSpPr>
            <a:spLocks/>
          </p:cNvSpPr>
          <p:nvPr/>
        </p:nvSpPr>
        <p:spPr>
          <a:xfrm>
            <a:off x="7433005" y="5401952"/>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9. KOMBIT</a:t>
            </a:r>
          </a:p>
        </p:txBody>
      </p:sp>
      <p:sp>
        <p:nvSpPr>
          <p:cNvPr id="292" name="Rectangle: Rounded Corners 382">
            <a:extLst>
              <a:ext uri="{FF2B5EF4-FFF2-40B4-BE49-F238E27FC236}">
                <a16:creationId xmlns:a16="http://schemas.microsoft.com/office/drawing/2014/main" id="{3BE42AF3-F57E-9392-6F6F-5531343A1D3F}"/>
              </a:ext>
              <a:ext uri="{C183D7F6-B498-43B3-948B-1728B52AA6E4}">
                <adec:decorative xmlns:adec="http://schemas.microsoft.com/office/drawing/2017/decorative" val="1"/>
              </a:ext>
            </a:extLst>
          </p:cNvPr>
          <p:cNvSpPr>
            <a:spLocks/>
          </p:cNvSpPr>
          <p:nvPr/>
        </p:nvSpPr>
        <p:spPr>
          <a:xfrm>
            <a:off x="7998789" y="5401952"/>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0. Aarhus Kommune</a:t>
            </a:r>
          </a:p>
        </p:txBody>
      </p:sp>
      <p:sp>
        <p:nvSpPr>
          <p:cNvPr id="294" name="Rectangle: Rounded Corners 382">
            <a:extLst>
              <a:ext uri="{FF2B5EF4-FFF2-40B4-BE49-F238E27FC236}">
                <a16:creationId xmlns:a16="http://schemas.microsoft.com/office/drawing/2014/main" id="{B2D5617D-A819-CBD0-0CED-7499C3A1D50F}"/>
              </a:ext>
              <a:ext uri="{C183D7F6-B498-43B3-948B-1728B52AA6E4}">
                <adec:decorative xmlns:adec="http://schemas.microsoft.com/office/drawing/2017/decorative" val="1"/>
              </a:ext>
            </a:extLst>
          </p:cNvPr>
          <p:cNvSpPr>
            <a:spLocks/>
          </p:cNvSpPr>
          <p:nvPr/>
        </p:nvSpPr>
        <p:spPr>
          <a:xfrm>
            <a:off x="8564573" y="5401952"/>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1. Aarhus Kom. cloud</a:t>
            </a:r>
          </a:p>
        </p:txBody>
      </p:sp>
      <p:sp>
        <p:nvSpPr>
          <p:cNvPr id="295" name="Rectangle: Rounded Corners 382">
            <a:extLst>
              <a:ext uri="{FF2B5EF4-FFF2-40B4-BE49-F238E27FC236}">
                <a16:creationId xmlns:a16="http://schemas.microsoft.com/office/drawing/2014/main" id="{A5E2561D-53F9-EEE2-F63D-CBAAA3B3F00C}"/>
              </a:ext>
              <a:ext uri="{C183D7F6-B498-43B3-948B-1728B52AA6E4}">
                <adec:decorative xmlns:adec="http://schemas.microsoft.com/office/drawing/2017/decorative" val="1"/>
              </a:ext>
            </a:extLst>
          </p:cNvPr>
          <p:cNvSpPr>
            <a:spLocks/>
          </p:cNvSpPr>
          <p:nvPr/>
        </p:nvSpPr>
        <p:spPr>
          <a:xfrm>
            <a:off x="9130357" y="5401952"/>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2. Region Syd</a:t>
            </a:r>
          </a:p>
        </p:txBody>
      </p:sp>
      <p:sp>
        <p:nvSpPr>
          <p:cNvPr id="297" name="Rectangle: Rounded Corners 382">
            <a:extLst>
              <a:ext uri="{FF2B5EF4-FFF2-40B4-BE49-F238E27FC236}">
                <a16:creationId xmlns:a16="http://schemas.microsoft.com/office/drawing/2014/main" id="{C3E107EE-C69A-EFD1-921D-593287E087DB}"/>
              </a:ext>
              <a:ext uri="{C183D7F6-B498-43B3-948B-1728B52AA6E4}">
                <adec:decorative xmlns:adec="http://schemas.microsoft.com/office/drawing/2017/decorative" val="1"/>
              </a:ext>
            </a:extLst>
          </p:cNvPr>
          <p:cNvSpPr>
            <a:spLocks/>
          </p:cNvSpPr>
          <p:nvPr/>
        </p:nvSpPr>
        <p:spPr>
          <a:xfrm>
            <a:off x="9696141" y="5401952"/>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3. KBH. Kommune</a:t>
            </a:r>
          </a:p>
        </p:txBody>
      </p:sp>
      <p:sp>
        <p:nvSpPr>
          <p:cNvPr id="298" name="Rectangle: Rounded Corners 382">
            <a:extLst>
              <a:ext uri="{FF2B5EF4-FFF2-40B4-BE49-F238E27FC236}">
                <a16:creationId xmlns:a16="http://schemas.microsoft.com/office/drawing/2014/main" id="{26458D5C-7952-F850-B830-2B12B6AD9964}"/>
              </a:ext>
              <a:ext uri="{C183D7F6-B498-43B3-948B-1728B52AA6E4}">
                <adec:decorative xmlns:adec="http://schemas.microsoft.com/office/drawing/2017/decorative" val="1"/>
              </a:ext>
            </a:extLst>
          </p:cNvPr>
          <p:cNvSpPr>
            <a:spLocks/>
          </p:cNvSpPr>
          <p:nvPr/>
        </p:nvSpPr>
        <p:spPr>
          <a:xfrm>
            <a:off x="10261925" y="5401952"/>
            <a:ext cx="529784" cy="239451"/>
          </a:xfrm>
          <a:prstGeom prst="roundRect">
            <a:avLst>
              <a:gd name="adj" fmla="val 9583"/>
            </a:avLst>
          </a:prstGeom>
          <a:solidFill>
            <a:srgbClr val="EE2F66">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4. Finansiel sektor</a:t>
            </a:r>
          </a:p>
        </p:txBody>
      </p:sp>
      <p:sp>
        <p:nvSpPr>
          <p:cNvPr id="300" name="Rectangle: Rounded Corners 382">
            <a:extLst>
              <a:ext uri="{FF2B5EF4-FFF2-40B4-BE49-F238E27FC236}">
                <a16:creationId xmlns:a16="http://schemas.microsoft.com/office/drawing/2014/main" id="{FC5DEB3F-9AB1-A147-AEBE-CBB9BA5F20FB}"/>
              </a:ext>
              <a:ext uri="{C183D7F6-B498-43B3-948B-1728B52AA6E4}">
                <adec:decorative xmlns:adec="http://schemas.microsoft.com/office/drawing/2017/decorative" val="1"/>
              </a:ext>
            </a:extLst>
          </p:cNvPr>
          <p:cNvSpPr>
            <a:spLocks/>
          </p:cNvSpPr>
          <p:nvPr/>
        </p:nvSpPr>
        <p:spPr>
          <a:xfrm>
            <a:off x="10827710" y="5401952"/>
            <a:ext cx="529784" cy="239451"/>
          </a:xfrm>
          <a:prstGeom prst="roundRect">
            <a:avLst>
              <a:gd name="adj" fmla="val 9583"/>
            </a:avLst>
          </a:prstGeom>
          <a:solidFill>
            <a:srgbClr val="EE2F66">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5. Bankdata</a:t>
            </a:r>
          </a:p>
        </p:txBody>
      </p:sp>
      <p:sp>
        <p:nvSpPr>
          <p:cNvPr id="304" name="Rectangle: Rounded Corners 358">
            <a:extLst>
              <a:ext uri="{FF2B5EF4-FFF2-40B4-BE49-F238E27FC236}">
                <a16:creationId xmlns:a16="http://schemas.microsoft.com/office/drawing/2014/main" id="{5CA0A6B6-1FB7-0D3B-BB7D-887637B02551}"/>
              </a:ext>
              <a:ext uri="{C183D7F6-B498-43B3-948B-1728B52AA6E4}">
                <adec:decorative xmlns:adec="http://schemas.microsoft.com/office/drawing/2017/decorative" val="1"/>
              </a:ext>
            </a:extLst>
          </p:cNvPr>
          <p:cNvSpPr>
            <a:spLocks/>
          </p:cNvSpPr>
          <p:nvPr/>
        </p:nvSpPr>
        <p:spPr>
          <a:xfrm>
            <a:off x="3472335" y="5723359"/>
            <a:ext cx="529784" cy="239451"/>
          </a:xfrm>
          <a:prstGeom prst="roundRect">
            <a:avLst>
              <a:gd name="adj" fmla="val 9583"/>
            </a:avLst>
          </a:prstGeom>
          <a:solidFill>
            <a:srgbClr val="7030A0">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t>2. EU Kom.</a:t>
            </a:r>
          </a:p>
        </p:txBody>
      </p:sp>
      <p:sp>
        <p:nvSpPr>
          <p:cNvPr id="305" name="Rectangle: Rounded Corners 361">
            <a:extLst>
              <a:ext uri="{FF2B5EF4-FFF2-40B4-BE49-F238E27FC236}">
                <a16:creationId xmlns:a16="http://schemas.microsoft.com/office/drawing/2014/main" id="{6140C644-EDEF-D938-9F91-CA49E115BAF0}"/>
              </a:ext>
              <a:ext uri="{C183D7F6-B498-43B3-948B-1728B52AA6E4}">
                <adec:decorative xmlns:adec="http://schemas.microsoft.com/office/drawing/2017/decorative" val="1"/>
              </a:ext>
            </a:extLst>
          </p:cNvPr>
          <p:cNvSpPr>
            <a:spLocks/>
          </p:cNvSpPr>
          <p:nvPr/>
        </p:nvSpPr>
        <p:spPr>
          <a:xfrm>
            <a:off x="4038119" y="5723359"/>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3. Schleswig-Holstein</a:t>
            </a:r>
            <a:endParaRPr lang="da-DK" sz="500" noProof="0"/>
          </a:p>
        </p:txBody>
      </p:sp>
      <p:sp>
        <p:nvSpPr>
          <p:cNvPr id="307" name="Rectangle: Rounded Corners 364">
            <a:extLst>
              <a:ext uri="{FF2B5EF4-FFF2-40B4-BE49-F238E27FC236}">
                <a16:creationId xmlns:a16="http://schemas.microsoft.com/office/drawing/2014/main" id="{15450B8A-1169-88E2-9C42-2A7B7448A6B9}"/>
              </a:ext>
              <a:ext uri="{C183D7F6-B498-43B3-948B-1728B52AA6E4}">
                <adec:decorative xmlns:adec="http://schemas.microsoft.com/office/drawing/2017/decorative" val="1"/>
              </a:ext>
            </a:extLst>
          </p:cNvPr>
          <p:cNvSpPr>
            <a:spLocks/>
          </p:cNvSpPr>
          <p:nvPr/>
        </p:nvSpPr>
        <p:spPr>
          <a:xfrm>
            <a:off x="4603903" y="5723359"/>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4. </a:t>
            </a:r>
            <a:r>
              <a:rPr lang="da-DK" sz="500" b="1" noProof="0" err="1"/>
              <a:t>ZenDiS</a:t>
            </a:r>
            <a:endParaRPr lang="da-DK" sz="500" b="1" noProof="0"/>
          </a:p>
        </p:txBody>
      </p:sp>
      <p:sp>
        <p:nvSpPr>
          <p:cNvPr id="308" name="Rectangle: Rounded Corners 367">
            <a:extLst>
              <a:ext uri="{FF2B5EF4-FFF2-40B4-BE49-F238E27FC236}">
                <a16:creationId xmlns:a16="http://schemas.microsoft.com/office/drawing/2014/main" id="{5F852BB7-9AC0-F483-3C0F-CA20EDFD7DDC}"/>
              </a:ext>
              <a:ext uri="{C183D7F6-B498-43B3-948B-1728B52AA6E4}">
                <adec:decorative xmlns:adec="http://schemas.microsoft.com/office/drawing/2017/decorative" val="1"/>
              </a:ext>
            </a:extLst>
          </p:cNvPr>
          <p:cNvSpPr>
            <a:spLocks/>
          </p:cNvSpPr>
          <p:nvPr/>
        </p:nvSpPr>
        <p:spPr>
          <a:xfrm>
            <a:off x="5169687" y="5723359"/>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5. GPT-NL</a:t>
            </a:r>
          </a:p>
        </p:txBody>
      </p:sp>
      <p:sp>
        <p:nvSpPr>
          <p:cNvPr id="310" name="Rectangle: Rounded Corners 370">
            <a:extLst>
              <a:ext uri="{FF2B5EF4-FFF2-40B4-BE49-F238E27FC236}">
                <a16:creationId xmlns:a16="http://schemas.microsoft.com/office/drawing/2014/main" id="{18FB0C90-F3F2-2761-6986-7B2A4AD40345}"/>
              </a:ext>
              <a:ext uri="{C183D7F6-B498-43B3-948B-1728B52AA6E4}">
                <adec:decorative xmlns:adec="http://schemas.microsoft.com/office/drawing/2017/decorative" val="1"/>
              </a:ext>
            </a:extLst>
          </p:cNvPr>
          <p:cNvSpPr>
            <a:spLocks/>
          </p:cNvSpPr>
          <p:nvPr/>
        </p:nvSpPr>
        <p:spPr>
          <a:xfrm>
            <a:off x="5735471" y="5723359"/>
            <a:ext cx="529784" cy="239451"/>
          </a:xfrm>
          <a:prstGeom prst="roundRect">
            <a:avLst>
              <a:gd name="adj" fmla="val 9583"/>
            </a:avLst>
          </a:prstGeom>
          <a:solidFill>
            <a:srgbClr val="0580A7">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t>6. UK Home Office</a:t>
            </a:r>
          </a:p>
        </p:txBody>
      </p:sp>
      <p:sp>
        <p:nvSpPr>
          <p:cNvPr id="313" name="Rectangle: Rounded Corners 376">
            <a:extLst>
              <a:ext uri="{FF2B5EF4-FFF2-40B4-BE49-F238E27FC236}">
                <a16:creationId xmlns:a16="http://schemas.microsoft.com/office/drawing/2014/main" id="{44925846-3044-16EB-0F55-E2822376637E}"/>
              </a:ext>
              <a:ext uri="{C183D7F6-B498-43B3-948B-1728B52AA6E4}">
                <adec:decorative xmlns:adec="http://schemas.microsoft.com/office/drawing/2017/decorative" val="1"/>
              </a:ext>
            </a:extLst>
          </p:cNvPr>
          <p:cNvSpPr>
            <a:spLocks/>
          </p:cNvSpPr>
          <p:nvPr/>
        </p:nvSpPr>
        <p:spPr>
          <a:xfrm>
            <a:off x="6301437" y="5723359"/>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7. STIL</a:t>
            </a:r>
          </a:p>
        </p:txBody>
      </p:sp>
      <p:sp>
        <p:nvSpPr>
          <p:cNvPr id="316" name="Rectangle: Rounded Corners 397">
            <a:extLst>
              <a:ext uri="{FF2B5EF4-FFF2-40B4-BE49-F238E27FC236}">
                <a16:creationId xmlns:a16="http://schemas.microsoft.com/office/drawing/2014/main" id="{FDFD2C04-901C-C89F-B9EA-5ED71BC91BF0}"/>
              </a:ext>
              <a:ext uri="{C183D7F6-B498-43B3-948B-1728B52AA6E4}">
                <adec:decorative xmlns:adec="http://schemas.microsoft.com/office/drawing/2017/decorative" val="1"/>
              </a:ext>
            </a:extLst>
          </p:cNvPr>
          <p:cNvSpPr>
            <a:spLocks/>
          </p:cNvSpPr>
          <p:nvPr/>
        </p:nvSpPr>
        <p:spPr>
          <a:xfrm>
            <a:off x="7433005" y="5723359"/>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9. KOMBIT</a:t>
            </a:r>
          </a:p>
        </p:txBody>
      </p:sp>
      <p:sp>
        <p:nvSpPr>
          <p:cNvPr id="317" name="Rectangle: Rounded Corners 382">
            <a:extLst>
              <a:ext uri="{FF2B5EF4-FFF2-40B4-BE49-F238E27FC236}">
                <a16:creationId xmlns:a16="http://schemas.microsoft.com/office/drawing/2014/main" id="{BA22F756-B827-7097-4B11-E6A0939D672F}"/>
              </a:ext>
              <a:ext uri="{C183D7F6-B498-43B3-948B-1728B52AA6E4}">
                <adec:decorative xmlns:adec="http://schemas.microsoft.com/office/drawing/2017/decorative" val="1"/>
              </a:ext>
            </a:extLst>
          </p:cNvPr>
          <p:cNvSpPr>
            <a:spLocks/>
          </p:cNvSpPr>
          <p:nvPr/>
        </p:nvSpPr>
        <p:spPr>
          <a:xfrm>
            <a:off x="7998789" y="5723359"/>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0. Aarhus Kommune</a:t>
            </a:r>
            <a:endParaRPr lang="da-DK" sz="500" noProof="0">
              <a:solidFill>
                <a:schemeClr val="bg1"/>
              </a:solidFill>
            </a:endParaRPr>
          </a:p>
        </p:txBody>
      </p:sp>
      <p:sp>
        <p:nvSpPr>
          <p:cNvPr id="319" name="Rectangle: Rounded Corners 382">
            <a:extLst>
              <a:ext uri="{FF2B5EF4-FFF2-40B4-BE49-F238E27FC236}">
                <a16:creationId xmlns:a16="http://schemas.microsoft.com/office/drawing/2014/main" id="{9F66B0BD-DD4D-44CB-959F-5F55AE67464C}"/>
              </a:ext>
              <a:ext uri="{C183D7F6-B498-43B3-948B-1728B52AA6E4}">
                <adec:decorative xmlns:adec="http://schemas.microsoft.com/office/drawing/2017/decorative" val="1"/>
              </a:ext>
            </a:extLst>
          </p:cNvPr>
          <p:cNvSpPr>
            <a:spLocks/>
          </p:cNvSpPr>
          <p:nvPr/>
        </p:nvSpPr>
        <p:spPr>
          <a:xfrm>
            <a:off x="8564573" y="5723359"/>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1. Aarhus Kom. cloud</a:t>
            </a:r>
          </a:p>
        </p:txBody>
      </p:sp>
      <p:sp>
        <p:nvSpPr>
          <p:cNvPr id="320" name="Rectangle: Rounded Corners 382">
            <a:extLst>
              <a:ext uri="{FF2B5EF4-FFF2-40B4-BE49-F238E27FC236}">
                <a16:creationId xmlns:a16="http://schemas.microsoft.com/office/drawing/2014/main" id="{11F0EBF3-F01D-983D-6E17-8B31E2C20259}"/>
              </a:ext>
              <a:ext uri="{C183D7F6-B498-43B3-948B-1728B52AA6E4}">
                <adec:decorative xmlns:adec="http://schemas.microsoft.com/office/drawing/2017/decorative" val="1"/>
              </a:ext>
            </a:extLst>
          </p:cNvPr>
          <p:cNvSpPr>
            <a:spLocks/>
          </p:cNvSpPr>
          <p:nvPr/>
        </p:nvSpPr>
        <p:spPr>
          <a:xfrm>
            <a:off x="9130357" y="5723359"/>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2. Region Syd</a:t>
            </a:r>
          </a:p>
        </p:txBody>
      </p:sp>
      <p:sp>
        <p:nvSpPr>
          <p:cNvPr id="322" name="Rectangle: Rounded Corners 382">
            <a:extLst>
              <a:ext uri="{FF2B5EF4-FFF2-40B4-BE49-F238E27FC236}">
                <a16:creationId xmlns:a16="http://schemas.microsoft.com/office/drawing/2014/main" id="{89AD5EF5-FABD-22C7-B6C8-F87CAE8EF588}"/>
              </a:ext>
              <a:ext uri="{C183D7F6-B498-43B3-948B-1728B52AA6E4}">
                <adec:decorative xmlns:adec="http://schemas.microsoft.com/office/drawing/2017/decorative" val="1"/>
              </a:ext>
            </a:extLst>
          </p:cNvPr>
          <p:cNvSpPr>
            <a:spLocks/>
          </p:cNvSpPr>
          <p:nvPr/>
        </p:nvSpPr>
        <p:spPr>
          <a:xfrm>
            <a:off x="9696141" y="5723359"/>
            <a:ext cx="529784" cy="239451"/>
          </a:xfrm>
          <a:prstGeom prst="roundRect">
            <a:avLst>
              <a:gd name="adj" fmla="val 9583"/>
            </a:avLst>
          </a:prstGeom>
          <a:solidFill>
            <a:srgbClr val="4AB9D3">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3. KBH. Kommune</a:t>
            </a:r>
          </a:p>
        </p:txBody>
      </p:sp>
      <p:sp>
        <p:nvSpPr>
          <p:cNvPr id="323" name="Rectangle: Rounded Corners 382">
            <a:extLst>
              <a:ext uri="{FF2B5EF4-FFF2-40B4-BE49-F238E27FC236}">
                <a16:creationId xmlns:a16="http://schemas.microsoft.com/office/drawing/2014/main" id="{2CA81EF3-FA22-CFD0-DA1B-ECCF582D9DEC}"/>
              </a:ext>
              <a:ext uri="{C183D7F6-B498-43B3-948B-1728B52AA6E4}">
                <adec:decorative xmlns:adec="http://schemas.microsoft.com/office/drawing/2017/decorative" val="1"/>
              </a:ext>
            </a:extLst>
          </p:cNvPr>
          <p:cNvSpPr>
            <a:spLocks/>
          </p:cNvSpPr>
          <p:nvPr/>
        </p:nvSpPr>
        <p:spPr>
          <a:xfrm>
            <a:off x="10261925" y="5723359"/>
            <a:ext cx="529784" cy="239451"/>
          </a:xfrm>
          <a:prstGeom prst="roundRect">
            <a:avLst>
              <a:gd name="adj" fmla="val 9583"/>
            </a:avLst>
          </a:prstGeom>
          <a:solidFill>
            <a:srgbClr val="EE2F66">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a:solidFill>
                  <a:schemeClr val="bg1"/>
                </a:solidFill>
              </a:rPr>
              <a:t>14. Finansiel sektor</a:t>
            </a:r>
            <a:endParaRPr lang="da-DK" sz="500" noProof="0">
              <a:solidFill>
                <a:schemeClr val="bg1"/>
              </a:solidFill>
            </a:endParaRPr>
          </a:p>
        </p:txBody>
      </p:sp>
      <p:sp>
        <p:nvSpPr>
          <p:cNvPr id="325" name="Rectangle: Rounded Corners 382">
            <a:extLst>
              <a:ext uri="{FF2B5EF4-FFF2-40B4-BE49-F238E27FC236}">
                <a16:creationId xmlns:a16="http://schemas.microsoft.com/office/drawing/2014/main" id="{BAFCAB30-7C47-207B-4C84-FAE90CC84F70}"/>
              </a:ext>
              <a:ext uri="{C183D7F6-B498-43B3-948B-1728B52AA6E4}">
                <adec:decorative xmlns:adec="http://schemas.microsoft.com/office/drawing/2017/decorative" val="1"/>
              </a:ext>
            </a:extLst>
          </p:cNvPr>
          <p:cNvSpPr>
            <a:spLocks/>
          </p:cNvSpPr>
          <p:nvPr/>
        </p:nvSpPr>
        <p:spPr>
          <a:xfrm>
            <a:off x="10827710" y="5723359"/>
            <a:ext cx="529784" cy="239451"/>
          </a:xfrm>
          <a:prstGeom prst="roundRect">
            <a:avLst>
              <a:gd name="adj" fmla="val 9583"/>
            </a:avLst>
          </a:prstGeom>
          <a:solidFill>
            <a:srgbClr val="EE2F66">
              <a:alpha val="2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da-DK" sz="500" b="1" noProof="0" dirty="0">
                <a:solidFill>
                  <a:schemeClr val="bg1"/>
                </a:solidFill>
              </a:rPr>
              <a:t>15. Bankdata</a:t>
            </a:r>
          </a:p>
        </p:txBody>
      </p:sp>
      <p:sp>
        <p:nvSpPr>
          <p:cNvPr id="332" name="Rectangle 331">
            <a:extLst>
              <a:ext uri="{FF2B5EF4-FFF2-40B4-BE49-F238E27FC236}">
                <a16:creationId xmlns:a16="http://schemas.microsoft.com/office/drawing/2014/main" id="{A9C2C8AF-598F-C3F3-781F-2C2DAFECB5EC}"/>
              </a:ext>
            </a:extLst>
          </p:cNvPr>
          <p:cNvSpPr/>
          <p:nvPr/>
        </p:nvSpPr>
        <p:spPr>
          <a:xfrm>
            <a:off x="553005" y="6065924"/>
            <a:ext cx="11496500" cy="27059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da-DK" sz="700" i="1" noProof="0" dirty="0">
                <a:solidFill>
                  <a:schemeClr val="tx1"/>
                </a:solidFill>
              </a:rPr>
              <a:t>*For </a:t>
            </a:r>
            <a:r>
              <a:rPr lang="da-DK" sz="700" i="1" noProof="0" dirty="0" err="1">
                <a:solidFill>
                  <a:schemeClr val="tx1"/>
                </a:solidFill>
              </a:rPr>
              <a:t>EuroStack</a:t>
            </a:r>
            <a:r>
              <a:rPr lang="da-DK" sz="700" i="1" noProof="0" dirty="0">
                <a:solidFill>
                  <a:schemeClr val="tx1"/>
                </a:solidFill>
              </a:rPr>
              <a:t>-initiativet er det ambitionen at ramme hele teknologstakken. Initiativet er kun i idé- og strategifasen og der er således </a:t>
            </a:r>
          </a:p>
          <a:p>
            <a:r>
              <a:rPr lang="da-DK" sz="700" i="1" noProof="0" dirty="0">
                <a:solidFill>
                  <a:schemeClr val="tx1"/>
                </a:solidFill>
              </a:rPr>
              <a:t>ikke realiseret </a:t>
            </a:r>
            <a:r>
              <a:rPr lang="da-DK" sz="700" i="1" noProof="0" dirty="0" err="1">
                <a:solidFill>
                  <a:schemeClr val="tx1"/>
                </a:solidFill>
              </a:rPr>
              <a:t>konktrete</a:t>
            </a:r>
            <a:r>
              <a:rPr lang="da-DK" sz="700" i="1" noProof="0" dirty="0">
                <a:solidFill>
                  <a:schemeClr val="tx1"/>
                </a:solidFill>
              </a:rPr>
              <a:t> alternative løsninger endnu.</a:t>
            </a:r>
          </a:p>
        </p:txBody>
      </p:sp>
      <p:grpSp>
        <p:nvGrpSpPr>
          <p:cNvPr id="6" name="Group 5">
            <a:extLst>
              <a:ext uri="{FF2B5EF4-FFF2-40B4-BE49-F238E27FC236}">
                <a16:creationId xmlns:a16="http://schemas.microsoft.com/office/drawing/2014/main" id="{047A20D2-F30D-428D-5F32-24791C67EC3C}"/>
              </a:ext>
              <a:ext uri="{C183D7F6-B498-43B3-948B-1728B52AA6E4}">
                <adec:decorative xmlns:adec="http://schemas.microsoft.com/office/drawing/2017/decorative" val="1"/>
              </a:ext>
            </a:extLst>
          </p:cNvPr>
          <p:cNvGrpSpPr/>
          <p:nvPr/>
        </p:nvGrpSpPr>
        <p:grpSpPr>
          <a:xfrm>
            <a:off x="7017269" y="6141855"/>
            <a:ext cx="4625086" cy="128291"/>
            <a:chOff x="6185626" y="6621846"/>
            <a:chExt cx="4625086" cy="128291"/>
          </a:xfrm>
        </p:grpSpPr>
        <p:grpSp>
          <p:nvGrpSpPr>
            <p:cNvPr id="7" name="Group 6">
              <a:extLst>
                <a:ext uri="{FF2B5EF4-FFF2-40B4-BE49-F238E27FC236}">
                  <a16:creationId xmlns:a16="http://schemas.microsoft.com/office/drawing/2014/main" id="{43BBBD53-2AE4-930E-05E7-961DAE7FC08D}"/>
                </a:ext>
              </a:extLst>
            </p:cNvPr>
            <p:cNvGrpSpPr/>
            <p:nvPr/>
          </p:nvGrpSpPr>
          <p:grpSpPr>
            <a:xfrm>
              <a:off x="7207249" y="6621846"/>
              <a:ext cx="1392786" cy="128291"/>
              <a:chOff x="5483670" y="3074494"/>
              <a:chExt cx="1392786" cy="128291"/>
            </a:xfrm>
          </p:grpSpPr>
          <p:sp>
            <p:nvSpPr>
              <p:cNvPr id="26" name="Rectangle: Rounded Corners 25">
                <a:extLst>
                  <a:ext uri="{FF2B5EF4-FFF2-40B4-BE49-F238E27FC236}">
                    <a16:creationId xmlns:a16="http://schemas.microsoft.com/office/drawing/2014/main" id="{5F310EB9-91BE-A193-4B4A-E61A0E73DF9D}"/>
                  </a:ext>
                </a:extLst>
              </p:cNvPr>
              <p:cNvSpPr/>
              <p:nvPr/>
            </p:nvSpPr>
            <p:spPr>
              <a:xfrm>
                <a:off x="5483670" y="3074494"/>
                <a:ext cx="147256" cy="128291"/>
              </a:xfrm>
              <a:prstGeom prst="roundRect">
                <a:avLst>
                  <a:gd name="adj" fmla="val 9583"/>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700" b="1" noProof="0" dirty="0"/>
              </a:p>
            </p:txBody>
          </p:sp>
          <p:sp>
            <p:nvSpPr>
              <p:cNvPr id="35" name="TextBox 34">
                <a:extLst>
                  <a:ext uri="{FF2B5EF4-FFF2-40B4-BE49-F238E27FC236}">
                    <a16:creationId xmlns:a16="http://schemas.microsoft.com/office/drawing/2014/main" id="{83B037A3-CF0D-A301-9D0B-D4BF66271557}"/>
                  </a:ext>
                </a:extLst>
              </p:cNvPr>
              <p:cNvSpPr txBox="1"/>
              <p:nvPr/>
            </p:nvSpPr>
            <p:spPr>
              <a:xfrm>
                <a:off x="5572532" y="3077285"/>
                <a:ext cx="1303924" cy="123825"/>
              </a:xfrm>
              <a:prstGeom prst="rect">
                <a:avLst/>
              </a:prstGeom>
              <a:noFill/>
            </p:spPr>
            <p:txBody>
              <a:bodyPr wrap="square" rtlCol="0" anchor="ctr">
                <a:noAutofit/>
              </a:bodyPr>
              <a:lstStyle/>
              <a:p>
                <a:r>
                  <a:rPr lang="da-DK" sz="700" noProof="0" dirty="0"/>
                  <a:t>Udenlandske myndigheder</a:t>
                </a:r>
              </a:p>
            </p:txBody>
          </p:sp>
        </p:grpSp>
        <p:grpSp>
          <p:nvGrpSpPr>
            <p:cNvPr id="12" name="Group 11">
              <a:extLst>
                <a:ext uri="{FF2B5EF4-FFF2-40B4-BE49-F238E27FC236}">
                  <a16:creationId xmlns:a16="http://schemas.microsoft.com/office/drawing/2014/main" id="{38901E89-6FB9-EF3E-6C21-B8517E0F582B}"/>
                </a:ext>
              </a:extLst>
            </p:cNvPr>
            <p:cNvGrpSpPr/>
            <p:nvPr/>
          </p:nvGrpSpPr>
          <p:grpSpPr>
            <a:xfrm>
              <a:off x="8589923" y="6621846"/>
              <a:ext cx="1199165" cy="128291"/>
              <a:chOff x="5483670" y="3074494"/>
              <a:chExt cx="1199165" cy="128291"/>
            </a:xfrm>
          </p:grpSpPr>
          <p:sp>
            <p:nvSpPr>
              <p:cNvPr id="24" name="Rectangle: Rounded Corners 23">
                <a:extLst>
                  <a:ext uri="{FF2B5EF4-FFF2-40B4-BE49-F238E27FC236}">
                    <a16:creationId xmlns:a16="http://schemas.microsoft.com/office/drawing/2014/main" id="{AFE3FF16-78C9-F2C4-F69F-6A620A249FE8}"/>
                  </a:ext>
                </a:extLst>
              </p:cNvPr>
              <p:cNvSpPr/>
              <p:nvPr/>
            </p:nvSpPr>
            <p:spPr>
              <a:xfrm>
                <a:off x="5483670" y="3074494"/>
                <a:ext cx="147256" cy="128291"/>
              </a:xfrm>
              <a:prstGeom prst="roundRect">
                <a:avLst>
                  <a:gd name="adj" fmla="val 9583"/>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700" b="1" noProof="0" dirty="0"/>
              </a:p>
            </p:txBody>
          </p:sp>
          <p:sp>
            <p:nvSpPr>
              <p:cNvPr id="25" name="TextBox 24">
                <a:extLst>
                  <a:ext uri="{FF2B5EF4-FFF2-40B4-BE49-F238E27FC236}">
                    <a16:creationId xmlns:a16="http://schemas.microsoft.com/office/drawing/2014/main" id="{8CEE7248-DD2B-7276-FD61-65174093EB71}"/>
                  </a:ext>
                </a:extLst>
              </p:cNvPr>
              <p:cNvSpPr txBox="1"/>
              <p:nvPr/>
            </p:nvSpPr>
            <p:spPr>
              <a:xfrm>
                <a:off x="5567184" y="3078650"/>
                <a:ext cx="1115651" cy="119977"/>
              </a:xfrm>
              <a:prstGeom prst="rect">
                <a:avLst/>
              </a:prstGeom>
              <a:noFill/>
            </p:spPr>
            <p:txBody>
              <a:bodyPr wrap="square" rtlCol="0" anchor="ctr">
                <a:noAutofit/>
              </a:bodyPr>
              <a:lstStyle/>
              <a:p>
                <a:r>
                  <a:rPr lang="da-DK" sz="700" noProof="0" dirty="0"/>
                  <a:t>Danske myndigheder</a:t>
                </a:r>
              </a:p>
            </p:txBody>
          </p:sp>
        </p:grpSp>
        <p:grpSp>
          <p:nvGrpSpPr>
            <p:cNvPr id="15" name="Group 14">
              <a:extLst>
                <a:ext uri="{FF2B5EF4-FFF2-40B4-BE49-F238E27FC236}">
                  <a16:creationId xmlns:a16="http://schemas.microsoft.com/office/drawing/2014/main" id="{61E844E4-0F49-1A2F-77EE-B84C3F8AA0A1}"/>
                </a:ext>
              </a:extLst>
            </p:cNvPr>
            <p:cNvGrpSpPr/>
            <p:nvPr/>
          </p:nvGrpSpPr>
          <p:grpSpPr>
            <a:xfrm>
              <a:off x="9778977" y="6621846"/>
              <a:ext cx="1031735" cy="128291"/>
              <a:chOff x="5483670" y="3074494"/>
              <a:chExt cx="1031735" cy="128291"/>
            </a:xfrm>
          </p:grpSpPr>
          <p:sp>
            <p:nvSpPr>
              <p:cNvPr id="22" name="Rectangle: Rounded Corners 21">
                <a:extLst>
                  <a:ext uri="{FF2B5EF4-FFF2-40B4-BE49-F238E27FC236}">
                    <a16:creationId xmlns:a16="http://schemas.microsoft.com/office/drawing/2014/main" id="{0AD1BB82-35A8-FB48-21A0-78072AFDD80A}"/>
                  </a:ext>
                </a:extLst>
              </p:cNvPr>
              <p:cNvSpPr/>
              <p:nvPr/>
            </p:nvSpPr>
            <p:spPr>
              <a:xfrm>
                <a:off x="5483670" y="3074494"/>
                <a:ext cx="147256" cy="128291"/>
              </a:xfrm>
              <a:prstGeom prst="roundRect">
                <a:avLst>
                  <a:gd name="adj" fmla="val 9583"/>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700" b="1" noProof="0" dirty="0"/>
              </a:p>
            </p:txBody>
          </p:sp>
          <p:sp>
            <p:nvSpPr>
              <p:cNvPr id="23" name="TextBox 22">
                <a:extLst>
                  <a:ext uri="{FF2B5EF4-FFF2-40B4-BE49-F238E27FC236}">
                    <a16:creationId xmlns:a16="http://schemas.microsoft.com/office/drawing/2014/main" id="{24333518-5329-C309-6918-E17BAFF3F212}"/>
                  </a:ext>
                </a:extLst>
              </p:cNvPr>
              <p:cNvSpPr txBox="1"/>
              <p:nvPr/>
            </p:nvSpPr>
            <p:spPr>
              <a:xfrm>
                <a:off x="5567185" y="3078650"/>
                <a:ext cx="948220" cy="119977"/>
              </a:xfrm>
              <a:prstGeom prst="rect">
                <a:avLst/>
              </a:prstGeom>
              <a:noFill/>
            </p:spPr>
            <p:txBody>
              <a:bodyPr wrap="square" rtlCol="0" anchor="ctr">
                <a:noAutofit/>
              </a:bodyPr>
              <a:lstStyle/>
              <a:p>
                <a:r>
                  <a:rPr lang="da-DK" sz="700" noProof="0" dirty="0"/>
                  <a:t>Privat sektor</a:t>
                </a:r>
              </a:p>
            </p:txBody>
          </p:sp>
        </p:grpSp>
        <p:grpSp>
          <p:nvGrpSpPr>
            <p:cNvPr id="16" name="Group 15">
              <a:extLst>
                <a:ext uri="{FF2B5EF4-FFF2-40B4-BE49-F238E27FC236}">
                  <a16:creationId xmlns:a16="http://schemas.microsoft.com/office/drawing/2014/main" id="{F1BC6D61-C99F-827E-A6E5-47A191E76379}"/>
                </a:ext>
              </a:extLst>
            </p:cNvPr>
            <p:cNvGrpSpPr/>
            <p:nvPr/>
          </p:nvGrpSpPr>
          <p:grpSpPr>
            <a:xfrm>
              <a:off x="6185626" y="6621846"/>
              <a:ext cx="1031735" cy="128291"/>
              <a:chOff x="5483670" y="3074494"/>
              <a:chExt cx="1031735" cy="128291"/>
            </a:xfrm>
          </p:grpSpPr>
          <p:sp>
            <p:nvSpPr>
              <p:cNvPr id="17" name="Rectangle: Rounded Corners 16">
                <a:extLst>
                  <a:ext uri="{FF2B5EF4-FFF2-40B4-BE49-F238E27FC236}">
                    <a16:creationId xmlns:a16="http://schemas.microsoft.com/office/drawing/2014/main" id="{04703E2F-027A-A335-BD44-24DED98EDF92}"/>
                  </a:ext>
                </a:extLst>
              </p:cNvPr>
              <p:cNvSpPr/>
              <p:nvPr/>
            </p:nvSpPr>
            <p:spPr>
              <a:xfrm>
                <a:off x="5483670" y="3074494"/>
                <a:ext cx="147256" cy="128291"/>
              </a:xfrm>
              <a:prstGeom prst="roundRect">
                <a:avLst>
                  <a:gd name="adj" fmla="val 9583"/>
                </a:avLst>
              </a:prstGeom>
              <a:solidFill>
                <a:srgbClr val="7030A0"/>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36000" rIns="504000" bIns="36000" rtlCol="0" anchor="t"/>
              <a:lstStyle/>
              <a:p>
                <a:endParaRPr lang="da-DK" sz="700" b="1" noProof="0" dirty="0"/>
              </a:p>
            </p:txBody>
          </p:sp>
          <p:sp>
            <p:nvSpPr>
              <p:cNvPr id="21" name="TextBox 20">
                <a:extLst>
                  <a:ext uri="{FF2B5EF4-FFF2-40B4-BE49-F238E27FC236}">
                    <a16:creationId xmlns:a16="http://schemas.microsoft.com/office/drawing/2014/main" id="{C4CA1557-C1BE-03BF-42B7-7A59E1F2525C}"/>
                  </a:ext>
                </a:extLst>
              </p:cNvPr>
              <p:cNvSpPr txBox="1"/>
              <p:nvPr/>
            </p:nvSpPr>
            <p:spPr>
              <a:xfrm>
                <a:off x="5567185" y="3078650"/>
                <a:ext cx="948220" cy="119977"/>
              </a:xfrm>
              <a:prstGeom prst="rect">
                <a:avLst/>
              </a:prstGeom>
              <a:noFill/>
            </p:spPr>
            <p:txBody>
              <a:bodyPr wrap="square" rtlCol="0" anchor="ctr">
                <a:noAutofit/>
              </a:bodyPr>
              <a:lstStyle/>
              <a:p>
                <a:r>
                  <a:rPr lang="da-DK" sz="700" noProof="0" dirty="0"/>
                  <a:t>Fælleseuropæisk</a:t>
                </a:r>
              </a:p>
            </p:txBody>
          </p:sp>
        </p:grpSp>
      </p:grpSp>
    </p:spTree>
    <p:extLst>
      <p:ext uri="{BB962C8B-B14F-4D97-AF65-F5344CB8AC3E}">
        <p14:creationId xmlns:p14="http://schemas.microsoft.com/office/powerpoint/2010/main" val="375760644"/>
      </p:ext>
    </p:extLst>
  </p:cSld>
  <p:clrMapOvr>
    <a:masterClrMapping/>
  </p:clrMapOvr>
  <p:transition>
    <p:fade/>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35BA501-8F74-EF86-7CAB-4E80A38D5AFB}"/>
            </a:ext>
          </a:extLst>
        </p:cNvPr>
        <p:cNvGrpSpPr/>
        <p:nvPr/>
      </p:nvGrpSpPr>
      <p:grpSpPr>
        <a:xfrm>
          <a:off x="0" y="0"/>
          <a:ext cx="0" cy="0"/>
          <a:chOff x="0" y="0"/>
          <a:chExt cx="0" cy="0"/>
        </a:xfrm>
      </p:grpSpPr>
      <p:sp>
        <p:nvSpPr>
          <p:cNvPr id="20" name="Rectangle: Rounded Corners 19">
            <a:extLst>
              <a:ext uri="{FF2B5EF4-FFF2-40B4-BE49-F238E27FC236}">
                <a16:creationId xmlns:a16="http://schemas.microsoft.com/office/drawing/2014/main" id="{B614FD00-F8F3-C715-6FB8-A50FEDFA4ED4}"/>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chemeClr val="accent2"/>
                </a:solidFill>
                <a:latin typeface="Arial" panose="020B0604020202020204"/>
              </a:rPr>
              <a:t>01 | Strategisk ambition og gevinster     </a:t>
            </a:r>
          </a:p>
        </p:txBody>
      </p:sp>
      <p:sp>
        <p:nvSpPr>
          <p:cNvPr id="8" name="Title 2">
            <a:extLst>
              <a:ext uri="{FF2B5EF4-FFF2-40B4-BE49-F238E27FC236}">
                <a16:creationId xmlns:a16="http://schemas.microsoft.com/office/drawing/2014/main" id="{FC6591B8-4DCA-6B2F-020B-9FD808D53F33}"/>
              </a:ext>
            </a:extLst>
          </p:cNvPr>
          <p:cNvSpPr>
            <a:spLocks noGrp="1"/>
          </p:cNvSpPr>
          <p:nvPr>
            <p:ph type="title"/>
          </p:nvPr>
        </p:nvSpPr>
        <p:spPr>
          <a:xfrm>
            <a:off x="554355" y="512763"/>
            <a:ext cx="11088000" cy="792465"/>
          </a:xfrm>
        </p:spPr>
        <p:txBody>
          <a:bodyPr/>
          <a:lstStyle/>
          <a:p>
            <a:r>
              <a:rPr lang="da-DK" sz="2200" noProof="0" dirty="0"/>
              <a:t>Myndighedernes arbejde med digital suverænitet udspringer af et ønske om øget uafhængighed, øget kontrol og større digital valgfrihed </a:t>
            </a:r>
          </a:p>
        </p:txBody>
      </p:sp>
      <p:sp>
        <p:nvSpPr>
          <p:cNvPr id="44" name="Rounded Rectangle 127">
            <a:extLst>
              <a:ext uri="{FF2B5EF4-FFF2-40B4-BE49-F238E27FC236}">
                <a16:creationId xmlns:a16="http://schemas.microsoft.com/office/drawing/2014/main" id="{738F1F09-4C72-8DA0-27C1-A2F6124A6B92}"/>
              </a:ext>
            </a:extLst>
          </p:cNvPr>
          <p:cNvSpPr/>
          <p:nvPr/>
        </p:nvSpPr>
        <p:spPr>
          <a:xfrm>
            <a:off x="553586" y="1672606"/>
            <a:ext cx="11088000"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noProof="0" dirty="0">
              <a:solidFill>
                <a:schemeClr val="accent3"/>
              </a:solidFill>
            </a:endParaRPr>
          </a:p>
          <a:p>
            <a:pPr marL="171450" indent="-171450">
              <a:buFont typeface="Arial" panose="020B0604020202020204" pitchFamily="34" charset="0"/>
              <a:buChar char="•"/>
            </a:pPr>
            <a:r>
              <a:rPr lang="da-DK" sz="1000" noProof="0" dirty="0">
                <a:solidFill>
                  <a:schemeClr val="tx1"/>
                </a:solidFill>
              </a:rPr>
              <a:t>Fuldstændig suverænitet vil kræve kontrol, valgfrihed og forsyningssikkerhed igennem hele teknologistakken og den underliggende forsyning af bl.a. råvarer og chips. Det er ikke muligt i et dansk eller europæisk perspektiv, hverken på kort eller mellemlang sigt.  </a:t>
            </a:r>
          </a:p>
          <a:p>
            <a:pPr marL="171450" indent="-171450">
              <a:buFont typeface="Arial" panose="020B0604020202020204" pitchFamily="34" charset="0"/>
              <a:buChar char="•"/>
            </a:pPr>
            <a:r>
              <a:rPr lang="da-DK" sz="1000" noProof="0" dirty="0">
                <a:solidFill>
                  <a:schemeClr val="tx1"/>
                </a:solidFill>
              </a:rPr>
              <a:t>Myndighedernes fokus er i stedet på de områder, hvor de digitale sårbarheder er størst, fx afhængighed af udenlandske cloud-udbydere, </a:t>
            </a:r>
            <a:r>
              <a:rPr lang="da-DK" sz="1000" noProof="0" dirty="0" err="1">
                <a:solidFill>
                  <a:schemeClr val="tx1"/>
                </a:solidFill>
              </a:rPr>
              <a:t>proprietære</a:t>
            </a:r>
            <a:r>
              <a:rPr lang="da-DK" sz="1000" noProof="0" dirty="0">
                <a:solidFill>
                  <a:schemeClr val="tx1"/>
                </a:solidFill>
              </a:rPr>
              <a:t> formater eller manglende exit-strategi. Det er et spørgsmål om at forstå sine kritiske afhængigheder og sårbarheder, for at kunne vurdere den samlede risikoeksponering og handlemuligheder. </a:t>
            </a:r>
          </a:p>
        </p:txBody>
      </p:sp>
      <p:sp>
        <p:nvSpPr>
          <p:cNvPr id="61" name="Rounded Rectangle 127">
            <a:extLst>
              <a:ext uri="{FF2B5EF4-FFF2-40B4-BE49-F238E27FC236}">
                <a16:creationId xmlns:a16="http://schemas.microsoft.com/office/drawing/2014/main" id="{A79C472C-C929-722E-E650-E106F67B0824}"/>
              </a:ext>
            </a:extLst>
          </p:cNvPr>
          <p:cNvSpPr/>
          <p:nvPr/>
        </p:nvSpPr>
        <p:spPr>
          <a:xfrm>
            <a:off x="553586" y="2913485"/>
            <a:ext cx="11087999"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noProof="0" dirty="0">
              <a:solidFill>
                <a:schemeClr val="tx1"/>
              </a:solidFill>
            </a:endParaRPr>
          </a:p>
          <a:p>
            <a:pPr marL="171450" indent="-171450">
              <a:buFont typeface="Arial" panose="020B0604020202020204" pitchFamily="34" charset="0"/>
              <a:buChar char="•"/>
            </a:pPr>
            <a:r>
              <a:rPr lang="da-DK" sz="1000" noProof="0" dirty="0">
                <a:solidFill>
                  <a:schemeClr val="tx1"/>
                </a:solidFill>
              </a:rPr>
              <a:t>Det er muligt at udskifte digitale løsninger og dele af den samlede infrastruktur mhp. at øge den digitale suverænitet. På flere områder i teknologistakken findes modne og velafprøvede alternativer, fx europæiske cloud-løsninger, digitale kontorpakker og samarbejdsværktøjer, sikkerhedsløsninger, programmeringssprog, databaser og operativsystemer mv.</a:t>
            </a:r>
          </a:p>
          <a:p>
            <a:pPr marL="171450" indent="-171450">
              <a:buFont typeface="Arial" panose="020B0604020202020204" pitchFamily="34" charset="0"/>
              <a:buChar char="•"/>
            </a:pPr>
            <a:r>
              <a:rPr lang="da-DK" sz="1000" noProof="0" dirty="0">
                <a:solidFill>
                  <a:schemeClr val="tx1"/>
                </a:solidFill>
              </a:rPr>
              <a:t>Der er eksempler på myndigheder, som udvikler nye løsninger ”fra bunden” for at skabe alternativer. Der ses både eksempler på mindre fagsystemer og digitale services med lav </a:t>
            </a:r>
            <a:r>
              <a:rPr lang="da-DK" sz="1000" noProof="0" dirty="0" err="1">
                <a:solidFill>
                  <a:schemeClr val="tx1"/>
                </a:solidFill>
              </a:rPr>
              <a:t>kritikalitet</a:t>
            </a:r>
            <a:r>
              <a:rPr lang="da-DK" sz="1000" noProof="0" dirty="0">
                <a:solidFill>
                  <a:schemeClr val="tx1"/>
                </a:solidFill>
              </a:rPr>
              <a:t>, fx løsninger til overblik over it-systemer, indberetninger mv., men også mere forretningskritiske løsninger til bl.a. datadeling og sagsbehandling (jf. cases fra Home Office og Schleswig-Holstein). </a:t>
            </a:r>
          </a:p>
          <a:p>
            <a:pPr marL="171450" indent="-171450">
              <a:buFont typeface="Arial" panose="020B0604020202020204" pitchFamily="34" charset="0"/>
              <a:buChar char="•"/>
            </a:pPr>
            <a:r>
              <a:rPr lang="da-DK" sz="1000" noProof="0" dirty="0">
                <a:solidFill>
                  <a:schemeClr val="tx1"/>
                </a:solidFill>
              </a:rPr>
              <a:t>Alternativer kan både være open source-software (OSS) og </a:t>
            </a:r>
            <a:r>
              <a:rPr lang="da-DK" sz="1000" noProof="0" dirty="0" err="1">
                <a:solidFill>
                  <a:schemeClr val="tx1"/>
                </a:solidFill>
              </a:rPr>
              <a:t>proprietære</a:t>
            </a:r>
            <a:r>
              <a:rPr lang="da-DK" sz="1000" noProof="0" dirty="0">
                <a:solidFill>
                  <a:schemeClr val="tx1"/>
                </a:solidFill>
              </a:rPr>
              <a:t> løsninger som også kan indeholde open source-komponenter.</a:t>
            </a:r>
          </a:p>
        </p:txBody>
      </p:sp>
      <p:sp>
        <p:nvSpPr>
          <p:cNvPr id="2" name="Rounded Rectangle 127">
            <a:extLst>
              <a:ext uri="{FF2B5EF4-FFF2-40B4-BE49-F238E27FC236}">
                <a16:creationId xmlns:a16="http://schemas.microsoft.com/office/drawing/2014/main" id="{BC8CA947-5066-0473-261E-C8F2C795D5F7}"/>
              </a:ext>
            </a:extLst>
          </p:cNvPr>
          <p:cNvSpPr/>
          <p:nvPr/>
        </p:nvSpPr>
        <p:spPr>
          <a:xfrm>
            <a:off x="553586" y="4154364"/>
            <a:ext cx="11088000"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Ins="0" rtlCol="0" anchor="t"/>
          <a:lstStyle/>
          <a:p>
            <a:endParaRPr lang="da-DK" sz="1000" noProof="0" dirty="0">
              <a:solidFill>
                <a:schemeClr val="tx1"/>
              </a:solidFill>
            </a:endParaRPr>
          </a:p>
          <a:p>
            <a:pPr marL="171450" indent="-171450">
              <a:buFont typeface="Arial" panose="020B0604020202020204" pitchFamily="34" charset="0"/>
              <a:buChar char="•"/>
            </a:pPr>
            <a:r>
              <a:rPr lang="da-DK" sz="1000" noProof="0" dirty="0">
                <a:solidFill>
                  <a:schemeClr val="tx1"/>
                </a:solidFill>
              </a:rPr>
              <a:t>Myndighedernes ambition med digital suverænitet er at opnå øget kontrol og digital valgfrihed samt færre kritiske digitale afhængigheder.</a:t>
            </a:r>
          </a:p>
          <a:p>
            <a:pPr marL="171450" indent="-171450">
              <a:buFont typeface="Arial" panose="020B0604020202020204" pitchFamily="34" charset="0"/>
              <a:buChar char="•"/>
            </a:pPr>
            <a:r>
              <a:rPr lang="da-DK" sz="1000" noProof="0" dirty="0">
                <a:solidFill>
                  <a:schemeClr val="tx1"/>
                </a:solidFill>
              </a:rPr>
              <a:t>Digital suverænitet handler om at balancere pris, kvalitet og kontrol ved indkøb og udskiftning af digitale løsninger og it-infrastruktur. Øget digital suverænitet kan i nogle tilfælde betyde højere omkostninger eller løsninger med mindre funktionalitet (jf. cases fra EU-Kommissionen, Schleswig-Holstein og STIL). </a:t>
            </a:r>
          </a:p>
          <a:p>
            <a:pPr marL="171450" indent="-171450">
              <a:buFont typeface="Arial" panose="020B0604020202020204" pitchFamily="34" charset="0"/>
              <a:buChar char="•"/>
            </a:pPr>
            <a:r>
              <a:rPr lang="da-DK" sz="1000" noProof="0" dirty="0">
                <a:solidFill>
                  <a:schemeClr val="tx1"/>
                </a:solidFill>
              </a:rPr>
              <a:t>Der ses flere konkrete eksempler på, at udskiftning af teknologier kan nedbringe omkostninger til licenser, men at migreringen til alternative teknologier indebærer omkostninger til egne kompetencer, nye it-leverandører, </a:t>
            </a:r>
            <a:r>
              <a:rPr lang="da-DK" sz="1000" noProof="0" dirty="0" err="1">
                <a:solidFill>
                  <a:schemeClr val="tx1"/>
                </a:solidFill>
              </a:rPr>
              <a:t>governance</a:t>
            </a:r>
            <a:r>
              <a:rPr lang="da-DK" sz="1000" noProof="0" dirty="0">
                <a:solidFill>
                  <a:schemeClr val="tx1"/>
                </a:solidFill>
              </a:rPr>
              <a:t> mv. Økonomiske besparelser bør derfor ikke være det primære formål.</a:t>
            </a:r>
          </a:p>
          <a:p>
            <a:r>
              <a:rPr lang="da-DK" sz="1000" noProof="0" dirty="0">
                <a:solidFill>
                  <a:schemeClr val="tx1"/>
                </a:solidFill>
              </a:rPr>
              <a:t> </a:t>
            </a:r>
          </a:p>
          <a:p>
            <a:endParaRPr lang="da-DK" sz="1000" noProof="0" dirty="0">
              <a:solidFill>
                <a:schemeClr val="tx1"/>
              </a:solidFill>
            </a:endParaRPr>
          </a:p>
        </p:txBody>
      </p:sp>
      <p:sp>
        <p:nvSpPr>
          <p:cNvPr id="4" name="Rounded Rectangle 127">
            <a:extLst>
              <a:ext uri="{FF2B5EF4-FFF2-40B4-BE49-F238E27FC236}">
                <a16:creationId xmlns:a16="http://schemas.microsoft.com/office/drawing/2014/main" id="{5A61EFC4-D075-8BEB-4160-F4B523C3B9A3}"/>
              </a:ext>
            </a:extLst>
          </p:cNvPr>
          <p:cNvSpPr/>
          <p:nvPr/>
        </p:nvSpPr>
        <p:spPr>
          <a:xfrm>
            <a:off x="553586" y="5395242"/>
            <a:ext cx="11087999"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da-DK" sz="1000" noProof="0" dirty="0">
                <a:solidFill>
                  <a:schemeClr val="tx1"/>
                </a:solidFill>
              </a:rPr>
              <a:t>.</a:t>
            </a:r>
          </a:p>
          <a:p>
            <a:pPr marL="171450" indent="-171450">
              <a:buFont typeface="Arial" panose="020B0604020202020204" pitchFamily="34" charset="0"/>
              <a:buChar char="•"/>
            </a:pPr>
            <a:r>
              <a:rPr lang="da-DK" sz="1000" noProof="0" dirty="0">
                <a:solidFill>
                  <a:schemeClr val="tx1"/>
                </a:solidFill>
              </a:rPr>
              <a:t>Der ses flere eksempler på større og mere transformative tiltag i flere europæiske lande (fx Frankrig, Holland og Tyskland) og på fælleseuropæisk niveau (fx </a:t>
            </a:r>
            <a:r>
              <a:rPr lang="da-DK" sz="1000" noProof="0" dirty="0" err="1">
                <a:solidFill>
                  <a:schemeClr val="tx1"/>
                </a:solidFill>
              </a:rPr>
              <a:t>EuroStack</a:t>
            </a:r>
            <a:r>
              <a:rPr lang="da-DK" sz="1000" noProof="0" dirty="0">
                <a:solidFill>
                  <a:schemeClr val="tx1"/>
                </a:solidFill>
              </a:rPr>
              <a:t> og Gaia-X), som både har krævet politisk vilje, økonomiske investeringer og nye samarbejder mellem offentlige myndigheder, fonde og private aktører.</a:t>
            </a:r>
          </a:p>
          <a:p>
            <a:pPr marL="171450" indent="-171450">
              <a:buFont typeface="Arial" panose="020B0604020202020204" pitchFamily="34" charset="0"/>
              <a:buChar char="•"/>
            </a:pPr>
            <a:r>
              <a:rPr lang="da-DK" sz="1000" noProof="0" dirty="0">
                <a:solidFill>
                  <a:schemeClr val="tx1"/>
                </a:solidFill>
              </a:rPr>
              <a:t>Der er en generel efterspørgsel på flere (fælles)europæiske løsninger, som kan udgøre reelle og suveræne alternativer til dominerende digitale teknologier. Fælles samarbejder kan mindske adgangsbarrierer for de danske myndigheder og tilbyde nye kompetencefællesskaber og skalafordele.   </a:t>
            </a:r>
          </a:p>
          <a:p>
            <a:endParaRPr lang="da-DK" sz="1000" noProof="0" dirty="0">
              <a:solidFill>
                <a:schemeClr val="tx1"/>
              </a:solidFill>
            </a:endParaRPr>
          </a:p>
          <a:p>
            <a:endParaRPr lang="da-DK" sz="1000" noProof="0" dirty="0">
              <a:solidFill>
                <a:schemeClr val="accent3"/>
              </a:solidFill>
            </a:endParaRPr>
          </a:p>
          <a:p>
            <a:endParaRPr lang="da-DK" sz="1000" noProof="0" dirty="0">
              <a:solidFill>
                <a:schemeClr val="tx1"/>
              </a:solidFill>
            </a:endParaRPr>
          </a:p>
        </p:txBody>
      </p:sp>
      <p:sp>
        <p:nvSpPr>
          <p:cNvPr id="45" name="Rounded Rectangle 127">
            <a:extLst>
              <a:ext uri="{FF2B5EF4-FFF2-40B4-BE49-F238E27FC236}">
                <a16:creationId xmlns:a16="http://schemas.microsoft.com/office/drawing/2014/main" id="{78869B37-54B5-9EAC-A7F9-7655A7113C83}"/>
              </a:ext>
              <a:ext uri="{C183D7F6-B498-43B3-948B-1728B52AA6E4}">
                <adec:decorative xmlns:adec="http://schemas.microsoft.com/office/drawing/2017/decorative" val="1"/>
              </a:ext>
            </a:extLst>
          </p:cNvPr>
          <p:cNvSpPr/>
          <p:nvPr/>
        </p:nvSpPr>
        <p:spPr>
          <a:xfrm>
            <a:off x="636781" y="1545336"/>
            <a:ext cx="5442517" cy="302700"/>
          </a:xfrm>
          <a:prstGeom prst="roundRect">
            <a:avLst/>
          </a:prstGeom>
          <a:solidFill>
            <a:srgbClr val="024D78"/>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a:solidFill>
                  <a:schemeClr val="bg1"/>
                </a:solidFill>
              </a:rPr>
              <a:t>Nøgleobservation 1.1 | </a:t>
            </a:r>
            <a:r>
              <a:rPr lang="da-DK" sz="1100" b="1" noProof="0">
                <a:solidFill>
                  <a:schemeClr val="bg1"/>
                </a:solidFill>
              </a:rPr>
              <a:t>Fuld digital suverænitet er ikke et endemål</a:t>
            </a:r>
            <a:endParaRPr lang="da-DK" sz="1100" noProof="0">
              <a:solidFill>
                <a:schemeClr val="bg1"/>
              </a:solidFill>
            </a:endParaRPr>
          </a:p>
        </p:txBody>
      </p:sp>
      <p:sp>
        <p:nvSpPr>
          <p:cNvPr id="17" name="Rounded Rectangle 127">
            <a:extLst>
              <a:ext uri="{FF2B5EF4-FFF2-40B4-BE49-F238E27FC236}">
                <a16:creationId xmlns:a16="http://schemas.microsoft.com/office/drawing/2014/main" id="{92ACB781-21C3-E8D7-76C7-8EF5E6560FFF}"/>
              </a:ext>
              <a:ext uri="{C183D7F6-B498-43B3-948B-1728B52AA6E4}">
                <adec:decorative xmlns:adec="http://schemas.microsoft.com/office/drawing/2017/decorative" val="1"/>
              </a:ext>
            </a:extLst>
          </p:cNvPr>
          <p:cNvSpPr/>
          <p:nvPr/>
        </p:nvSpPr>
        <p:spPr>
          <a:xfrm>
            <a:off x="652021" y="2767584"/>
            <a:ext cx="5442517" cy="302700"/>
          </a:xfrm>
          <a:prstGeom prst="roundRect">
            <a:avLst/>
          </a:prstGeom>
          <a:solidFill>
            <a:srgbClr val="024D78"/>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a:solidFill>
                  <a:schemeClr val="bg1"/>
                </a:solidFill>
              </a:rPr>
              <a:t>Nøgleobservation 1.2 | </a:t>
            </a:r>
            <a:r>
              <a:rPr lang="da-DK" sz="1100" b="1" noProof="0">
                <a:solidFill>
                  <a:schemeClr val="bg1"/>
                </a:solidFill>
              </a:rPr>
              <a:t>Der findes reelle alternativer til dominerende produkter</a:t>
            </a:r>
          </a:p>
        </p:txBody>
      </p:sp>
      <p:sp>
        <p:nvSpPr>
          <p:cNvPr id="18" name="Rounded Rectangle 127">
            <a:extLst>
              <a:ext uri="{FF2B5EF4-FFF2-40B4-BE49-F238E27FC236}">
                <a16:creationId xmlns:a16="http://schemas.microsoft.com/office/drawing/2014/main" id="{A247BE66-4B2E-E3B6-60DE-44AB27BE7326}"/>
              </a:ext>
              <a:ext uri="{C183D7F6-B498-43B3-948B-1728B52AA6E4}">
                <adec:decorative xmlns:adec="http://schemas.microsoft.com/office/drawing/2017/decorative" val="1"/>
              </a:ext>
            </a:extLst>
          </p:cNvPr>
          <p:cNvSpPr/>
          <p:nvPr/>
        </p:nvSpPr>
        <p:spPr>
          <a:xfrm>
            <a:off x="658117" y="4026408"/>
            <a:ext cx="5442517" cy="302700"/>
          </a:xfrm>
          <a:prstGeom prst="roundRect">
            <a:avLst/>
          </a:prstGeom>
          <a:solidFill>
            <a:srgbClr val="024D78"/>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dirty="0">
                <a:solidFill>
                  <a:schemeClr val="bg1"/>
                </a:solidFill>
              </a:rPr>
              <a:t>Nøgleobservation 1.3 | </a:t>
            </a:r>
            <a:r>
              <a:rPr lang="da-DK" sz="1100" b="1" noProof="0" dirty="0">
                <a:solidFill>
                  <a:schemeClr val="bg1"/>
                </a:solidFill>
              </a:rPr>
              <a:t>Øget kontrol og digital valgfrihed er centrale gevinster</a:t>
            </a:r>
          </a:p>
        </p:txBody>
      </p:sp>
      <p:sp>
        <p:nvSpPr>
          <p:cNvPr id="19" name="Rounded Rectangle 127">
            <a:extLst>
              <a:ext uri="{FF2B5EF4-FFF2-40B4-BE49-F238E27FC236}">
                <a16:creationId xmlns:a16="http://schemas.microsoft.com/office/drawing/2014/main" id="{D70C509A-4360-DBE2-0050-6B96D250C684}"/>
              </a:ext>
              <a:ext uri="{C183D7F6-B498-43B3-948B-1728B52AA6E4}">
                <adec:decorative xmlns:adec="http://schemas.microsoft.com/office/drawing/2017/decorative" val="1"/>
              </a:ext>
            </a:extLst>
          </p:cNvPr>
          <p:cNvSpPr/>
          <p:nvPr/>
        </p:nvSpPr>
        <p:spPr>
          <a:xfrm>
            <a:off x="655069" y="5266944"/>
            <a:ext cx="5442517" cy="302700"/>
          </a:xfrm>
          <a:prstGeom prst="roundRect">
            <a:avLst/>
          </a:prstGeom>
          <a:solidFill>
            <a:srgbClr val="024D78"/>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a:solidFill>
                  <a:schemeClr val="bg1"/>
                </a:solidFill>
              </a:rPr>
              <a:t>Nøgleobservation 1.4 | </a:t>
            </a:r>
            <a:r>
              <a:rPr lang="da-DK" sz="1100" b="1" noProof="0">
                <a:solidFill>
                  <a:schemeClr val="bg1"/>
                </a:solidFill>
              </a:rPr>
              <a:t>Ny arena for fælleseuropæiske digitale løsninger </a:t>
            </a:r>
          </a:p>
        </p:txBody>
      </p:sp>
    </p:spTree>
    <p:extLst>
      <p:ext uri="{BB962C8B-B14F-4D97-AF65-F5344CB8AC3E}">
        <p14:creationId xmlns:p14="http://schemas.microsoft.com/office/powerpoint/2010/main" val="4104285568"/>
      </p:ext>
    </p:extLst>
  </p:cSld>
  <p:clrMapOvr>
    <a:masterClrMapping/>
  </p:clrMapOvr>
  <p:transition>
    <p:fade/>
  </p:transition>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A7CDBD-A661-A53E-F520-4B853A4FD765}"/>
            </a:ext>
          </a:extLst>
        </p:cNvPr>
        <p:cNvGrpSpPr/>
        <p:nvPr/>
      </p:nvGrpSpPr>
      <p:grpSpPr>
        <a:xfrm>
          <a:off x="0" y="0"/>
          <a:ext cx="0" cy="0"/>
          <a:chOff x="0" y="0"/>
          <a:chExt cx="0" cy="0"/>
        </a:xfrm>
      </p:grpSpPr>
      <p:sp>
        <p:nvSpPr>
          <p:cNvPr id="3" name="Rectangle: Rounded Corners 2">
            <a:extLst>
              <a:ext uri="{FF2B5EF4-FFF2-40B4-BE49-F238E27FC236}">
                <a16:creationId xmlns:a16="http://schemas.microsoft.com/office/drawing/2014/main" id="{5B46DA38-822C-34EB-DA4A-F94DC9B870D7}"/>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chemeClr val="bg2"/>
                </a:solidFill>
              </a:rPr>
              <a:t>02 | </a:t>
            </a:r>
            <a:r>
              <a:rPr lang="da-DK" sz="1600" b="1" noProof="0" dirty="0">
                <a:solidFill>
                  <a:schemeClr val="bg2"/>
                </a:solidFill>
                <a:latin typeface="Arial" panose="020B0604020202020204"/>
              </a:rPr>
              <a:t>Virkemidler til at opnå øget digital suverænitet 1/2    </a:t>
            </a:r>
          </a:p>
        </p:txBody>
      </p:sp>
      <p:sp>
        <p:nvSpPr>
          <p:cNvPr id="8" name="Title 2">
            <a:extLst>
              <a:ext uri="{FF2B5EF4-FFF2-40B4-BE49-F238E27FC236}">
                <a16:creationId xmlns:a16="http://schemas.microsoft.com/office/drawing/2014/main" id="{D37BF7EC-75DA-C6A5-A3A9-752FC55C9947}"/>
              </a:ext>
            </a:extLst>
          </p:cNvPr>
          <p:cNvSpPr>
            <a:spLocks noGrp="1"/>
          </p:cNvSpPr>
          <p:nvPr>
            <p:ph type="title"/>
          </p:nvPr>
        </p:nvSpPr>
        <p:spPr>
          <a:xfrm>
            <a:off x="554355" y="512763"/>
            <a:ext cx="11088000" cy="792465"/>
          </a:xfrm>
        </p:spPr>
        <p:txBody>
          <a:bodyPr/>
          <a:lstStyle/>
          <a:p>
            <a:r>
              <a:rPr lang="da-DK" sz="2200" noProof="0" dirty="0"/>
              <a:t>Der kan opnås øget digital suverænitet gennem virkemidler som skaber transparens og robusthed</a:t>
            </a:r>
          </a:p>
        </p:txBody>
      </p:sp>
      <p:sp>
        <p:nvSpPr>
          <p:cNvPr id="44" name="Rounded Rectangle 127">
            <a:extLst>
              <a:ext uri="{FF2B5EF4-FFF2-40B4-BE49-F238E27FC236}">
                <a16:creationId xmlns:a16="http://schemas.microsoft.com/office/drawing/2014/main" id="{A2836796-5BDB-6202-A58D-7CD13A756173}"/>
              </a:ext>
            </a:extLst>
          </p:cNvPr>
          <p:cNvSpPr/>
          <p:nvPr/>
        </p:nvSpPr>
        <p:spPr>
          <a:xfrm>
            <a:off x="553586" y="1672606"/>
            <a:ext cx="11088000"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endParaRPr lang="da-DK" sz="1000" noProof="0" dirty="0">
              <a:solidFill>
                <a:schemeClr val="tx1"/>
              </a:solidFill>
            </a:endParaRPr>
          </a:p>
          <a:p>
            <a:pPr marL="171450" indent="-171450">
              <a:buFont typeface="Arial" panose="020B0604020202020204" pitchFamily="34" charset="0"/>
              <a:buChar char="•"/>
            </a:pPr>
            <a:r>
              <a:rPr lang="da-DK" sz="1000" noProof="0" dirty="0">
                <a:solidFill>
                  <a:schemeClr val="tx1"/>
                </a:solidFill>
              </a:rPr>
              <a:t>Risikobaseret analyse skaber et fundament for prioritering af indsatser. Ved at anvende kendte værktøjer og vurderingsrammer (risiko- og sårbarhedsanalyser, ISO-standarder, NIS2-tiltag mv.) kan myndigheder arbejde struktureret med at kortlægge afhængigheder og risici i og på tværs af teknologistakken ud fra </a:t>
            </a:r>
            <a:r>
              <a:rPr lang="da-DK" sz="1000" noProof="0" dirty="0" err="1">
                <a:solidFill>
                  <a:schemeClr val="tx1"/>
                </a:solidFill>
              </a:rPr>
              <a:t>kritikalitet</a:t>
            </a:r>
            <a:r>
              <a:rPr lang="da-DK" sz="1000" noProof="0" dirty="0">
                <a:solidFill>
                  <a:schemeClr val="tx1"/>
                </a:solidFill>
              </a:rPr>
              <a:t>. Herfra kan myndighederne vurdere den samlede risikoeksponering og beslutte konkrete handlinger (jf. cases fra den finansielle sektor og Københavns kommune).</a:t>
            </a:r>
          </a:p>
          <a:p>
            <a:pPr marL="171450" indent="-171450">
              <a:buFont typeface="Arial" panose="020B0604020202020204" pitchFamily="34" charset="0"/>
              <a:buChar char="•"/>
            </a:pPr>
            <a:r>
              <a:rPr lang="da-DK" sz="1000" noProof="0" dirty="0">
                <a:solidFill>
                  <a:schemeClr val="tx1"/>
                </a:solidFill>
              </a:rPr>
              <a:t>Det er vigtigt, at analyser omsættes til handlinger og reel styringspraksis, så overblik og risikovurderinger løbende opdateres. </a:t>
            </a:r>
          </a:p>
        </p:txBody>
      </p:sp>
      <p:sp>
        <p:nvSpPr>
          <p:cNvPr id="45" name="Rounded Rectangle 127">
            <a:extLst>
              <a:ext uri="{FF2B5EF4-FFF2-40B4-BE49-F238E27FC236}">
                <a16:creationId xmlns:a16="http://schemas.microsoft.com/office/drawing/2014/main" id="{A85FF9F4-B44B-B32E-74AA-8B9B1F9D8499}"/>
              </a:ext>
              <a:ext uri="{C183D7F6-B498-43B3-948B-1728B52AA6E4}">
                <adec:decorative xmlns:adec="http://schemas.microsoft.com/office/drawing/2017/decorative" val="1"/>
              </a:ext>
            </a:extLst>
          </p:cNvPr>
          <p:cNvSpPr/>
          <p:nvPr/>
        </p:nvSpPr>
        <p:spPr>
          <a:xfrm>
            <a:off x="636781" y="1545336"/>
            <a:ext cx="5442517" cy="302700"/>
          </a:xfrm>
          <a:prstGeom prst="roundRect">
            <a:avLst/>
          </a:prstGeom>
          <a:solidFill>
            <a:srgbClr val="0580A7"/>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dirty="0">
                <a:solidFill>
                  <a:schemeClr val="bg1"/>
                </a:solidFill>
              </a:rPr>
              <a:t>Nøgleobservation 2.1 | </a:t>
            </a:r>
            <a:r>
              <a:rPr lang="da-DK" sz="1100" b="1" noProof="0" dirty="0">
                <a:solidFill>
                  <a:schemeClr val="bg1"/>
                </a:solidFill>
              </a:rPr>
              <a:t>Risikobaseret styring som virkemiddel</a:t>
            </a:r>
            <a:endParaRPr lang="da-DK" sz="1100" noProof="0" dirty="0">
              <a:solidFill>
                <a:schemeClr val="bg1"/>
              </a:solidFill>
            </a:endParaRPr>
          </a:p>
        </p:txBody>
      </p:sp>
      <p:sp>
        <p:nvSpPr>
          <p:cNvPr id="61" name="Rounded Rectangle 127">
            <a:extLst>
              <a:ext uri="{FF2B5EF4-FFF2-40B4-BE49-F238E27FC236}">
                <a16:creationId xmlns:a16="http://schemas.microsoft.com/office/drawing/2014/main" id="{8EEE643A-0063-8FFC-6122-D551FB859983}"/>
              </a:ext>
            </a:extLst>
          </p:cNvPr>
          <p:cNvSpPr/>
          <p:nvPr/>
        </p:nvSpPr>
        <p:spPr>
          <a:xfrm>
            <a:off x="553586" y="2913485"/>
            <a:ext cx="11087999"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noProof="0" dirty="0">
              <a:solidFill>
                <a:schemeClr val="tx1"/>
              </a:solidFill>
            </a:endParaRPr>
          </a:p>
          <a:p>
            <a:pPr marL="171450" indent="-171450">
              <a:buFont typeface="Arial" panose="020B0604020202020204" pitchFamily="34" charset="0"/>
              <a:buChar char="•"/>
            </a:pPr>
            <a:r>
              <a:rPr lang="da-DK" sz="1000" noProof="0" dirty="0">
                <a:solidFill>
                  <a:schemeClr val="tx1"/>
                </a:solidFill>
              </a:rPr>
              <a:t>Exit-strategier kan understøtte myndighedens udskiftning af leverandører og/eller løsninger med færre risici. Strategien kan bl.a. indeholde procedurer for sikker dataoverførsel, sletning af data hos leverandør, driftskontinuitet samt konkrete planer med tidsramme, </a:t>
            </a:r>
            <a:r>
              <a:rPr lang="da-DK" sz="1000" noProof="0" dirty="0" err="1">
                <a:solidFill>
                  <a:schemeClr val="tx1"/>
                </a:solidFill>
              </a:rPr>
              <a:t>governance</a:t>
            </a:r>
            <a:r>
              <a:rPr lang="da-DK" sz="1000" noProof="0" dirty="0">
                <a:solidFill>
                  <a:schemeClr val="tx1"/>
                </a:solidFill>
              </a:rPr>
              <a:t> og risikobetragtninger (jf. casen fra Bankdata og erfaringer fra bl.a. SKI). </a:t>
            </a:r>
          </a:p>
          <a:p>
            <a:pPr marL="171450" indent="-171450">
              <a:buFont typeface="Arial" panose="020B0604020202020204" pitchFamily="34" charset="0"/>
              <a:buChar char="•"/>
            </a:pPr>
            <a:r>
              <a:rPr lang="da-DK" sz="1000" noProof="0" dirty="0">
                <a:solidFill>
                  <a:schemeClr val="tx1"/>
                </a:solidFill>
              </a:rPr>
              <a:t>Som led i exit-strategien kan der arbejdes med dokumentation, </a:t>
            </a:r>
            <a:r>
              <a:rPr lang="da-DK" sz="1000" noProof="0" dirty="0" err="1">
                <a:solidFill>
                  <a:schemeClr val="tx1"/>
                </a:solidFill>
              </a:rPr>
              <a:t>interoperabilitet</a:t>
            </a:r>
            <a:r>
              <a:rPr lang="da-DK" sz="1000" noProof="0" dirty="0">
                <a:solidFill>
                  <a:schemeClr val="tx1"/>
                </a:solidFill>
              </a:rPr>
              <a:t> og API-adgang samt aftaler med leverandør om fx </a:t>
            </a:r>
            <a:r>
              <a:rPr lang="da-DK" sz="1000" noProof="0" dirty="0" err="1">
                <a:solidFill>
                  <a:schemeClr val="tx1"/>
                </a:solidFill>
              </a:rPr>
              <a:t>dataportabilitet</a:t>
            </a:r>
            <a:r>
              <a:rPr lang="da-DK" sz="1000" noProof="0" dirty="0">
                <a:solidFill>
                  <a:schemeClr val="tx1"/>
                </a:solidFill>
              </a:rPr>
              <a:t> og åbne standarder. Ligeledes kan en modulær arkitektur være med til at understøtte mulighederne for at reducere omkostningerne ved fremtidige leverandørskift.</a:t>
            </a:r>
          </a:p>
          <a:p>
            <a:pPr marL="171450" indent="-171450">
              <a:buFont typeface="Arial" panose="020B0604020202020204" pitchFamily="34" charset="0"/>
              <a:buChar char="•"/>
            </a:pPr>
            <a:endParaRPr lang="da-DK" sz="1000" noProof="0" dirty="0">
              <a:solidFill>
                <a:schemeClr val="tx1"/>
              </a:solidFill>
            </a:endParaRPr>
          </a:p>
        </p:txBody>
      </p:sp>
      <p:sp>
        <p:nvSpPr>
          <p:cNvPr id="2" name="Rounded Rectangle 127">
            <a:extLst>
              <a:ext uri="{FF2B5EF4-FFF2-40B4-BE49-F238E27FC236}">
                <a16:creationId xmlns:a16="http://schemas.microsoft.com/office/drawing/2014/main" id="{53F222CD-7DEC-42F6-FB8C-F1B776E95627}"/>
              </a:ext>
            </a:extLst>
          </p:cNvPr>
          <p:cNvSpPr/>
          <p:nvPr/>
        </p:nvSpPr>
        <p:spPr>
          <a:xfrm>
            <a:off x="553586" y="4154364"/>
            <a:ext cx="11088000"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endParaRPr lang="da-DK" sz="1000" noProof="0" dirty="0">
              <a:solidFill>
                <a:schemeClr val="tx1"/>
              </a:solidFill>
            </a:endParaRPr>
          </a:p>
          <a:p>
            <a:pPr marL="171450" indent="-171450">
              <a:buFont typeface="Arial" panose="020B0604020202020204" pitchFamily="34" charset="0"/>
              <a:buChar char="•"/>
            </a:pPr>
            <a:r>
              <a:rPr lang="da-DK" sz="1000" noProof="0" dirty="0">
                <a:solidFill>
                  <a:schemeClr val="tx1"/>
                </a:solidFill>
              </a:rPr>
              <a:t>Hvor exit-planer handler om at beskrive en (erfaringsbaseret) proces til at skifte leverandør eller flytte data og systemer, handler beredskabsplaner om at håndtere uventede driftsforstyrrelser og kunne genoprette data og kritiske it-systemer og sikre fortsat drift, selv under en nødsituation (jf. case fra den finansielle sektor og erfaringer fra bl.a. Statens It). </a:t>
            </a:r>
          </a:p>
          <a:p>
            <a:pPr marL="171450" indent="-171450">
              <a:buFont typeface="Arial" panose="020B0604020202020204" pitchFamily="34" charset="0"/>
              <a:buChar char="•"/>
            </a:pPr>
            <a:r>
              <a:rPr lang="da-DK" sz="1000" noProof="0" dirty="0">
                <a:solidFill>
                  <a:schemeClr val="tx1"/>
                </a:solidFill>
              </a:rPr>
              <a:t>Det er en central læring fra den finansielle sektor, at </a:t>
            </a:r>
            <a:r>
              <a:rPr lang="da-DK" sz="1000" noProof="0" dirty="0" err="1">
                <a:solidFill>
                  <a:schemeClr val="tx1"/>
                </a:solidFill>
              </a:rPr>
              <a:t>organiationer</a:t>
            </a:r>
            <a:r>
              <a:rPr lang="da-DK" sz="1000" noProof="0" dirty="0">
                <a:solidFill>
                  <a:schemeClr val="tx1"/>
                </a:solidFill>
              </a:rPr>
              <a:t> skal opbygge en kultur for kontinuerlig forbedring, hvor </a:t>
            </a:r>
            <a:r>
              <a:rPr lang="da-DK" sz="1000" noProof="0" dirty="0" err="1">
                <a:solidFill>
                  <a:schemeClr val="tx1"/>
                </a:solidFill>
              </a:rPr>
              <a:t>governance</a:t>
            </a:r>
            <a:r>
              <a:rPr lang="da-DK" sz="1000" noProof="0" dirty="0">
                <a:solidFill>
                  <a:schemeClr val="tx1"/>
                </a:solidFill>
              </a:rPr>
              <a:t>, risiko-</a:t>
            </a:r>
            <a:r>
              <a:rPr lang="da-DK" sz="1000" noProof="0" dirty="0" err="1">
                <a:solidFill>
                  <a:schemeClr val="tx1"/>
                </a:solidFill>
              </a:rPr>
              <a:t>mapping</a:t>
            </a:r>
            <a:r>
              <a:rPr lang="da-DK" sz="1000" noProof="0" dirty="0">
                <a:solidFill>
                  <a:schemeClr val="tx1"/>
                </a:solidFill>
              </a:rPr>
              <a:t> og beredskabsplaner løbende opdateres i takt med ændringer i trusselsbilledet og regulatoriske krav.</a:t>
            </a:r>
          </a:p>
          <a:p>
            <a:pPr marL="171450" indent="-171450">
              <a:buFont typeface="Arial" panose="020B0604020202020204" pitchFamily="34" charset="0"/>
              <a:buChar char="•"/>
            </a:pPr>
            <a:endParaRPr lang="da-DK" sz="1000" noProof="0" dirty="0">
              <a:solidFill>
                <a:schemeClr val="tx1"/>
              </a:solidFill>
            </a:endParaRPr>
          </a:p>
        </p:txBody>
      </p:sp>
      <p:sp>
        <p:nvSpPr>
          <p:cNvPr id="17" name="Rounded Rectangle 127">
            <a:extLst>
              <a:ext uri="{FF2B5EF4-FFF2-40B4-BE49-F238E27FC236}">
                <a16:creationId xmlns:a16="http://schemas.microsoft.com/office/drawing/2014/main" id="{86817E58-8294-02F5-2AA1-4B9E25C193A9}"/>
              </a:ext>
              <a:ext uri="{C183D7F6-B498-43B3-948B-1728B52AA6E4}">
                <adec:decorative xmlns:adec="http://schemas.microsoft.com/office/drawing/2017/decorative" val="1"/>
              </a:ext>
            </a:extLst>
          </p:cNvPr>
          <p:cNvSpPr/>
          <p:nvPr/>
        </p:nvSpPr>
        <p:spPr>
          <a:xfrm>
            <a:off x="652021" y="2767584"/>
            <a:ext cx="5442517" cy="302700"/>
          </a:xfrm>
          <a:prstGeom prst="roundRect">
            <a:avLst/>
          </a:prstGeom>
          <a:solidFill>
            <a:srgbClr val="0580A7"/>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a:solidFill>
                  <a:schemeClr val="bg1"/>
                </a:solidFill>
              </a:rPr>
              <a:t>Nøgleobservation </a:t>
            </a:r>
            <a:r>
              <a:rPr lang="da-DK" sz="1100" noProof="0" dirty="0">
                <a:solidFill>
                  <a:schemeClr val="bg1"/>
                </a:solidFill>
              </a:rPr>
              <a:t>2.2</a:t>
            </a:r>
            <a:r>
              <a:rPr lang="da-DK" sz="1100" noProof="0">
                <a:solidFill>
                  <a:schemeClr val="bg1"/>
                </a:solidFill>
              </a:rPr>
              <a:t> | </a:t>
            </a:r>
            <a:r>
              <a:rPr lang="da-DK" sz="1100" b="1" noProof="0" dirty="0">
                <a:solidFill>
                  <a:schemeClr val="bg1"/>
                </a:solidFill>
              </a:rPr>
              <a:t>Exit-strategier som virkemiddel</a:t>
            </a:r>
            <a:endParaRPr lang="da-DK" sz="1100" noProof="0">
              <a:solidFill>
                <a:schemeClr val="bg1"/>
              </a:solidFill>
            </a:endParaRPr>
          </a:p>
        </p:txBody>
      </p:sp>
      <p:sp>
        <p:nvSpPr>
          <p:cNvPr id="18" name="Rounded Rectangle 127">
            <a:extLst>
              <a:ext uri="{FF2B5EF4-FFF2-40B4-BE49-F238E27FC236}">
                <a16:creationId xmlns:a16="http://schemas.microsoft.com/office/drawing/2014/main" id="{ADDFD7DB-C450-0B36-D5E2-8BA7A9BB7A50}"/>
              </a:ext>
              <a:ext uri="{C183D7F6-B498-43B3-948B-1728B52AA6E4}">
                <adec:decorative xmlns:adec="http://schemas.microsoft.com/office/drawing/2017/decorative" val="1"/>
              </a:ext>
            </a:extLst>
          </p:cNvPr>
          <p:cNvSpPr/>
          <p:nvPr/>
        </p:nvSpPr>
        <p:spPr>
          <a:xfrm>
            <a:off x="658117" y="4026408"/>
            <a:ext cx="5442517" cy="302700"/>
          </a:xfrm>
          <a:prstGeom prst="roundRect">
            <a:avLst/>
          </a:prstGeom>
          <a:solidFill>
            <a:srgbClr val="0580A7"/>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dirty="0">
                <a:solidFill>
                  <a:schemeClr val="bg1"/>
                </a:solidFill>
              </a:rPr>
              <a:t>Nøgleobservation 2.3</a:t>
            </a:r>
            <a:r>
              <a:rPr lang="da-DK" sz="1100" b="1" noProof="0" dirty="0">
                <a:solidFill>
                  <a:schemeClr val="bg1"/>
                </a:solidFill>
              </a:rPr>
              <a:t> </a:t>
            </a:r>
            <a:r>
              <a:rPr lang="da-DK" sz="1100" noProof="0" dirty="0">
                <a:solidFill>
                  <a:schemeClr val="bg1"/>
                </a:solidFill>
              </a:rPr>
              <a:t>|</a:t>
            </a:r>
            <a:r>
              <a:rPr lang="da-DK" sz="1100" b="1" noProof="0" dirty="0">
                <a:solidFill>
                  <a:schemeClr val="bg1"/>
                </a:solidFill>
              </a:rPr>
              <a:t> Beredskabsplaner som virkemiddel</a:t>
            </a:r>
          </a:p>
        </p:txBody>
      </p:sp>
    </p:spTree>
    <p:extLst>
      <p:ext uri="{BB962C8B-B14F-4D97-AF65-F5344CB8AC3E}">
        <p14:creationId xmlns:p14="http://schemas.microsoft.com/office/powerpoint/2010/main" val="3263703343"/>
      </p:ext>
    </p:extLst>
  </p:cSld>
  <p:clrMapOvr>
    <a:masterClrMapping/>
  </p:clrMapOvr>
  <p:transition>
    <p:fade/>
  </p:transition>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B7329C-AB29-BC2F-C0F7-94F1F940AE2D}"/>
            </a:ext>
          </a:extLst>
        </p:cNvPr>
        <p:cNvGrpSpPr/>
        <p:nvPr/>
      </p:nvGrpSpPr>
      <p:grpSpPr>
        <a:xfrm>
          <a:off x="0" y="0"/>
          <a:ext cx="0" cy="0"/>
          <a:chOff x="0" y="0"/>
          <a:chExt cx="0" cy="0"/>
        </a:xfrm>
      </p:grpSpPr>
      <p:sp>
        <p:nvSpPr>
          <p:cNvPr id="3" name="Rectangle: Rounded Corners 2">
            <a:extLst>
              <a:ext uri="{FF2B5EF4-FFF2-40B4-BE49-F238E27FC236}">
                <a16:creationId xmlns:a16="http://schemas.microsoft.com/office/drawing/2014/main" id="{2C25D543-F713-9188-EB50-555D81EB4C66}"/>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chemeClr val="bg2"/>
                </a:solidFill>
              </a:rPr>
              <a:t>02 | </a:t>
            </a:r>
            <a:r>
              <a:rPr lang="da-DK" sz="1600" b="1" noProof="0" dirty="0">
                <a:solidFill>
                  <a:schemeClr val="bg2"/>
                </a:solidFill>
                <a:latin typeface="Arial" panose="020B0604020202020204"/>
              </a:rPr>
              <a:t>Virkemidler til at opnå øget digital suverænitet 2/2    </a:t>
            </a:r>
          </a:p>
        </p:txBody>
      </p:sp>
      <p:sp>
        <p:nvSpPr>
          <p:cNvPr id="8" name="Title 2">
            <a:extLst>
              <a:ext uri="{FF2B5EF4-FFF2-40B4-BE49-F238E27FC236}">
                <a16:creationId xmlns:a16="http://schemas.microsoft.com/office/drawing/2014/main" id="{1D3D9E86-8EC1-A929-0858-3A723052C867}"/>
              </a:ext>
            </a:extLst>
          </p:cNvPr>
          <p:cNvSpPr>
            <a:spLocks noGrp="1"/>
          </p:cNvSpPr>
          <p:nvPr>
            <p:ph type="title"/>
          </p:nvPr>
        </p:nvSpPr>
        <p:spPr>
          <a:xfrm>
            <a:off x="554355" y="512763"/>
            <a:ext cx="11088000" cy="792465"/>
          </a:xfrm>
        </p:spPr>
        <p:txBody>
          <a:bodyPr/>
          <a:lstStyle/>
          <a:p>
            <a:r>
              <a:rPr lang="da-DK" sz="2200" noProof="0" dirty="0"/>
              <a:t>Der kan opnås øget digital suverænitet gennem virkemidler som skaber forandring og handlekraft</a:t>
            </a:r>
          </a:p>
        </p:txBody>
      </p:sp>
      <p:sp>
        <p:nvSpPr>
          <p:cNvPr id="44" name="Rounded Rectangle 127">
            <a:extLst>
              <a:ext uri="{FF2B5EF4-FFF2-40B4-BE49-F238E27FC236}">
                <a16:creationId xmlns:a16="http://schemas.microsoft.com/office/drawing/2014/main" id="{75167AAE-A5BE-66DF-A134-4BB0C26EF52F}"/>
              </a:ext>
            </a:extLst>
          </p:cNvPr>
          <p:cNvSpPr/>
          <p:nvPr/>
        </p:nvSpPr>
        <p:spPr>
          <a:xfrm>
            <a:off x="553586" y="1663462"/>
            <a:ext cx="11088000"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endParaRPr lang="da-DK" sz="1000" noProof="0" dirty="0">
              <a:solidFill>
                <a:schemeClr val="tx1"/>
              </a:solidFill>
            </a:endParaRPr>
          </a:p>
          <a:p>
            <a:pPr marL="171450" indent="-171450">
              <a:buFont typeface="Arial" panose="020B0604020202020204" pitchFamily="34" charset="0"/>
              <a:buChar char="•"/>
            </a:pPr>
            <a:r>
              <a:rPr lang="da-DK" sz="1000" noProof="0" dirty="0">
                <a:solidFill>
                  <a:schemeClr val="tx1"/>
                </a:solidFill>
              </a:rPr>
              <a:t>Der kan stilles krav til, at leverandører skal være baseret i EU eller opfylde bestemte suverænitetskriterier, bl.a. krav om </a:t>
            </a:r>
            <a:r>
              <a:rPr lang="da-DK" sz="1000" noProof="0" dirty="0" err="1">
                <a:solidFill>
                  <a:schemeClr val="tx1"/>
                </a:solidFill>
              </a:rPr>
              <a:t>hosting</a:t>
            </a:r>
            <a:r>
              <a:rPr lang="da-DK" sz="1000" noProof="0" dirty="0">
                <a:solidFill>
                  <a:schemeClr val="tx1"/>
                </a:solidFill>
              </a:rPr>
              <a:t> i EU eller brug af forventede EU-certificerede cloud-tjenester. </a:t>
            </a:r>
          </a:p>
          <a:p>
            <a:pPr marL="171450" indent="-171450">
              <a:buFont typeface="Arial" panose="020B0604020202020204" pitchFamily="34" charset="0"/>
              <a:buChar char="•"/>
            </a:pPr>
            <a:r>
              <a:rPr lang="da-DK" sz="1000" noProof="0" dirty="0">
                <a:solidFill>
                  <a:schemeClr val="tx1"/>
                </a:solidFill>
              </a:rPr>
              <a:t>Krav kan også omfatte åbne standarder (tilgængelige tekniske </a:t>
            </a:r>
            <a:r>
              <a:rPr lang="da-DK" sz="1000" noProof="0" dirty="0" err="1">
                <a:solidFill>
                  <a:schemeClr val="tx1"/>
                </a:solidFill>
              </a:rPr>
              <a:t>specifikatoner</a:t>
            </a:r>
            <a:r>
              <a:rPr lang="da-DK" sz="1000" noProof="0" dirty="0">
                <a:solidFill>
                  <a:schemeClr val="tx1"/>
                </a:solidFill>
              </a:rPr>
              <a:t>) og </a:t>
            </a:r>
            <a:r>
              <a:rPr lang="da-DK" sz="1000" noProof="0" dirty="0" err="1">
                <a:solidFill>
                  <a:schemeClr val="tx1"/>
                </a:solidFill>
              </a:rPr>
              <a:t>API’er</a:t>
            </a:r>
            <a:r>
              <a:rPr lang="da-DK" sz="1000" noProof="0" dirty="0">
                <a:solidFill>
                  <a:schemeClr val="tx1"/>
                </a:solidFill>
              </a:rPr>
              <a:t>, så løsninger ikke låser organisationer til bestemte platforme og </a:t>
            </a:r>
            <a:r>
              <a:rPr lang="da-DK" sz="1000" noProof="0" dirty="0" err="1">
                <a:solidFill>
                  <a:schemeClr val="tx1"/>
                </a:solidFill>
              </a:rPr>
              <a:t>proprietære</a:t>
            </a:r>
            <a:r>
              <a:rPr lang="da-DK" sz="1000" noProof="0" dirty="0">
                <a:solidFill>
                  <a:schemeClr val="tx1"/>
                </a:solidFill>
              </a:rPr>
              <a:t> systemer – evt. i kombination med krav til OSS (jf. cases fra Bankdata, OS2 og STIL).</a:t>
            </a:r>
          </a:p>
          <a:p>
            <a:pPr marL="171450" indent="-171450">
              <a:buFont typeface="Arial" panose="020B0604020202020204" pitchFamily="34" charset="0"/>
              <a:buChar char="•"/>
            </a:pPr>
            <a:r>
              <a:rPr lang="da-DK" sz="1000" noProof="0" dirty="0">
                <a:solidFill>
                  <a:schemeClr val="tx1"/>
                </a:solidFill>
              </a:rPr>
              <a:t>Der ses eksempler på indkøbs- og udviklingsmodeller, hvor der etableres nye strategiske partnerskaber mellem myndigheder og europæiske </a:t>
            </a:r>
            <a:r>
              <a:rPr lang="da-DK" sz="1000" noProof="0" dirty="0" err="1">
                <a:solidFill>
                  <a:schemeClr val="tx1"/>
                </a:solidFill>
              </a:rPr>
              <a:t>tech</a:t>
            </a:r>
            <a:r>
              <a:rPr lang="da-DK" sz="1000" noProof="0" dirty="0">
                <a:solidFill>
                  <a:schemeClr val="tx1"/>
                </a:solidFill>
              </a:rPr>
              <a:t>-virksomheder for at stimulere markedet og understøtte finansiering og kapacitet til skalering (jf. cases Holland GPT-NL, </a:t>
            </a:r>
            <a:r>
              <a:rPr lang="da-DK" sz="1000" noProof="0" dirty="0" err="1">
                <a:solidFill>
                  <a:schemeClr val="tx1"/>
                </a:solidFill>
              </a:rPr>
              <a:t>ZenDis</a:t>
            </a:r>
            <a:r>
              <a:rPr lang="da-DK" sz="1000" noProof="0" dirty="0">
                <a:solidFill>
                  <a:schemeClr val="tx1"/>
                </a:solidFill>
              </a:rPr>
              <a:t> og Schleswig-Holstein).</a:t>
            </a:r>
            <a:endParaRPr lang="da-DK" sz="1000" b="1" noProof="0" dirty="0">
              <a:solidFill>
                <a:schemeClr val="tx1"/>
              </a:solidFill>
            </a:endParaRPr>
          </a:p>
        </p:txBody>
      </p:sp>
      <p:sp>
        <p:nvSpPr>
          <p:cNvPr id="45" name="Rounded Rectangle 127">
            <a:extLst>
              <a:ext uri="{FF2B5EF4-FFF2-40B4-BE49-F238E27FC236}">
                <a16:creationId xmlns:a16="http://schemas.microsoft.com/office/drawing/2014/main" id="{27783E98-30C7-A6B3-DF26-D6D18BA117D1}"/>
              </a:ext>
              <a:ext uri="{C183D7F6-B498-43B3-948B-1728B52AA6E4}">
                <adec:decorative xmlns:adec="http://schemas.microsoft.com/office/drawing/2017/decorative" val="1"/>
              </a:ext>
            </a:extLst>
          </p:cNvPr>
          <p:cNvSpPr/>
          <p:nvPr/>
        </p:nvSpPr>
        <p:spPr>
          <a:xfrm>
            <a:off x="636781" y="1536192"/>
            <a:ext cx="5442517" cy="302700"/>
          </a:xfrm>
          <a:prstGeom prst="roundRect">
            <a:avLst/>
          </a:prstGeom>
          <a:solidFill>
            <a:srgbClr val="0580A7"/>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dirty="0">
                <a:solidFill>
                  <a:schemeClr val="bg1"/>
                </a:solidFill>
              </a:rPr>
              <a:t>Nøgleobservation 2.4 | </a:t>
            </a:r>
            <a:r>
              <a:rPr lang="da-DK" sz="1100" b="1" noProof="0" dirty="0">
                <a:solidFill>
                  <a:schemeClr val="bg1"/>
                </a:solidFill>
              </a:rPr>
              <a:t>Indkøb og </a:t>
            </a:r>
            <a:r>
              <a:rPr lang="da-DK" sz="1100" b="1" noProof="0" dirty="0" err="1">
                <a:solidFill>
                  <a:schemeClr val="bg1"/>
                </a:solidFill>
              </a:rPr>
              <a:t>kravstillelse</a:t>
            </a:r>
            <a:r>
              <a:rPr lang="da-DK" sz="1100" b="1" noProof="0" dirty="0">
                <a:solidFill>
                  <a:schemeClr val="bg1"/>
                </a:solidFill>
              </a:rPr>
              <a:t> som virkemiddel</a:t>
            </a:r>
            <a:endParaRPr lang="da-DK" sz="1100" noProof="0" dirty="0">
              <a:solidFill>
                <a:schemeClr val="bg1"/>
              </a:solidFill>
            </a:endParaRPr>
          </a:p>
        </p:txBody>
      </p:sp>
      <p:sp>
        <p:nvSpPr>
          <p:cNvPr id="61" name="Rounded Rectangle 127">
            <a:extLst>
              <a:ext uri="{FF2B5EF4-FFF2-40B4-BE49-F238E27FC236}">
                <a16:creationId xmlns:a16="http://schemas.microsoft.com/office/drawing/2014/main" id="{2419A586-B3DB-B8B9-1558-1295FE8421F7}"/>
              </a:ext>
            </a:extLst>
          </p:cNvPr>
          <p:cNvSpPr/>
          <p:nvPr/>
        </p:nvSpPr>
        <p:spPr>
          <a:xfrm>
            <a:off x="553586" y="2904341"/>
            <a:ext cx="11087999"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Ins="90000" rtlCol="0" anchor="t"/>
          <a:lstStyle/>
          <a:p>
            <a:pPr marL="171450" indent="-171450">
              <a:buFont typeface="Arial" panose="020B0604020202020204" pitchFamily="34" charset="0"/>
              <a:buChar char="•"/>
            </a:pPr>
            <a:endParaRPr lang="da-DK" sz="1000" noProof="0" dirty="0">
              <a:solidFill>
                <a:schemeClr val="tx1"/>
              </a:solidFill>
            </a:endParaRPr>
          </a:p>
          <a:p>
            <a:pPr marL="171450" indent="-171450">
              <a:buFont typeface="Arial" panose="020B0604020202020204" pitchFamily="34" charset="0"/>
              <a:buChar char="•"/>
            </a:pPr>
            <a:r>
              <a:rPr lang="da-DK" sz="1000" noProof="0" dirty="0">
                <a:solidFill>
                  <a:schemeClr val="tx1"/>
                </a:solidFill>
              </a:rPr>
              <a:t>Myndigheder kan sikre en øget grad af digital suverænitet ved at udskifte forskellige elementer i teknologistakken med kendte alternativer – OSS såvel som </a:t>
            </a:r>
            <a:r>
              <a:rPr lang="da-DK" sz="1000" noProof="0" dirty="0" err="1">
                <a:solidFill>
                  <a:schemeClr val="tx1"/>
                </a:solidFill>
              </a:rPr>
              <a:t>proprietære</a:t>
            </a:r>
            <a:r>
              <a:rPr lang="da-DK" sz="1000" noProof="0" dirty="0">
                <a:solidFill>
                  <a:schemeClr val="tx1"/>
                </a:solidFill>
              </a:rPr>
              <a:t> løsninger. Her er det vigtigt at overveje erfaringsgrundlaget. Selvom der fx er erfaringer med alternative kontorpakker og samarbejdsværktøjer i Tyskland, vil overførbarheden til en dansk kontekst ikke være 1:1 pga. den høje grad af digitalisering i Danmark, hvor der fx vil være andre behov for integrationer og data for at opretholde nuværende niveau af funktionalitet og afledt produktivitet.  </a:t>
            </a:r>
          </a:p>
          <a:p>
            <a:pPr marL="171450" indent="-171450">
              <a:buFont typeface="Arial" panose="020B0604020202020204" pitchFamily="34" charset="0"/>
              <a:buChar char="•"/>
            </a:pPr>
            <a:r>
              <a:rPr lang="da-DK" sz="1000" noProof="0" dirty="0">
                <a:solidFill>
                  <a:schemeClr val="tx1"/>
                </a:solidFill>
              </a:rPr>
              <a:t>Der kan ligeledes etableres nye alternativer, fx på AI-området som et eksempel på et nyt felt uden legacy-bindinger (fx i </a:t>
            </a:r>
            <a:r>
              <a:rPr lang="da-DK" sz="1000" noProof="0" dirty="0" err="1">
                <a:solidFill>
                  <a:schemeClr val="tx1"/>
                </a:solidFill>
              </a:rPr>
              <a:t>Frankring</a:t>
            </a:r>
            <a:r>
              <a:rPr lang="da-DK" sz="1000" noProof="0" dirty="0">
                <a:solidFill>
                  <a:schemeClr val="tx1"/>
                </a:solidFill>
              </a:rPr>
              <a:t> – Mistral AI og AI-platformen Albert og Holland – GPT-NL).</a:t>
            </a:r>
          </a:p>
          <a:p>
            <a:pPr marL="171450" indent="-171450">
              <a:buFont typeface="Arial" panose="020B0604020202020204" pitchFamily="34" charset="0"/>
              <a:buChar char="•"/>
            </a:pPr>
            <a:r>
              <a:rPr lang="da-DK" sz="1000" noProof="0" dirty="0">
                <a:solidFill>
                  <a:schemeClr val="tx1"/>
                </a:solidFill>
              </a:rPr>
              <a:t>Anvendelse af OSS er et gennemgående greb på tværs af de undersøgte cases, hvor mange af løsningerne helt eller delvist baserer sig på OSS.</a:t>
            </a:r>
          </a:p>
        </p:txBody>
      </p:sp>
      <p:sp>
        <p:nvSpPr>
          <p:cNvPr id="2" name="Rounded Rectangle 127">
            <a:extLst>
              <a:ext uri="{FF2B5EF4-FFF2-40B4-BE49-F238E27FC236}">
                <a16:creationId xmlns:a16="http://schemas.microsoft.com/office/drawing/2014/main" id="{7D85F240-72CC-E924-300F-B9C5EF129C1F}"/>
              </a:ext>
            </a:extLst>
          </p:cNvPr>
          <p:cNvSpPr/>
          <p:nvPr/>
        </p:nvSpPr>
        <p:spPr>
          <a:xfrm>
            <a:off x="553586" y="4145220"/>
            <a:ext cx="11088000"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endParaRPr lang="da-DK" sz="1000" noProof="0" dirty="0">
              <a:solidFill>
                <a:schemeClr val="tx1"/>
              </a:solidFill>
            </a:endParaRPr>
          </a:p>
          <a:p>
            <a:pPr marL="171450" indent="-171450">
              <a:buFont typeface="Arial" panose="020B0604020202020204" pitchFamily="34" charset="0"/>
              <a:buChar char="•"/>
            </a:pPr>
            <a:r>
              <a:rPr lang="da-DK" sz="1000" noProof="0" dirty="0">
                <a:solidFill>
                  <a:schemeClr val="tx1"/>
                </a:solidFill>
              </a:rPr>
              <a:t>Der ses eksempler på myndigheder, som arbejder med at have parallelt kørende løsninger til overlappende formål, hvilket giver øget fleksibilitet samt </a:t>
            </a:r>
            <a:r>
              <a:rPr lang="da-DK" sz="1000" noProof="0" dirty="0" err="1">
                <a:solidFill>
                  <a:schemeClr val="tx1"/>
                </a:solidFill>
              </a:rPr>
              <a:t>fall</a:t>
            </a:r>
            <a:r>
              <a:rPr lang="da-DK" sz="1000" noProof="0" dirty="0">
                <a:solidFill>
                  <a:schemeClr val="tx1"/>
                </a:solidFill>
              </a:rPr>
              <a:t>-back og back-up-muligheder, hvis der opstår et behov for at skifte løsning eller flytte data. </a:t>
            </a:r>
          </a:p>
          <a:p>
            <a:pPr marL="171450" indent="-171450">
              <a:buFont typeface="Arial" panose="020B0604020202020204" pitchFamily="34" charset="0"/>
              <a:buChar char="•"/>
            </a:pPr>
            <a:r>
              <a:rPr lang="da-DK" sz="1000" noProof="0" dirty="0">
                <a:solidFill>
                  <a:schemeClr val="tx1"/>
                </a:solidFill>
              </a:rPr>
              <a:t>Et eksempel er cloud-området, hvor der er eksempler på myndigheder, som både bruger såkaldte ”private clouds”, europæiske clouds samt </a:t>
            </a:r>
            <a:r>
              <a:rPr lang="da-DK" sz="1000" noProof="0" dirty="0" err="1">
                <a:solidFill>
                  <a:schemeClr val="tx1"/>
                </a:solidFill>
              </a:rPr>
              <a:t>hyperscalers</a:t>
            </a:r>
            <a:r>
              <a:rPr lang="da-DK" sz="1000" noProof="0" dirty="0">
                <a:solidFill>
                  <a:schemeClr val="tx1"/>
                </a:solidFill>
              </a:rPr>
              <a:t> til udvalgte opgaver (fx Aarhus Kommune, Home Office og STIL). Flere overvejer desuden den strategiske balance mellem cloud og on-</a:t>
            </a:r>
            <a:r>
              <a:rPr lang="da-DK" sz="1000" noProof="0" dirty="0" err="1">
                <a:solidFill>
                  <a:schemeClr val="tx1"/>
                </a:solidFill>
              </a:rPr>
              <a:t>prem</a:t>
            </a:r>
            <a:r>
              <a:rPr lang="da-DK" sz="1000" noProof="0" dirty="0">
                <a:solidFill>
                  <a:schemeClr val="tx1"/>
                </a:solidFill>
              </a:rPr>
              <a:t>-løsninger. Et andet eksempel er digitale kontorpakker, hvor der ses myndigheder, som etablerer alternative open source-løsninger, der kan tages i anvendelse i en situation, hvor ”standardløsningen” ikke er tilgængelig (fx Aarhus Kommune og Statens It). </a:t>
            </a:r>
            <a:endParaRPr lang="da-DK" sz="1000" b="1" noProof="0" dirty="0">
              <a:solidFill>
                <a:schemeClr val="tx1"/>
              </a:solidFill>
            </a:endParaRPr>
          </a:p>
        </p:txBody>
      </p:sp>
      <p:sp>
        <p:nvSpPr>
          <p:cNvPr id="4" name="Rounded Rectangle 127">
            <a:extLst>
              <a:ext uri="{FF2B5EF4-FFF2-40B4-BE49-F238E27FC236}">
                <a16:creationId xmlns:a16="http://schemas.microsoft.com/office/drawing/2014/main" id="{13A7D465-295B-FC0D-4244-D99C0C439B2B}"/>
              </a:ext>
            </a:extLst>
          </p:cNvPr>
          <p:cNvSpPr/>
          <p:nvPr/>
        </p:nvSpPr>
        <p:spPr>
          <a:xfrm>
            <a:off x="553586" y="5386098"/>
            <a:ext cx="11087999"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endParaRPr lang="da-DK" sz="1000" b="1" noProof="0">
              <a:solidFill>
                <a:schemeClr val="tx1"/>
              </a:solidFill>
            </a:endParaRPr>
          </a:p>
          <a:p>
            <a:pPr marL="171450" indent="-171450">
              <a:buFont typeface="Arial" panose="020B0604020202020204" pitchFamily="34" charset="0"/>
              <a:buChar char="•"/>
            </a:pPr>
            <a:r>
              <a:rPr lang="da-DK" sz="1000" noProof="0">
                <a:solidFill>
                  <a:schemeClr val="tx1"/>
                </a:solidFill>
              </a:rPr>
              <a:t>Der kan opnås øget kontrol gennem en større grad af ejerskab. Der ses eksempler på myndigheder, som ejer egne løsninger (Home Office, STIL, DIGST, Sundhedsdatastyrelsen mv.), der enten udvikles in-house eller i samarbejde med private it-leverandører, men hvor myndigheden bibeholder IP-rettigheder.</a:t>
            </a:r>
          </a:p>
          <a:p>
            <a:pPr marL="171450" indent="-171450">
              <a:buFont typeface="Arial" panose="020B0604020202020204" pitchFamily="34" charset="0"/>
              <a:buChar char="•"/>
            </a:pPr>
            <a:r>
              <a:rPr lang="da-DK" sz="1000" noProof="0">
                <a:solidFill>
                  <a:schemeClr val="tx1"/>
                </a:solidFill>
              </a:rPr>
              <a:t>Der ses også eksempler på andre former for ejerskab, fx ejerskab til data og udvidet brugsret til kode (KOMBIT) eller reelt ansvar for udvikling og vedligehold af open source-løsninger (OS2, </a:t>
            </a:r>
            <a:r>
              <a:rPr lang="da-DK" sz="1000" noProof="0">
                <a:solidFill>
                  <a:srgbClr val="00172D"/>
                </a:solidFill>
              </a:rPr>
              <a:t>Schleswig-Holstein</a:t>
            </a:r>
            <a:r>
              <a:rPr lang="da-DK" sz="1000" noProof="0">
                <a:solidFill>
                  <a:schemeClr val="tx1"/>
                </a:solidFill>
              </a:rPr>
              <a:t>, STIL). </a:t>
            </a:r>
          </a:p>
          <a:p>
            <a:pPr marL="171450" indent="-171450">
              <a:buFont typeface="Arial" panose="020B0604020202020204" pitchFamily="34" charset="0"/>
              <a:buChar char="•"/>
            </a:pPr>
            <a:r>
              <a:rPr lang="da-DK" sz="1000" noProof="0" dirty="0">
                <a:solidFill>
                  <a:schemeClr val="tx1"/>
                </a:solidFill>
              </a:rPr>
              <a:t>Ejerskab kan også omfatte aktiver og udstyr fx på </a:t>
            </a:r>
            <a:r>
              <a:rPr lang="da-DK" sz="1000" noProof="0" dirty="0" err="1">
                <a:solidFill>
                  <a:schemeClr val="tx1"/>
                </a:solidFill>
              </a:rPr>
              <a:t>datacententer</a:t>
            </a:r>
            <a:r>
              <a:rPr lang="da-DK" sz="1000" noProof="0" dirty="0">
                <a:solidFill>
                  <a:schemeClr val="tx1"/>
                </a:solidFill>
              </a:rPr>
              <a:t>- og netværksområdet (fx Region Nordjyllands Tier 4-datacenter)</a:t>
            </a:r>
            <a:endParaRPr lang="da-DK" sz="1000" noProof="0">
              <a:solidFill>
                <a:schemeClr val="tx1"/>
              </a:solidFill>
            </a:endParaRPr>
          </a:p>
          <a:p>
            <a:endParaRPr lang="da-DK" sz="1000" noProof="0">
              <a:solidFill>
                <a:schemeClr val="accent3"/>
              </a:solidFill>
            </a:endParaRPr>
          </a:p>
          <a:p>
            <a:endParaRPr lang="da-DK" sz="1000" noProof="0">
              <a:solidFill>
                <a:schemeClr val="tx1"/>
              </a:solidFill>
            </a:endParaRPr>
          </a:p>
        </p:txBody>
      </p:sp>
      <p:sp>
        <p:nvSpPr>
          <p:cNvPr id="17" name="Rounded Rectangle 127">
            <a:extLst>
              <a:ext uri="{FF2B5EF4-FFF2-40B4-BE49-F238E27FC236}">
                <a16:creationId xmlns:a16="http://schemas.microsoft.com/office/drawing/2014/main" id="{9B03D674-267F-3F1E-5223-89AF0110BD67}"/>
              </a:ext>
              <a:ext uri="{C183D7F6-B498-43B3-948B-1728B52AA6E4}">
                <adec:decorative xmlns:adec="http://schemas.microsoft.com/office/drawing/2017/decorative" val="1"/>
              </a:ext>
            </a:extLst>
          </p:cNvPr>
          <p:cNvSpPr/>
          <p:nvPr/>
        </p:nvSpPr>
        <p:spPr>
          <a:xfrm>
            <a:off x="652021" y="2758440"/>
            <a:ext cx="5442517" cy="302700"/>
          </a:xfrm>
          <a:prstGeom prst="roundRect">
            <a:avLst/>
          </a:prstGeom>
          <a:solidFill>
            <a:srgbClr val="0580A7"/>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dirty="0">
                <a:solidFill>
                  <a:schemeClr val="bg1"/>
                </a:solidFill>
              </a:rPr>
              <a:t>Nøgleobservation 2.5 | </a:t>
            </a:r>
            <a:r>
              <a:rPr lang="da-DK" sz="1100" b="1" noProof="0" dirty="0">
                <a:solidFill>
                  <a:schemeClr val="bg1"/>
                </a:solidFill>
              </a:rPr>
              <a:t>Alternative løsninger som virkemiddel – især OSS</a:t>
            </a:r>
            <a:endParaRPr lang="da-DK" sz="1100" noProof="0" dirty="0">
              <a:solidFill>
                <a:schemeClr val="bg1"/>
              </a:solidFill>
            </a:endParaRPr>
          </a:p>
        </p:txBody>
      </p:sp>
      <p:sp>
        <p:nvSpPr>
          <p:cNvPr id="18" name="Rounded Rectangle 127">
            <a:extLst>
              <a:ext uri="{FF2B5EF4-FFF2-40B4-BE49-F238E27FC236}">
                <a16:creationId xmlns:a16="http://schemas.microsoft.com/office/drawing/2014/main" id="{197D573E-8120-49AB-A4C4-CD3D0D547DDC}"/>
              </a:ext>
              <a:ext uri="{C183D7F6-B498-43B3-948B-1728B52AA6E4}">
                <adec:decorative xmlns:adec="http://schemas.microsoft.com/office/drawing/2017/decorative" val="1"/>
              </a:ext>
            </a:extLst>
          </p:cNvPr>
          <p:cNvSpPr/>
          <p:nvPr/>
        </p:nvSpPr>
        <p:spPr>
          <a:xfrm>
            <a:off x="658117" y="4017264"/>
            <a:ext cx="5442517" cy="302700"/>
          </a:xfrm>
          <a:prstGeom prst="roundRect">
            <a:avLst/>
          </a:prstGeom>
          <a:solidFill>
            <a:srgbClr val="0580A7"/>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dirty="0">
                <a:solidFill>
                  <a:schemeClr val="bg1"/>
                </a:solidFill>
              </a:rPr>
              <a:t>Nøgleobservation 2.6</a:t>
            </a:r>
            <a:r>
              <a:rPr lang="da-DK" sz="1100" b="1" noProof="0" dirty="0">
                <a:solidFill>
                  <a:schemeClr val="bg1"/>
                </a:solidFill>
              </a:rPr>
              <a:t> </a:t>
            </a:r>
            <a:r>
              <a:rPr lang="da-DK" sz="1100" noProof="0" dirty="0">
                <a:solidFill>
                  <a:schemeClr val="bg1"/>
                </a:solidFill>
              </a:rPr>
              <a:t>|</a:t>
            </a:r>
            <a:r>
              <a:rPr lang="da-DK" sz="1100" b="1" noProof="0" dirty="0">
                <a:solidFill>
                  <a:schemeClr val="bg1"/>
                </a:solidFill>
              </a:rPr>
              <a:t> Parallelle løsninger som virkemiddel </a:t>
            </a:r>
          </a:p>
        </p:txBody>
      </p:sp>
      <p:sp>
        <p:nvSpPr>
          <p:cNvPr id="19" name="Rounded Rectangle 127">
            <a:extLst>
              <a:ext uri="{FF2B5EF4-FFF2-40B4-BE49-F238E27FC236}">
                <a16:creationId xmlns:a16="http://schemas.microsoft.com/office/drawing/2014/main" id="{1A6F6860-9C69-5D8F-43D0-3679F75839BF}"/>
              </a:ext>
              <a:ext uri="{C183D7F6-B498-43B3-948B-1728B52AA6E4}">
                <adec:decorative xmlns:adec="http://schemas.microsoft.com/office/drawing/2017/decorative" val="1"/>
              </a:ext>
            </a:extLst>
          </p:cNvPr>
          <p:cNvSpPr/>
          <p:nvPr/>
        </p:nvSpPr>
        <p:spPr>
          <a:xfrm>
            <a:off x="655069" y="5257800"/>
            <a:ext cx="5442517" cy="302700"/>
          </a:xfrm>
          <a:prstGeom prst="roundRect">
            <a:avLst/>
          </a:prstGeom>
          <a:solidFill>
            <a:srgbClr val="0580A7"/>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a:solidFill>
                  <a:schemeClr val="bg1"/>
                </a:solidFill>
              </a:rPr>
              <a:t>Nøgleobservation </a:t>
            </a:r>
            <a:r>
              <a:rPr lang="da-DK" sz="1100" noProof="0" dirty="0">
                <a:solidFill>
                  <a:schemeClr val="bg1"/>
                </a:solidFill>
              </a:rPr>
              <a:t>2.7</a:t>
            </a:r>
            <a:r>
              <a:rPr lang="da-DK" sz="1100" noProof="0">
                <a:solidFill>
                  <a:schemeClr val="bg1"/>
                </a:solidFill>
              </a:rPr>
              <a:t> |</a:t>
            </a:r>
            <a:r>
              <a:rPr lang="da-DK" sz="1100" b="1" noProof="0">
                <a:solidFill>
                  <a:schemeClr val="bg1"/>
                </a:solidFill>
              </a:rPr>
              <a:t> Ejerskab som virkemiddel  </a:t>
            </a:r>
          </a:p>
        </p:txBody>
      </p:sp>
      <p:sp>
        <p:nvSpPr>
          <p:cNvPr id="6" name="Content Placeholder 5">
            <a:extLst>
              <a:ext uri="{FF2B5EF4-FFF2-40B4-BE49-F238E27FC236}">
                <a16:creationId xmlns:a16="http://schemas.microsoft.com/office/drawing/2014/main" id="{6C7A6C76-559E-F3D2-F8E2-CE7B68BD8E30}"/>
              </a:ext>
            </a:extLst>
          </p:cNvPr>
          <p:cNvSpPr txBox="1">
            <a:spLocks/>
          </p:cNvSpPr>
          <p:nvPr/>
        </p:nvSpPr>
        <p:spPr>
          <a:xfrm>
            <a:off x="439328" y="7080004"/>
            <a:ext cx="11470014" cy="376597"/>
          </a:xfrm>
          <a:prstGeom prst="rect">
            <a:avLst/>
          </a:prstGeom>
        </p:spPr>
        <p:txBody>
          <a:bodyPr vert="horz" lIns="0" tIns="0" rIns="0" bIns="0" rtlCol="0" anchor="t">
            <a:noAutofit/>
          </a:bodyPr>
          <a:lstStyle>
            <a:defPPr>
              <a:defRPr lang="en-US"/>
            </a:defPPr>
            <a:lvl1pPr indent="0" defTabSz="203892">
              <a:lnSpc>
                <a:spcPct val="100000"/>
              </a:lnSpc>
              <a:spcBef>
                <a:spcPts val="0"/>
              </a:spcBef>
              <a:spcAft>
                <a:spcPts val="300"/>
              </a:spcAft>
              <a:buClrTx/>
              <a:buFont typeface="Arial" panose="020B0604020202020204" pitchFamily="34" charset="0"/>
              <a:buNone/>
              <a:defRPr sz="700" b="0" i="1" cap="none" baseline="0">
                <a:latin typeface="+mj-lt"/>
              </a:defRPr>
            </a:lvl1pPr>
            <a:lvl2pPr marL="0" indent="0" defTabSz="203892">
              <a:lnSpc>
                <a:spcPct val="100000"/>
              </a:lnSpc>
              <a:spcBef>
                <a:spcPts val="0"/>
              </a:spcBef>
              <a:spcAft>
                <a:spcPts val="600"/>
              </a:spcAft>
              <a:buClrTx/>
              <a:buFont typeface="Arial" panose="020B0604020202020204" pitchFamily="34" charset="0"/>
              <a:buNone/>
              <a:defRPr sz="1200" b="1" cap="none" baseline="0">
                <a:solidFill>
                  <a:schemeClr val="accent1"/>
                </a:solidFill>
              </a:defRPr>
            </a:lvl2pPr>
            <a:lvl3pPr marL="0" indent="0" defTabSz="203892">
              <a:lnSpc>
                <a:spcPct val="100000"/>
              </a:lnSpc>
              <a:spcBef>
                <a:spcPts val="0"/>
              </a:spcBef>
              <a:spcAft>
                <a:spcPts val="600"/>
              </a:spcAft>
              <a:buFont typeface="Arial" panose="020B0604020202020204" pitchFamily="34" charset="0"/>
              <a:buNone/>
              <a:defRPr sz="1100">
                <a:solidFill>
                  <a:schemeClr val="accent3"/>
                </a:solidFill>
              </a:defRPr>
            </a:lvl3pPr>
            <a:lvl4pPr marL="180000" indent="-180000" defTabSz="203892">
              <a:lnSpc>
                <a:spcPct val="100000"/>
              </a:lnSpc>
              <a:spcBef>
                <a:spcPts val="0"/>
              </a:spcBef>
              <a:spcAft>
                <a:spcPts val="600"/>
              </a:spcAft>
              <a:buClr>
                <a:srgbClr val="F62B44"/>
              </a:buClr>
              <a:buFont typeface="Arial" panose="020B0604020202020204" pitchFamily="34" charset="0"/>
              <a:buChar char="•"/>
              <a:defRPr sz="1100">
                <a:solidFill>
                  <a:schemeClr val="accent3"/>
                </a:solidFill>
              </a:defRPr>
            </a:lvl4pPr>
            <a:lvl5pPr marL="36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5pPr>
            <a:lvl6pPr marL="54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6pPr>
            <a:lvl7pPr marL="225425" indent="-225425" defTabSz="203892">
              <a:lnSpc>
                <a:spcPct val="100000"/>
              </a:lnSpc>
              <a:spcBef>
                <a:spcPts val="0"/>
              </a:spcBef>
              <a:spcAft>
                <a:spcPts val="600"/>
              </a:spcAft>
              <a:buClr>
                <a:srgbClr val="F62B44"/>
              </a:buClr>
              <a:buFont typeface="+mj-lt"/>
              <a:buAutoNum type="arabicPeriod"/>
              <a:defRPr sz="1100">
                <a:solidFill>
                  <a:schemeClr val="accent3"/>
                </a:solidFill>
              </a:defRPr>
            </a:lvl7pPr>
            <a:lvl8pPr marL="449263" indent="-215900" defTabSz="203892">
              <a:lnSpc>
                <a:spcPct val="100000"/>
              </a:lnSpc>
              <a:spcBef>
                <a:spcPts val="0"/>
              </a:spcBef>
              <a:spcAft>
                <a:spcPts val="600"/>
              </a:spcAft>
              <a:buClr>
                <a:srgbClr val="F62B44"/>
              </a:buClr>
              <a:buFont typeface="+mj-lt"/>
              <a:buAutoNum type="alphaLcParenR"/>
              <a:defRPr sz="1100">
                <a:solidFill>
                  <a:schemeClr val="accent3"/>
                </a:solidFill>
              </a:defRPr>
            </a:lvl8pPr>
            <a:lvl9pPr marL="630238" indent="-180975" defTabSz="203892">
              <a:lnSpc>
                <a:spcPct val="100000"/>
              </a:lnSpc>
              <a:spcBef>
                <a:spcPts val="0"/>
              </a:spcBef>
              <a:spcAft>
                <a:spcPts val="600"/>
              </a:spcAft>
              <a:buClr>
                <a:srgbClr val="F62B44"/>
              </a:buClr>
              <a:buSzPct val="100000"/>
              <a:buFont typeface="+mj-lt"/>
              <a:buAutoNum type="romanLcPeriod"/>
              <a:defRPr sz="1100">
                <a:solidFill>
                  <a:schemeClr val="accent3"/>
                </a:solidFill>
              </a:defRPr>
            </a:lvl9pPr>
          </a:lstStyle>
          <a:p>
            <a:r>
              <a:rPr lang="da-DK" noProof="0" dirty="0"/>
              <a:t>*Disse tiltag er mere aktive og orienteret mod at skabe reelle alternativer, styrke valgmuligheder og sikre kontrol over løsninger.**Dataindsamlingen viser, at der kan være en række særlige fordele ved brug af OSS, som særligt handler om transparens, fleksibilitet og kontrol over egne data og teknologi. Open source er ikke i udgangspunktet mindre sikkert end kommercielle produkter. Ofte er løsningerne mere robuste, fordi koden er genstand for offentligt </a:t>
            </a:r>
            <a:r>
              <a:rPr lang="da-DK" noProof="0" dirty="0" err="1"/>
              <a:t>review</a:t>
            </a:r>
            <a:r>
              <a:rPr lang="da-DK" noProof="0" dirty="0"/>
              <a:t>. Dog forudsættes aktiv </a:t>
            </a:r>
            <a:r>
              <a:rPr lang="da-DK" noProof="0" dirty="0" err="1"/>
              <a:t>governance</a:t>
            </a:r>
            <a:r>
              <a:rPr lang="da-DK" noProof="0" dirty="0"/>
              <a:t> og løbende opdateringer.</a:t>
            </a:r>
          </a:p>
          <a:p>
            <a:endParaRPr lang="da-DK" noProof="0" dirty="0"/>
          </a:p>
          <a:p>
            <a:endParaRPr lang="da-DK" noProof="0" dirty="0"/>
          </a:p>
          <a:p>
            <a:endParaRPr lang="da-DK" noProof="0" dirty="0"/>
          </a:p>
        </p:txBody>
      </p:sp>
    </p:spTree>
    <p:extLst>
      <p:ext uri="{BB962C8B-B14F-4D97-AF65-F5344CB8AC3E}">
        <p14:creationId xmlns:p14="http://schemas.microsoft.com/office/powerpoint/2010/main" val="3082731742"/>
      </p:ext>
    </p:extLst>
  </p:cSld>
  <p:clrMapOvr>
    <a:masterClrMapping/>
  </p:clrMapOvr>
  <p:transition>
    <p:fade/>
  </p:transition>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2AA1CF9-875C-8A93-7385-11A1DFE21875}"/>
            </a:ext>
          </a:extLst>
        </p:cNvPr>
        <p:cNvGrpSpPr/>
        <p:nvPr/>
      </p:nvGrpSpPr>
      <p:grpSpPr>
        <a:xfrm>
          <a:off x="0" y="0"/>
          <a:ext cx="0" cy="0"/>
          <a:chOff x="0" y="0"/>
          <a:chExt cx="0" cy="0"/>
        </a:xfrm>
      </p:grpSpPr>
      <p:sp>
        <p:nvSpPr>
          <p:cNvPr id="11" name="Rectangle: Rounded Corners 10">
            <a:extLst>
              <a:ext uri="{FF2B5EF4-FFF2-40B4-BE49-F238E27FC236}">
                <a16:creationId xmlns:a16="http://schemas.microsoft.com/office/drawing/2014/main" id="{0961CDC2-026E-B74D-3AC4-4D2E25E022AA}"/>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chemeClr val="tx2">
                    <a:lumMod val="50000"/>
                  </a:schemeClr>
                </a:solidFill>
              </a:rPr>
              <a:t>03 | Forudsætninger for øget digital suverænitet</a:t>
            </a:r>
            <a:r>
              <a:rPr lang="da-DK" sz="1600" b="1" noProof="0" dirty="0">
                <a:solidFill>
                  <a:schemeClr val="tx2">
                    <a:lumMod val="50000"/>
                  </a:schemeClr>
                </a:solidFill>
                <a:latin typeface="Arial" panose="020B0604020202020204"/>
              </a:rPr>
              <a:t>    </a:t>
            </a:r>
          </a:p>
        </p:txBody>
      </p:sp>
      <p:sp>
        <p:nvSpPr>
          <p:cNvPr id="8" name="Title 2">
            <a:extLst>
              <a:ext uri="{FF2B5EF4-FFF2-40B4-BE49-F238E27FC236}">
                <a16:creationId xmlns:a16="http://schemas.microsoft.com/office/drawing/2014/main" id="{211336B0-0A49-6A2D-5733-BEB56FDE679A}"/>
              </a:ext>
            </a:extLst>
          </p:cNvPr>
          <p:cNvSpPr>
            <a:spLocks noGrp="1"/>
          </p:cNvSpPr>
          <p:nvPr>
            <p:ph type="title"/>
          </p:nvPr>
        </p:nvSpPr>
        <p:spPr>
          <a:xfrm>
            <a:off x="554355" y="512763"/>
            <a:ext cx="11088000" cy="792465"/>
          </a:xfrm>
        </p:spPr>
        <p:txBody>
          <a:bodyPr/>
          <a:lstStyle/>
          <a:p>
            <a:r>
              <a:rPr lang="da-DK" sz="2200" noProof="0"/>
              <a:t>Digital suverænitet kræver omstilling og investeringer både teknologisk, organisatorisk og kompetencemæssigt</a:t>
            </a:r>
          </a:p>
        </p:txBody>
      </p:sp>
      <p:sp>
        <p:nvSpPr>
          <p:cNvPr id="44" name="Rounded Rectangle 127">
            <a:extLst>
              <a:ext uri="{FF2B5EF4-FFF2-40B4-BE49-F238E27FC236}">
                <a16:creationId xmlns:a16="http://schemas.microsoft.com/office/drawing/2014/main" id="{22FA6F14-19B0-5D41-063D-D7952CE582B4}"/>
              </a:ext>
            </a:extLst>
          </p:cNvPr>
          <p:cNvSpPr/>
          <p:nvPr/>
        </p:nvSpPr>
        <p:spPr>
          <a:xfrm>
            <a:off x="553586" y="1672606"/>
            <a:ext cx="11088000"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endParaRPr lang="da-DK" sz="1000" noProof="0" dirty="0">
              <a:solidFill>
                <a:schemeClr val="accent3"/>
              </a:solidFill>
            </a:endParaRPr>
          </a:p>
          <a:p>
            <a:pPr marL="171450" indent="-171450">
              <a:buFont typeface="Arial" panose="020B0604020202020204" pitchFamily="34" charset="0"/>
              <a:buChar char="•"/>
            </a:pPr>
            <a:r>
              <a:rPr lang="da-DK" sz="1000" noProof="0" dirty="0">
                <a:solidFill>
                  <a:schemeClr val="tx1"/>
                </a:solidFill>
              </a:rPr>
              <a:t>Erfaringer peger entydigt på, at digital suverænitet kræver omstilling og investeringer, hvilket myndighederne er nødt til at overveje som led i fastlæggelsen af egne strategier på området. Investerings- og omstillingsbehov afhænger af de virkemidler, som myndighederne ønsker at anvende, jf. case-beskrivelser. </a:t>
            </a:r>
          </a:p>
          <a:p>
            <a:pPr marL="171450" indent="-171450">
              <a:buFont typeface="Arial" panose="020B0604020202020204" pitchFamily="34" charset="0"/>
              <a:buChar char="•"/>
            </a:pPr>
            <a:r>
              <a:rPr lang="da-DK" sz="1000" noProof="0" dirty="0">
                <a:solidFill>
                  <a:schemeClr val="tx1"/>
                </a:solidFill>
              </a:rPr>
              <a:t>Fx er OSS ikke er gratis at anvende, men forbundet med investeringer i kompetencer, implementering, </a:t>
            </a:r>
            <a:r>
              <a:rPr lang="da-DK" sz="1000" noProof="0" dirty="0" err="1">
                <a:solidFill>
                  <a:schemeClr val="tx1"/>
                </a:solidFill>
              </a:rPr>
              <a:t>vedigeholdelse</a:t>
            </a:r>
            <a:r>
              <a:rPr lang="da-DK" sz="1000" noProof="0" dirty="0">
                <a:solidFill>
                  <a:schemeClr val="tx1"/>
                </a:solidFill>
              </a:rPr>
              <a:t> samt </a:t>
            </a:r>
            <a:r>
              <a:rPr lang="da-DK" sz="1000" noProof="0" dirty="0" err="1">
                <a:solidFill>
                  <a:schemeClr val="tx1"/>
                </a:solidFill>
              </a:rPr>
              <a:t>governance</a:t>
            </a:r>
            <a:r>
              <a:rPr lang="da-DK" sz="1000" noProof="0" dirty="0">
                <a:solidFill>
                  <a:schemeClr val="tx1"/>
                </a:solidFill>
              </a:rPr>
              <a:t>, sikkerhed og support.</a:t>
            </a:r>
          </a:p>
          <a:p>
            <a:pPr marL="171450" indent="-171450">
              <a:buFont typeface="Arial" panose="020B0604020202020204" pitchFamily="34" charset="0"/>
              <a:buChar char="•"/>
            </a:pPr>
            <a:r>
              <a:rPr lang="da-DK" sz="1000" noProof="0" dirty="0">
                <a:solidFill>
                  <a:schemeClr val="tx1"/>
                </a:solidFill>
              </a:rPr>
              <a:t>Når myndigheden påtager sig et større ansvar for udvikling og vedligehold af OSS (typisk Copyleft eller </a:t>
            </a:r>
            <a:r>
              <a:rPr lang="da-DK" sz="1000" noProof="0" dirty="0" err="1">
                <a:solidFill>
                  <a:schemeClr val="tx1"/>
                </a:solidFill>
              </a:rPr>
              <a:t>Permisive</a:t>
            </a:r>
            <a:r>
              <a:rPr lang="da-DK" sz="1000" noProof="0" dirty="0">
                <a:solidFill>
                  <a:schemeClr val="tx1"/>
                </a:solidFill>
              </a:rPr>
              <a:t> licenser kombineret med en </a:t>
            </a:r>
            <a:r>
              <a:rPr lang="da-DK" sz="1000" noProof="0" dirty="0" err="1">
                <a:solidFill>
                  <a:schemeClr val="tx1"/>
                </a:solidFill>
              </a:rPr>
              <a:t>Outbound</a:t>
            </a:r>
            <a:r>
              <a:rPr lang="da-DK" sz="1000" noProof="0" dirty="0">
                <a:solidFill>
                  <a:schemeClr val="tx1"/>
                </a:solidFill>
              </a:rPr>
              <a:t>-tilgang) vil der være større krav til interne tekniske kompetencer, end </a:t>
            </a:r>
            <a:r>
              <a:rPr lang="da-DK" sz="1000" noProof="0" dirty="0" err="1">
                <a:solidFill>
                  <a:schemeClr val="tx1"/>
                </a:solidFill>
              </a:rPr>
              <a:t>proprietære</a:t>
            </a:r>
            <a:r>
              <a:rPr lang="da-DK" sz="1000" noProof="0" dirty="0">
                <a:solidFill>
                  <a:schemeClr val="tx1"/>
                </a:solidFill>
              </a:rPr>
              <a:t> alternativer. Manglende intern ekspertise kan føre til stigende afhængighed af eksterne kompetencer som fx it-specialister. </a:t>
            </a:r>
            <a:endParaRPr lang="da-DK" sz="1000" noProof="0" dirty="0">
              <a:solidFill>
                <a:schemeClr val="accent3"/>
              </a:solidFill>
            </a:endParaRPr>
          </a:p>
        </p:txBody>
      </p:sp>
      <p:sp>
        <p:nvSpPr>
          <p:cNvPr id="61" name="Rounded Rectangle 127">
            <a:extLst>
              <a:ext uri="{FF2B5EF4-FFF2-40B4-BE49-F238E27FC236}">
                <a16:creationId xmlns:a16="http://schemas.microsoft.com/office/drawing/2014/main" id="{34E4E105-B56D-F920-EAD8-7F17B2A16E45}"/>
              </a:ext>
            </a:extLst>
          </p:cNvPr>
          <p:cNvSpPr/>
          <p:nvPr/>
        </p:nvSpPr>
        <p:spPr>
          <a:xfrm>
            <a:off x="553586" y="2913485"/>
            <a:ext cx="11087999"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endParaRPr lang="da-DK" sz="1000" noProof="0" dirty="0">
              <a:solidFill>
                <a:schemeClr val="tx1"/>
              </a:solidFill>
            </a:endParaRPr>
          </a:p>
          <a:p>
            <a:pPr marL="171450" indent="-171450">
              <a:buFont typeface="Arial" panose="020B0604020202020204" pitchFamily="34" charset="0"/>
              <a:buChar char="•"/>
            </a:pPr>
            <a:r>
              <a:rPr lang="da-DK" sz="1000" noProof="0" dirty="0">
                <a:solidFill>
                  <a:schemeClr val="tx1"/>
                </a:solidFill>
              </a:rPr>
              <a:t>Der er behov for både at investere i tekniske løsninger, organisatoriske tiltag og kompetencer for at arbejde struktureret med digital suverænitet. Det er en erfaring på tværs af cases, at migrering til alternative teknologivalg stiller nye krav til myndighederne. </a:t>
            </a:r>
          </a:p>
          <a:p>
            <a:pPr marL="171450" indent="-171450">
              <a:buFont typeface="Arial" panose="020B0604020202020204" pitchFamily="34" charset="0"/>
              <a:buChar char="•"/>
            </a:pPr>
            <a:r>
              <a:rPr lang="da-DK" sz="1000" noProof="0" dirty="0">
                <a:solidFill>
                  <a:schemeClr val="tx1"/>
                </a:solidFill>
              </a:rPr>
              <a:t>Der kan fx være behov for nye kompetencer og </a:t>
            </a:r>
            <a:r>
              <a:rPr lang="da-DK" sz="1000" noProof="0" dirty="0" err="1">
                <a:solidFill>
                  <a:schemeClr val="tx1"/>
                </a:solidFill>
              </a:rPr>
              <a:t>governance</a:t>
            </a:r>
            <a:r>
              <a:rPr lang="da-DK" sz="1000" noProof="0" dirty="0">
                <a:solidFill>
                  <a:schemeClr val="tx1"/>
                </a:solidFill>
              </a:rPr>
              <a:t>-modeller til samarbejde med it-leverandører ved indførelse af OSS, der kan være nye styringsopgaver, når myndigheder migrerer fra større </a:t>
            </a:r>
            <a:r>
              <a:rPr lang="da-DK" sz="1000" noProof="0" dirty="0" err="1">
                <a:solidFill>
                  <a:schemeClr val="tx1"/>
                </a:solidFill>
              </a:rPr>
              <a:t>hyperscalers</a:t>
            </a:r>
            <a:r>
              <a:rPr lang="da-DK" sz="1000" noProof="0" dirty="0">
                <a:solidFill>
                  <a:schemeClr val="tx1"/>
                </a:solidFill>
              </a:rPr>
              <a:t> til mindre europæiske cloud-leverandører samt behov for juridiske, tekniske og analytiske kompetencer til at gennemføre robuste risikoanalyser, udarbejde exit-strategier og stille de rette krav til åbne standarder og </a:t>
            </a:r>
            <a:r>
              <a:rPr lang="da-DK" sz="1000" noProof="0" dirty="0" err="1">
                <a:solidFill>
                  <a:schemeClr val="tx1"/>
                </a:solidFill>
              </a:rPr>
              <a:t>interoperabilitet</a:t>
            </a:r>
            <a:r>
              <a:rPr lang="da-DK" sz="1000" noProof="0" dirty="0">
                <a:solidFill>
                  <a:schemeClr val="tx1"/>
                </a:solidFill>
              </a:rPr>
              <a:t> (jf. cases fra Aarhus Kommune, EU-Kommissionen, Schleswig-Holstein).</a:t>
            </a:r>
          </a:p>
        </p:txBody>
      </p:sp>
      <p:sp>
        <p:nvSpPr>
          <p:cNvPr id="2" name="Rounded Rectangle 127">
            <a:extLst>
              <a:ext uri="{FF2B5EF4-FFF2-40B4-BE49-F238E27FC236}">
                <a16:creationId xmlns:a16="http://schemas.microsoft.com/office/drawing/2014/main" id="{75D3BFAE-8719-1AB0-03F3-87155AACEB5E}"/>
              </a:ext>
            </a:extLst>
          </p:cNvPr>
          <p:cNvSpPr/>
          <p:nvPr/>
        </p:nvSpPr>
        <p:spPr>
          <a:xfrm>
            <a:off x="553586" y="4154364"/>
            <a:ext cx="11088000"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noProof="0" dirty="0">
              <a:solidFill>
                <a:schemeClr val="tx1"/>
              </a:solidFill>
            </a:endParaRPr>
          </a:p>
          <a:p>
            <a:pPr marL="171450" indent="-171450">
              <a:buFont typeface="Arial" panose="020B0604020202020204" pitchFamily="34" charset="0"/>
              <a:buChar char="•"/>
            </a:pPr>
            <a:r>
              <a:rPr lang="da-DK" sz="1000" noProof="0" dirty="0">
                <a:solidFill>
                  <a:schemeClr val="tx1"/>
                </a:solidFill>
              </a:rPr>
              <a:t>Mere transformative alternativer, hvor myndigheden udskifter en større del af sine digitale løsninger (fx Home Office, Schleswig-Holstein), eller hvor der etableres nye alternative løsninger med et større udbredelsespotentiale, kræver typisk et økosystem af fx it-leverandører, non-profit-organisationer, fonde, offentlige myndigheder mv. for at kunne realiseres (se bl.a. </a:t>
            </a:r>
            <a:r>
              <a:rPr lang="da-DK" sz="1000" noProof="0" dirty="0" err="1">
                <a:solidFill>
                  <a:schemeClr val="tx1"/>
                </a:solidFill>
              </a:rPr>
              <a:t>EuroStack</a:t>
            </a:r>
            <a:r>
              <a:rPr lang="da-DK" sz="1000" noProof="0" dirty="0">
                <a:solidFill>
                  <a:schemeClr val="tx1"/>
                </a:solidFill>
              </a:rPr>
              <a:t>, GPT-NL, OS2, </a:t>
            </a:r>
            <a:r>
              <a:rPr lang="da-DK" sz="1000" noProof="0" dirty="0" err="1">
                <a:solidFill>
                  <a:schemeClr val="tx1"/>
                </a:solidFill>
              </a:rPr>
              <a:t>ZenDis</a:t>
            </a:r>
            <a:r>
              <a:rPr lang="da-DK" sz="1000" noProof="0" dirty="0">
                <a:solidFill>
                  <a:schemeClr val="tx1"/>
                </a:solidFill>
              </a:rPr>
              <a:t>). Der pålægger den ansvarlige myndighed/aktør en central opgave med at koordinere og styre udviklingen af økosystemet.</a:t>
            </a:r>
          </a:p>
          <a:p>
            <a:pPr marL="171450" indent="-171450">
              <a:buFont typeface="Arial" panose="020B0604020202020204" pitchFamily="34" charset="0"/>
              <a:buChar char="•"/>
            </a:pPr>
            <a:r>
              <a:rPr lang="da-DK" sz="1000" noProof="0" dirty="0">
                <a:solidFill>
                  <a:schemeClr val="tx1"/>
                </a:solidFill>
              </a:rPr>
              <a:t>Det er etableret erfaringer med nye forretningsmodeller via offentlig-privat samarbejde, hvor staten/den offentlige sektor sikrer en basisfinansiering ifm. etablering af produktudvikling, hvorefter der etableres en forretningsmodel rundt om et til flere konkrete produkter med licensindtægter og forskellige servicetilbud (se bl.a. GPT-NL, OS2, </a:t>
            </a:r>
            <a:r>
              <a:rPr lang="da-DK" sz="1000" noProof="0" dirty="0" err="1">
                <a:solidFill>
                  <a:schemeClr val="tx1"/>
                </a:solidFill>
              </a:rPr>
              <a:t>ZenDis</a:t>
            </a:r>
            <a:r>
              <a:rPr lang="da-DK" sz="1000" noProof="0" dirty="0">
                <a:solidFill>
                  <a:schemeClr val="tx1"/>
                </a:solidFill>
              </a:rPr>
              <a:t>).</a:t>
            </a:r>
          </a:p>
          <a:p>
            <a:pPr marL="171450" indent="-171450">
              <a:buFont typeface="Arial" panose="020B0604020202020204" pitchFamily="34" charset="0"/>
              <a:buChar char="•"/>
            </a:pPr>
            <a:endParaRPr lang="da-DK" sz="1000" noProof="0" dirty="0">
              <a:solidFill>
                <a:schemeClr val="tx1"/>
              </a:solidFill>
            </a:endParaRPr>
          </a:p>
          <a:p>
            <a:pPr marL="171450" indent="-171450">
              <a:buFont typeface="Arial" panose="020B0604020202020204" pitchFamily="34" charset="0"/>
              <a:buChar char="•"/>
            </a:pPr>
            <a:endParaRPr lang="da-DK" sz="1000" noProof="0" dirty="0">
              <a:solidFill>
                <a:schemeClr val="tx1"/>
              </a:solidFill>
            </a:endParaRPr>
          </a:p>
          <a:p>
            <a:endParaRPr lang="da-DK" sz="1000" noProof="0" dirty="0">
              <a:solidFill>
                <a:schemeClr val="tx1"/>
              </a:solidFill>
            </a:endParaRPr>
          </a:p>
          <a:p>
            <a:endParaRPr lang="da-DK" sz="1000" noProof="0" dirty="0">
              <a:solidFill>
                <a:schemeClr val="tx1"/>
              </a:solidFill>
            </a:endParaRPr>
          </a:p>
        </p:txBody>
      </p:sp>
      <p:sp>
        <p:nvSpPr>
          <p:cNvPr id="4" name="Rounded Rectangle 127">
            <a:extLst>
              <a:ext uri="{FF2B5EF4-FFF2-40B4-BE49-F238E27FC236}">
                <a16:creationId xmlns:a16="http://schemas.microsoft.com/office/drawing/2014/main" id="{287A8AFD-CF28-218E-099B-82965EEDA2A0}"/>
              </a:ext>
            </a:extLst>
          </p:cNvPr>
          <p:cNvSpPr/>
          <p:nvPr/>
        </p:nvSpPr>
        <p:spPr>
          <a:xfrm>
            <a:off x="553586" y="5395242"/>
            <a:ext cx="11087999" cy="990305"/>
          </a:xfrm>
          <a:prstGeom prst="roundRect">
            <a:avLst>
              <a:gd name="adj" fmla="val 6523"/>
            </a:avLst>
          </a:prstGeom>
          <a:no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171450" indent="-171450">
              <a:buFont typeface="Arial" panose="020B0604020202020204" pitchFamily="34" charset="0"/>
              <a:buChar char="•"/>
            </a:pPr>
            <a:endParaRPr lang="da-DK" sz="1000" noProof="0" dirty="0">
              <a:solidFill>
                <a:schemeClr val="tx1"/>
              </a:solidFill>
            </a:endParaRPr>
          </a:p>
          <a:p>
            <a:pPr marL="171450" indent="-171450">
              <a:buFont typeface="Arial" panose="020B0604020202020204" pitchFamily="34" charset="0"/>
              <a:buChar char="•"/>
            </a:pPr>
            <a:r>
              <a:rPr lang="da-DK" sz="1000" noProof="0" dirty="0">
                <a:solidFill>
                  <a:schemeClr val="tx1"/>
                </a:solidFill>
              </a:rPr>
              <a:t>Når der etableres alternativer via nye leverandører og forretningsmodeller skabes der altid nye afhængigheder. Det gælder både </a:t>
            </a:r>
            <a:r>
              <a:rPr lang="da-DK" sz="1000" noProof="0" dirty="0" err="1">
                <a:solidFill>
                  <a:schemeClr val="tx1"/>
                </a:solidFill>
              </a:rPr>
              <a:t>proprietære</a:t>
            </a:r>
            <a:r>
              <a:rPr lang="da-DK" sz="1000" noProof="0" dirty="0">
                <a:solidFill>
                  <a:schemeClr val="tx1"/>
                </a:solidFill>
              </a:rPr>
              <a:t> løsninger (fx GPT-NL) og OSS (fx </a:t>
            </a:r>
            <a:r>
              <a:rPr lang="da-DK" sz="1000" noProof="0" dirty="0" err="1">
                <a:solidFill>
                  <a:schemeClr val="tx1"/>
                </a:solidFill>
              </a:rPr>
              <a:t>ZenDis</a:t>
            </a:r>
            <a:r>
              <a:rPr lang="da-DK" sz="1000" noProof="0" dirty="0">
                <a:solidFill>
                  <a:schemeClr val="tx1"/>
                </a:solidFill>
              </a:rPr>
              <a:t>). Overblik og styring er derfor fortsat centrale discipliner, når myndighederne udskifter løsninger, for at reducere afhængigheder og sårbarheder. </a:t>
            </a:r>
          </a:p>
          <a:p>
            <a:pPr marL="171450" indent="-171450">
              <a:buFont typeface="Arial" panose="020B0604020202020204" pitchFamily="34" charset="0"/>
              <a:buChar char="•"/>
            </a:pPr>
            <a:r>
              <a:rPr lang="da-DK" sz="1000" noProof="0" dirty="0">
                <a:solidFill>
                  <a:schemeClr val="tx1"/>
                </a:solidFill>
              </a:rPr>
              <a:t>Det gælder også for OSS, at der kan være nye afhængigheder til bestemte distributionsplatforme eller cloud-tjenester, hvilket kan skabe nye former for leverandørbindinger. Et andet eksempel er, at OSS ofte er drevet af frivillige eller mindre organisationer, hvilket kan skabe nye sårbarheder, hvis kritiske opdateringer eller sikkerhedsrettelser udebliver. </a:t>
            </a:r>
          </a:p>
        </p:txBody>
      </p:sp>
      <p:sp>
        <p:nvSpPr>
          <p:cNvPr id="12" name="Rounded Rectangle 127">
            <a:extLst>
              <a:ext uri="{FF2B5EF4-FFF2-40B4-BE49-F238E27FC236}">
                <a16:creationId xmlns:a16="http://schemas.microsoft.com/office/drawing/2014/main" id="{ECDE94D5-8746-E52A-18B7-367392CA0EA2}"/>
              </a:ext>
              <a:ext uri="{C183D7F6-B498-43B3-948B-1728B52AA6E4}">
                <adec:decorative xmlns:adec="http://schemas.microsoft.com/office/drawing/2017/decorative" val="1"/>
              </a:ext>
            </a:extLst>
          </p:cNvPr>
          <p:cNvSpPr>
            <a:spLocks/>
          </p:cNvSpPr>
          <p:nvPr/>
        </p:nvSpPr>
        <p:spPr>
          <a:xfrm>
            <a:off x="636781" y="1545336"/>
            <a:ext cx="5535419" cy="302700"/>
          </a:xfrm>
          <a:prstGeom prst="roundRect">
            <a:avLst/>
          </a:prstGeom>
          <a:solidFill>
            <a:srgbClr val="4AB9D3"/>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a:solidFill>
                  <a:schemeClr val="bg1"/>
                </a:solidFill>
              </a:rPr>
              <a:t>Nøgleobservation 3.1 | </a:t>
            </a:r>
            <a:r>
              <a:rPr lang="da-DK" sz="1100" b="1" noProof="0" dirty="0">
                <a:solidFill>
                  <a:schemeClr val="bg1"/>
                </a:solidFill>
              </a:rPr>
              <a:t>D</a:t>
            </a:r>
            <a:r>
              <a:rPr lang="da-DK" sz="1100" b="1" noProof="0">
                <a:solidFill>
                  <a:schemeClr val="bg1"/>
                </a:solidFill>
              </a:rPr>
              <a:t>igital suverænitet kræver omstilling og investeringer </a:t>
            </a:r>
          </a:p>
        </p:txBody>
      </p:sp>
      <p:sp>
        <p:nvSpPr>
          <p:cNvPr id="13" name="Rounded Rectangle 127">
            <a:extLst>
              <a:ext uri="{FF2B5EF4-FFF2-40B4-BE49-F238E27FC236}">
                <a16:creationId xmlns:a16="http://schemas.microsoft.com/office/drawing/2014/main" id="{A7192702-417C-AAEF-4F0A-9CC02C4CB51C}"/>
              </a:ext>
              <a:ext uri="{C183D7F6-B498-43B3-948B-1728B52AA6E4}">
                <adec:decorative xmlns:adec="http://schemas.microsoft.com/office/drawing/2017/decorative" val="1"/>
              </a:ext>
            </a:extLst>
          </p:cNvPr>
          <p:cNvSpPr>
            <a:spLocks/>
          </p:cNvSpPr>
          <p:nvPr/>
        </p:nvSpPr>
        <p:spPr>
          <a:xfrm>
            <a:off x="652021" y="2767584"/>
            <a:ext cx="5535419" cy="302700"/>
          </a:xfrm>
          <a:prstGeom prst="roundRect">
            <a:avLst/>
          </a:prstGeom>
          <a:solidFill>
            <a:srgbClr val="4AB9D3"/>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a:solidFill>
                  <a:schemeClr val="bg1"/>
                </a:solidFill>
              </a:rPr>
              <a:t>Nøgleobservation </a:t>
            </a:r>
            <a:r>
              <a:rPr lang="da-DK" sz="1100" noProof="0" dirty="0">
                <a:solidFill>
                  <a:schemeClr val="bg1"/>
                </a:solidFill>
              </a:rPr>
              <a:t>3.2</a:t>
            </a:r>
            <a:r>
              <a:rPr lang="da-DK" sz="1100" noProof="0">
                <a:solidFill>
                  <a:schemeClr val="bg1"/>
                </a:solidFill>
              </a:rPr>
              <a:t> |</a:t>
            </a:r>
            <a:r>
              <a:rPr lang="da-DK" sz="1100" b="1" noProof="0">
                <a:solidFill>
                  <a:schemeClr val="bg1"/>
                </a:solidFill>
              </a:rPr>
              <a:t> Behov for forskellige typer af investeringer</a:t>
            </a:r>
            <a:r>
              <a:rPr lang="da-DK" sz="1100" noProof="0">
                <a:solidFill>
                  <a:schemeClr val="bg1"/>
                </a:solidFill>
              </a:rPr>
              <a:t> </a:t>
            </a:r>
          </a:p>
        </p:txBody>
      </p:sp>
      <p:sp>
        <p:nvSpPr>
          <p:cNvPr id="14" name="Rounded Rectangle 127">
            <a:extLst>
              <a:ext uri="{FF2B5EF4-FFF2-40B4-BE49-F238E27FC236}">
                <a16:creationId xmlns:a16="http://schemas.microsoft.com/office/drawing/2014/main" id="{1D864E12-06AE-57A2-D97E-55B0E948E65C}"/>
              </a:ext>
              <a:ext uri="{C183D7F6-B498-43B3-948B-1728B52AA6E4}">
                <adec:decorative xmlns:adec="http://schemas.microsoft.com/office/drawing/2017/decorative" val="1"/>
              </a:ext>
            </a:extLst>
          </p:cNvPr>
          <p:cNvSpPr>
            <a:spLocks/>
          </p:cNvSpPr>
          <p:nvPr/>
        </p:nvSpPr>
        <p:spPr>
          <a:xfrm>
            <a:off x="658117" y="4026408"/>
            <a:ext cx="5535419" cy="302700"/>
          </a:xfrm>
          <a:prstGeom prst="roundRect">
            <a:avLst/>
          </a:prstGeom>
          <a:solidFill>
            <a:srgbClr val="4AB9D3"/>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noProof="0" dirty="0">
                <a:solidFill>
                  <a:schemeClr val="bg1"/>
                </a:solidFill>
              </a:rPr>
              <a:t>Nøgleobservation 3.3 |</a:t>
            </a:r>
            <a:r>
              <a:rPr lang="da-DK" sz="1100" b="1" noProof="0" dirty="0">
                <a:solidFill>
                  <a:schemeClr val="bg1"/>
                </a:solidFill>
              </a:rPr>
              <a:t> Transformative alternativer kræver nye økosystemer</a:t>
            </a:r>
            <a:endParaRPr lang="da-DK" sz="1100" noProof="0" dirty="0">
              <a:solidFill>
                <a:schemeClr val="bg1"/>
              </a:solidFill>
            </a:endParaRPr>
          </a:p>
        </p:txBody>
      </p:sp>
      <p:sp>
        <p:nvSpPr>
          <p:cNvPr id="15" name="Rounded Rectangle 127">
            <a:extLst>
              <a:ext uri="{FF2B5EF4-FFF2-40B4-BE49-F238E27FC236}">
                <a16:creationId xmlns:a16="http://schemas.microsoft.com/office/drawing/2014/main" id="{ABBA0D71-A4D5-B012-4C3A-571F1C0492BE}"/>
              </a:ext>
              <a:ext uri="{C183D7F6-B498-43B3-948B-1728B52AA6E4}">
                <adec:decorative xmlns:adec="http://schemas.microsoft.com/office/drawing/2017/decorative" val="1"/>
              </a:ext>
            </a:extLst>
          </p:cNvPr>
          <p:cNvSpPr>
            <a:spLocks/>
          </p:cNvSpPr>
          <p:nvPr/>
        </p:nvSpPr>
        <p:spPr>
          <a:xfrm>
            <a:off x="655069" y="5266944"/>
            <a:ext cx="5535419" cy="302700"/>
          </a:xfrm>
          <a:prstGeom prst="roundRect">
            <a:avLst/>
          </a:prstGeom>
          <a:solidFill>
            <a:srgbClr val="4AB9D3"/>
          </a:solidFill>
          <a:ln w="12700">
            <a:solidFill>
              <a:schemeClr val="accent4"/>
            </a:solidFill>
            <a:prstDash val="solid"/>
          </a:ln>
        </p:spPr>
        <p:style>
          <a:lnRef idx="2">
            <a:schemeClr val="accent1">
              <a:shade val="50000"/>
            </a:schemeClr>
          </a:lnRef>
          <a:fillRef idx="1">
            <a:schemeClr val="accent1"/>
          </a:fillRef>
          <a:effectRef idx="0">
            <a:schemeClr val="accent1"/>
          </a:effectRef>
          <a:fontRef idx="minor">
            <a:schemeClr val="lt1"/>
          </a:fontRef>
        </p:style>
        <p:txBody>
          <a:bodyPr rIns="72000" rtlCol="0" anchor="ctr"/>
          <a:lstStyle/>
          <a:p>
            <a:r>
              <a:rPr lang="da-DK" sz="1100" noProof="0">
                <a:solidFill>
                  <a:schemeClr val="bg1"/>
                </a:solidFill>
              </a:rPr>
              <a:t>Nøgleobservation </a:t>
            </a:r>
            <a:r>
              <a:rPr lang="da-DK" sz="1100" noProof="0" dirty="0">
                <a:solidFill>
                  <a:schemeClr val="bg1"/>
                </a:solidFill>
              </a:rPr>
              <a:t>3.4</a:t>
            </a:r>
            <a:r>
              <a:rPr lang="da-DK" sz="1100" noProof="0">
                <a:solidFill>
                  <a:schemeClr val="bg1"/>
                </a:solidFill>
              </a:rPr>
              <a:t> | </a:t>
            </a:r>
            <a:r>
              <a:rPr lang="da-DK" sz="1100" b="1" noProof="0" dirty="0">
                <a:solidFill>
                  <a:schemeClr val="bg1"/>
                </a:solidFill>
              </a:rPr>
              <a:t>Alternativer skaber nye afhængigheder</a:t>
            </a:r>
          </a:p>
        </p:txBody>
      </p:sp>
    </p:spTree>
    <p:extLst>
      <p:ext uri="{BB962C8B-B14F-4D97-AF65-F5344CB8AC3E}">
        <p14:creationId xmlns:p14="http://schemas.microsoft.com/office/powerpoint/2010/main" val="3032103451"/>
      </p:ext>
    </p:extLst>
  </p:cSld>
  <p:clrMapOvr>
    <a:masterClrMapping/>
  </p:clrMapOvr>
  <p:transition>
    <p:fade/>
  </p:transition>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531D7C7-6F9E-0DA8-70D0-0EA1367ECEA3}"/>
            </a:ext>
          </a:extLst>
        </p:cNvPr>
        <p:cNvGrpSpPr/>
        <p:nvPr/>
      </p:nvGrpSpPr>
      <p:grpSpPr>
        <a:xfrm>
          <a:off x="0" y="0"/>
          <a:ext cx="0" cy="0"/>
          <a:chOff x="0" y="0"/>
          <a:chExt cx="0" cy="0"/>
        </a:xfrm>
      </p:grpSpPr>
      <p:pic>
        <p:nvPicPr>
          <p:cNvPr id="7" name="Picture Placeholder 6">
            <a:extLst>
              <a:ext uri="{FF2B5EF4-FFF2-40B4-BE49-F238E27FC236}">
                <a16:creationId xmlns:a16="http://schemas.microsoft.com/office/drawing/2014/main" id="{9AB8D012-1726-6A58-493F-B364A3DE8FCD}"/>
              </a:ext>
              <a:ext uri="{C183D7F6-B498-43B3-948B-1728B52AA6E4}">
                <adec:decorative xmlns:adec="http://schemas.microsoft.com/office/drawing/2017/decorative" val="1"/>
              </a:ext>
            </a:extLst>
          </p:cNvPr>
          <p:cNvPicPr>
            <a:picLocks noGrp="1" noChangeAspect="1"/>
          </p:cNvPicPr>
          <p:nvPr>
            <p:ph type="pic" sz="quarter" idx="24"/>
          </p:nvPr>
        </p:nvPicPr>
        <p:blipFill>
          <a:blip r:embed="rId2">
            <a:extLst>
              <a:ext uri="{28A0092B-C50C-407E-A947-70E740481C1C}">
                <a14:useLocalDpi xmlns:a14="http://schemas.microsoft.com/office/drawing/2010/main" val="0"/>
              </a:ext>
            </a:extLst>
          </a:blip>
          <a:srcRect l="11631" r="11631"/>
          <a:stretch>
            <a:fillRect/>
          </a:stretch>
        </p:blipFill>
        <p:spPr/>
      </p:pic>
      <p:sp>
        <p:nvSpPr>
          <p:cNvPr id="3" name="Text Placeholder 2">
            <a:extLst>
              <a:ext uri="{FF2B5EF4-FFF2-40B4-BE49-F238E27FC236}">
                <a16:creationId xmlns:a16="http://schemas.microsoft.com/office/drawing/2014/main" id="{2E5E2A77-B035-837F-664E-0D99E21C3344}"/>
              </a:ext>
            </a:extLst>
          </p:cNvPr>
          <p:cNvSpPr>
            <a:spLocks noGrp="1"/>
          </p:cNvSpPr>
          <p:nvPr>
            <p:ph type="body" sz="quarter" idx="23"/>
          </p:nvPr>
        </p:nvSpPr>
        <p:spPr/>
        <p:txBody>
          <a:bodyPr/>
          <a:lstStyle/>
          <a:p>
            <a:r>
              <a:rPr lang="da-DK" sz="4200" noProof="0" dirty="0"/>
              <a:t>Kapitel 4</a:t>
            </a:r>
          </a:p>
        </p:txBody>
      </p:sp>
      <p:sp>
        <p:nvSpPr>
          <p:cNvPr id="4" name="Text Placeholder 3">
            <a:extLst>
              <a:ext uri="{FF2B5EF4-FFF2-40B4-BE49-F238E27FC236}">
                <a16:creationId xmlns:a16="http://schemas.microsoft.com/office/drawing/2014/main" id="{DB8AAA5E-2B10-3C7D-6A13-022B7A4F998A}"/>
              </a:ext>
            </a:extLst>
          </p:cNvPr>
          <p:cNvSpPr>
            <a:spLocks noGrp="1"/>
          </p:cNvSpPr>
          <p:nvPr>
            <p:ph type="title" idx="4294967295"/>
          </p:nvPr>
        </p:nvSpPr>
        <p:spPr>
          <a:xfrm>
            <a:off x="558800" y="3646488"/>
            <a:ext cx="3487738" cy="2057400"/>
          </a:xfrm>
          <a:prstGeom prst="rect">
            <a:avLst/>
          </a:prstGeom>
          <a:noFill/>
          <a:ln>
            <a:noFill/>
            <a:prstDash/>
          </a:ln>
          <a:effectLst/>
        </p:spPr>
        <p:txBody>
          <a:bodyPr rot="0" spcFirstLastPara="0" vertOverflow="overflow" horzOverflow="overflow" vert="horz" wrap="square" lIns="0" tIns="144000" rIns="144000" bIns="144000" numCol="1" spcCol="0" rtlCol="0" fromWordArt="0" anchor="t" anchorCtr="0" forceAA="0" compatLnSpc="1">
            <a:prstTxWarp prst="textNoShape">
              <a:avLst/>
            </a:prstTxWarp>
            <a:noAutofit/>
          </a:body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da-DK" sz="2800" b="0" i="0" u="none" strike="noStrike" kern="1200" cap="none" spc="0" normalizeH="0" baseline="0" noProof="0" dirty="0" err="1">
                <a:ln>
                  <a:noFill/>
                </a:ln>
                <a:solidFill>
                  <a:schemeClr val="accent1"/>
                </a:solidFill>
                <a:effectLst/>
                <a:uLnTx/>
                <a:uFillTx/>
                <a:latin typeface="+mn-lt"/>
                <a:ea typeface="+mn-ea"/>
                <a:cs typeface="+mn-cs"/>
              </a:rPr>
              <a:t>PA’s</a:t>
            </a:r>
            <a:r>
              <a:rPr kumimoji="0" lang="da-DK" sz="2800" b="0" i="0" u="none" strike="noStrike" kern="1200" cap="none" spc="0" normalizeH="0" baseline="0" noProof="0" dirty="0">
                <a:ln>
                  <a:noFill/>
                </a:ln>
                <a:solidFill>
                  <a:schemeClr val="accent1"/>
                </a:solidFill>
                <a:effectLst/>
                <a:uLnTx/>
                <a:uFillTx/>
                <a:latin typeface="+mn-lt"/>
                <a:ea typeface="+mn-ea"/>
                <a:cs typeface="+mn-cs"/>
              </a:rPr>
              <a:t> forslag til løsningsspor</a:t>
            </a:r>
          </a:p>
        </p:txBody>
      </p:sp>
      <p:sp>
        <p:nvSpPr>
          <p:cNvPr id="2" name="TextBox 1">
            <a:extLst>
              <a:ext uri="{FF2B5EF4-FFF2-40B4-BE49-F238E27FC236}">
                <a16:creationId xmlns:a16="http://schemas.microsoft.com/office/drawing/2014/main" id="{EECCD068-248A-8393-698E-358C16BF6A2C}"/>
              </a:ext>
            </a:extLst>
          </p:cNvPr>
          <p:cNvSpPr txBox="1"/>
          <p:nvPr/>
        </p:nvSpPr>
        <p:spPr>
          <a:xfrm>
            <a:off x="558546" y="4925841"/>
            <a:ext cx="2446256" cy="853125"/>
          </a:xfrm>
          <a:prstGeom prst="rect">
            <a:avLst/>
          </a:prstGeom>
          <a:noFill/>
        </p:spPr>
        <p:txBody>
          <a:bodyPr wrap="square" rtlCol="0">
            <a:noAutofit/>
          </a:bodyPr>
          <a:lstStyle/>
          <a:p>
            <a:r>
              <a:rPr lang="da-DK" sz="1100" noProof="1">
                <a:solidFill>
                  <a:schemeClr val="bg1"/>
                </a:solidFill>
              </a:rPr>
              <a:t>Dividerslide, som indikerer at vi går hen til kapaital 4: PA’s forslag til løsningsspor</a:t>
            </a:r>
          </a:p>
        </p:txBody>
      </p:sp>
    </p:spTree>
    <p:extLst>
      <p:ext uri="{BB962C8B-B14F-4D97-AF65-F5344CB8AC3E}">
        <p14:creationId xmlns:p14="http://schemas.microsoft.com/office/powerpoint/2010/main" val="3676496785"/>
      </p:ext>
    </p:extLst>
  </p:cSld>
  <p:clrMapOvr>
    <a:masterClrMapping/>
  </p:clrMapOvr>
  <p:transition>
    <p:fade/>
  </p:transition>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48F3536-9503-B32F-9A0E-0CF8103B3A3A}"/>
              </a:ext>
            </a:extLst>
          </p:cNvPr>
          <p:cNvSpPr>
            <a:spLocks noGrp="1"/>
          </p:cNvSpPr>
          <p:nvPr>
            <p:ph type="title"/>
          </p:nvPr>
        </p:nvSpPr>
        <p:spPr/>
        <p:txBody>
          <a:bodyPr/>
          <a:lstStyle/>
          <a:p>
            <a:r>
              <a:rPr lang="da-DK" sz="2200" noProof="0" dirty="0"/>
              <a:t>Introduktion til kapitlet om løsningsspor</a:t>
            </a:r>
          </a:p>
        </p:txBody>
      </p:sp>
      <p:sp>
        <p:nvSpPr>
          <p:cNvPr id="51" name="TextBox 50">
            <a:extLst>
              <a:ext uri="{FF2B5EF4-FFF2-40B4-BE49-F238E27FC236}">
                <a16:creationId xmlns:a16="http://schemas.microsoft.com/office/drawing/2014/main" id="{08472E62-8DE2-4715-FBA1-C1A9CAEB2880}"/>
              </a:ext>
            </a:extLst>
          </p:cNvPr>
          <p:cNvSpPr txBox="1"/>
          <p:nvPr/>
        </p:nvSpPr>
        <p:spPr>
          <a:xfrm>
            <a:off x="554354" y="1547581"/>
            <a:ext cx="11118721" cy="646331"/>
          </a:xfrm>
          <a:prstGeom prst="rect">
            <a:avLst/>
          </a:prstGeom>
          <a:noFill/>
        </p:spPr>
        <p:txBody>
          <a:bodyPr wrap="square" lIns="0" rIns="0">
            <a:spAutoFit/>
          </a:bodyPr>
          <a:lstStyle/>
          <a:p>
            <a:r>
              <a:rPr lang="da-DK" sz="1200" b="1" noProof="0" dirty="0">
                <a:solidFill>
                  <a:schemeClr val="accent3"/>
                </a:solidFill>
              </a:rPr>
              <a:t>Opstillingen af løsningsspor og indsatser tager afsæt i </a:t>
            </a:r>
            <a:r>
              <a:rPr lang="da-DK" sz="1200" b="1" noProof="0" dirty="0" err="1">
                <a:solidFill>
                  <a:schemeClr val="accent3"/>
                </a:solidFill>
              </a:rPr>
              <a:t>efaringsbaserede</a:t>
            </a:r>
            <a:r>
              <a:rPr lang="da-DK" sz="1200" b="1" noProof="0" dirty="0">
                <a:solidFill>
                  <a:schemeClr val="accent3"/>
                </a:solidFill>
              </a:rPr>
              <a:t> input fra den gennemførte dataindsamling samt </a:t>
            </a:r>
            <a:r>
              <a:rPr lang="da-DK" sz="1200" b="1" noProof="0" dirty="0" err="1">
                <a:solidFill>
                  <a:schemeClr val="accent3"/>
                </a:solidFill>
              </a:rPr>
              <a:t>PA’s</a:t>
            </a:r>
            <a:r>
              <a:rPr lang="da-DK" sz="1200" b="1" noProof="0" dirty="0">
                <a:solidFill>
                  <a:schemeClr val="accent3"/>
                </a:solidFill>
              </a:rPr>
              <a:t> faglige vurderinger. PA har identificeret tre centrale løsningsspor med 12 understøttende indsatser og fire anbefalinger som input til parternes videre arbejde med digital suverænitet.   </a:t>
            </a:r>
          </a:p>
        </p:txBody>
      </p:sp>
      <p:sp>
        <p:nvSpPr>
          <p:cNvPr id="7" name="Round Same-side Corner of Rectangle 6">
            <a:extLst>
              <a:ext uri="{FF2B5EF4-FFF2-40B4-BE49-F238E27FC236}">
                <a16:creationId xmlns:a16="http://schemas.microsoft.com/office/drawing/2014/main" id="{7AA0A704-1917-DD5F-808C-B8DEC3E9FCCB}"/>
              </a:ext>
            </a:extLst>
          </p:cNvPr>
          <p:cNvSpPr/>
          <p:nvPr/>
        </p:nvSpPr>
        <p:spPr>
          <a:xfrm>
            <a:off x="552449" y="2251597"/>
            <a:ext cx="5304653" cy="422005"/>
          </a:xfrm>
          <a:prstGeom prst="round2Same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solidFill>
                  <a:schemeClr val="bg1"/>
                </a:solidFill>
              </a:rPr>
              <a:t>Datagrundlag og forudsætninger</a:t>
            </a:r>
          </a:p>
        </p:txBody>
      </p:sp>
      <p:sp>
        <p:nvSpPr>
          <p:cNvPr id="8" name="Rectangle 7">
            <a:extLst>
              <a:ext uri="{FF2B5EF4-FFF2-40B4-BE49-F238E27FC236}">
                <a16:creationId xmlns:a16="http://schemas.microsoft.com/office/drawing/2014/main" id="{7F7BF750-ED9E-4456-A787-DA644F73B01B}"/>
              </a:ext>
            </a:extLst>
          </p:cNvPr>
          <p:cNvSpPr/>
          <p:nvPr/>
        </p:nvSpPr>
        <p:spPr>
          <a:xfrm>
            <a:off x="552449" y="2673601"/>
            <a:ext cx="5304653" cy="32425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108000" rIns="91440" bIns="45720" rtlCol="0" anchor="t"/>
          <a:lstStyle/>
          <a:p>
            <a:pPr marL="171450" indent="-171450">
              <a:buFont typeface="Arial" panose="020B0604020202020204" pitchFamily="34" charset="0"/>
              <a:buChar char="•"/>
            </a:pPr>
            <a:r>
              <a:rPr lang="da-DK" sz="1100" noProof="0" dirty="0">
                <a:solidFill>
                  <a:schemeClr val="tx1"/>
                </a:solidFill>
              </a:rPr>
              <a:t>Løsningsspor og indsatser er formuleret med afsæt i parternes forståelse af digital suverænitet og ambitionen i den fællesoffentlige digitaliseringsstrategi om at fremme digital suverænitet i den offentlige sektor*. </a:t>
            </a: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Forslagene skal ses i lyset af den anvendte forståelses- og analyseramme, som omfatter et bredt fokus på tværs af både digitale løsninger og it-infrastruktur. </a:t>
            </a:r>
            <a:endParaRPr lang="da-DK" sz="1100" noProof="0" dirty="0">
              <a:solidFill>
                <a:schemeClr val="tx1"/>
              </a:solidFill>
              <a:cs typeface="Arial"/>
            </a:endParaRPr>
          </a:p>
          <a:p>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Forslagene er baseret på </a:t>
            </a:r>
            <a:r>
              <a:rPr lang="da-DK" sz="1100" noProof="0" dirty="0" err="1">
                <a:solidFill>
                  <a:schemeClr val="tx1"/>
                </a:solidFill>
              </a:rPr>
              <a:t>PA’s</a:t>
            </a:r>
            <a:r>
              <a:rPr lang="da-DK" sz="1100" noProof="0" dirty="0">
                <a:solidFill>
                  <a:schemeClr val="tx1"/>
                </a:solidFill>
              </a:rPr>
              <a:t> faglige vurderinger og den gennemførte dataindsamling. Det bemærkes, at der ikke er etableret et mere konkret nationalt eller fællesoffentligt målbillede for digital suverænitet, hvilket indeværende analyse kan være et indspil til. Regeringen har besluttet at etablere en national handleplan i 2026, hvorfor dette ikke indgår som konkret indsats.</a:t>
            </a:r>
            <a:endParaRPr lang="da-DK" sz="1100" noProof="0" dirty="0">
              <a:solidFill>
                <a:schemeClr val="tx1"/>
              </a:solidFill>
              <a:cs typeface="Arial"/>
            </a:endParaRP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Forslagene har primært karakter af rammesættende tiltag og rummer ikke forslag til konkrete teknologiske alternativer. Der gives dog en række eksempler på alternative digitale løsninger ifm. løsningssporet om organisering, finansiering og kompetencer. </a:t>
            </a:r>
          </a:p>
        </p:txBody>
      </p:sp>
      <p:sp>
        <p:nvSpPr>
          <p:cNvPr id="10" name="Round Same-side Corner of Rectangle 9">
            <a:extLst>
              <a:ext uri="{FF2B5EF4-FFF2-40B4-BE49-F238E27FC236}">
                <a16:creationId xmlns:a16="http://schemas.microsoft.com/office/drawing/2014/main" id="{AD79AAB4-3F21-1783-E6E7-15EE6FF427D9}"/>
              </a:ext>
            </a:extLst>
          </p:cNvPr>
          <p:cNvSpPr/>
          <p:nvPr/>
        </p:nvSpPr>
        <p:spPr>
          <a:xfrm>
            <a:off x="6372482" y="2251597"/>
            <a:ext cx="5304653" cy="422005"/>
          </a:xfrm>
          <a:prstGeom prst="round2Same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solidFill>
                  <a:schemeClr val="bg1"/>
                </a:solidFill>
              </a:rPr>
              <a:t>Tilgang til opstilling af løsningsspor</a:t>
            </a:r>
          </a:p>
        </p:txBody>
      </p:sp>
      <p:sp>
        <p:nvSpPr>
          <p:cNvPr id="11" name="Rectangle 10">
            <a:extLst>
              <a:ext uri="{FF2B5EF4-FFF2-40B4-BE49-F238E27FC236}">
                <a16:creationId xmlns:a16="http://schemas.microsoft.com/office/drawing/2014/main" id="{14B3AECB-6E4E-2225-1FC0-F4C02DEBD549}"/>
              </a:ext>
            </a:extLst>
          </p:cNvPr>
          <p:cNvSpPr/>
          <p:nvPr/>
        </p:nvSpPr>
        <p:spPr>
          <a:xfrm>
            <a:off x="6372482" y="2673601"/>
            <a:ext cx="5304653" cy="324256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108000" rIns="91440" bIns="45720" rtlCol="0" anchor="t"/>
          <a:lstStyle/>
          <a:p>
            <a:pPr marL="171450" indent="-171450">
              <a:buFont typeface="Arial" panose="020B0604020202020204" pitchFamily="34" charset="0"/>
              <a:buChar char="•"/>
            </a:pPr>
            <a:r>
              <a:rPr lang="da-DK" sz="1100" noProof="0" dirty="0">
                <a:solidFill>
                  <a:schemeClr val="tx1"/>
                </a:solidFill>
              </a:rPr>
              <a:t>PA har opstillet tre løsningsspor, som udtrykker forskellige måder, hvorpå myndighederne kan arbejde med at styrke den digitale suverænitet. Disse spor introduceres indledningsvis. </a:t>
            </a: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For hvert spor er der opstillet en række mulige indsatser, som efterfølgende præsenteres i et samlet overblik.</a:t>
            </a:r>
          </a:p>
          <a:p>
            <a:pPr marL="171450" indent="-171450">
              <a:buFont typeface="Arial" panose="020B0604020202020204" pitchFamily="34" charset="0"/>
              <a:buChar char="•"/>
            </a:pPr>
            <a:endParaRPr lang="da-DK" sz="1100" noProof="0" dirty="0">
              <a:solidFill>
                <a:schemeClr val="tx1"/>
              </a:solidFill>
            </a:endParaRPr>
          </a:p>
          <a:p>
            <a:pPr marL="171450" indent="-171450">
              <a:buFont typeface="Arial" panose="020B0604020202020204" pitchFamily="34" charset="0"/>
              <a:buChar char="•"/>
            </a:pPr>
            <a:r>
              <a:rPr lang="da-DK" sz="1100" noProof="0" dirty="0">
                <a:solidFill>
                  <a:schemeClr val="tx1"/>
                </a:solidFill>
              </a:rPr>
              <a:t>Alle indsatser er efterfølgende udfoldet i en ensartet struktur med fokus på:</a:t>
            </a:r>
          </a:p>
          <a:p>
            <a:pPr marL="358775" lvl="1" indent="-180975">
              <a:buClr>
                <a:srgbClr val="EE2F66"/>
              </a:buClr>
              <a:buFont typeface="Arial" panose="020B0604020202020204" pitchFamily="34" charset="0"/>
              <a:buChar char="•"/>
            </a:pPr>
            <a:r>
              <a:rPr lang="da-DK" sz="1100" noProof="0" dirty="0">
                <a:solidFill>
                  <a:schemeClr val="tx1"/>
                </a:solidFill>
              </a:rPr>
              <a:t>Kort beskrivelse af forslaget og dets erfaringsgrundlag</a:t>
            </a:r>
            <a:endParaRPr lang="da-DK" sz="1100" noProof="0" dirty="0">
              <a:solidFill>
                <a:schemeClr val="tx1"/>
              </a:solidFill>
              <a:cs typeface="Arial" panose="020B0604020202020204"/>
            </a:endParaRPr>
          </a:p>
          <a:p>
            <a:pPr marL="358775" lvl="1" indent="-180975">
              <a:buClr>
                <a:srgbClr val="EE2F66"/>
              </a:buClr>
              <a:buFont typeface="Arial" panose="020B0604020202020204" pitchFamily="34" charset="0"/>
              <a:buChar char="•"/>
            </a:pPr>
            <a:r>
              <a:rPr lang="da-DK" sz="1100" noProof="0" dirty="0">
                <a:solidFill>
                  <a:schemeClr val="tx1"/>
                </a:solidFill>
              </a:rPr>
              <a:t>Niveau hvor forslaget kan realiseres (myndighed, sektor, fællesoffentligt)</a:t>
            </a:r>
            <a:endParaRPr lang="da-DK" sz="1100" noProof="0" dirty="0">
              <a:solidFill>
                <a:schemeClr val="tx1"/>
              </a:solidFill>
              <a:cs typeface="Arial" panose="020B0604020202020204"/>
            </a:endParaRPr>
          </a:p>
          <a:p>
            <a:pPr marL="358775" lvl="1" indent="-180975">
              <a:buClr>
                <a:srgbClr val="EE2F66"/>
              </a:buClr>
              <a:buFont typeface="Arial" panose="020B0604020202020204" pitchFamily="34" charset="0"/>
              <a:buChar char="•"/>
            </a:pPr>
            <a:r>
              <a:rPr lang="da-DK" sz="1100" noProof="0" dirty="0">
                <a:solidFill>
                  <a:schemeClr val="tx1"/>
                </a:solidFill>
              </a:rPr>
              <a:t>Relativ og overordnet vurdering kompleksitet</a:t>
            </a:r>
          </a:p>
          <a:p>
            <a:pPr marL="358775" lvl="1" indent="-180975">
              <a:buClr>
                <a:srgbClr val="EE2F66"/>
              </a:buClr>
              <a:buFont typeface="Arial" panose="020B0604020202020204" pitchFamily="34" charset="0"/>
              <a:buChar char="•"/>
            </a:pPr>
            <a:r>
              <a:rPr lang="da-DK" sz="1100" noProof="0" dirty="0">
                <a:solidFill>
                  <a:schemeClr val="tx1"/>
                </a:solidFill>
              </a:rPr>
              <a:t>Overordnet vurdering af gevinster og forudsætninger som fx kompetencer, investeringer mv.</a:t>
            </a:r>
            <a:endParaRPr lang="da-DK" sz="1100" noProof="0" dirty="0">
              <a:solidFill>
                <a:schemeClr val="tx1"/>
              </a:solidFill>
              <a:cs typeface="Arial"/>
            </a:endParaRPr>
          </a:p>
          <a:p>
            <a:pPr marL="171450" lvl="0" indent="-171450" fontAlgn="base">
              <a:spcBef>
                <a:spcPct val="0"/>
              </a:spcBef>
              <a:spcAft>
                <a:spcPct val="0"/>
              </a:spcAft>
              <a:buFont typeface="Arial" panose="020B0604020202020204" pitchFamily="34" charset="0"/>
              <a:buChar char="•"/>
            </a:pPr>
            <a:endParaRPr lang="da-DK" sz="1100" noProof="0" dirty="0">
              <a:solidFill>
                <a:schemeClr val="tx1"/>
              </a:solidFill>
            </a:endParaRPr>
          </a:p>
          <a:p>
            <a:pPr marL="171450" indent="-171450" fontAlgn="base">
              <a:spcBef>
                <a:spcPct val="0"/>
              </a:spcBef>
              <a:spcAft>
                <a:spcPct val="0"/>
              </a:spcAft>
              <a:buFont typeface="Arial" panose="020B0604020202020204" pitchFamily="34" charset="0"/>
              <a:buChar char="•"/>
            </a:pPr>
            <a:r>
              <a:rPr lang="da-DK" sz="1100" noProof="0" dirty="0">
                <a:solidFill>
                  <a:schemeClr val="tx1"/>
                </a:solidFill>
                <a:cs typeface="Arial"/>
              </a:rPr>
              <a:t>Kapitlet afrundes med </a:t>
            </a:r>
            <a:r>
              <a:rPr lang="da-DK" sz="1100" noProof="0" dirty="0" err="1">
                <a:solidFill>
                  <a:schemeClr val="tx1"/>
                </a:solidFill>
                <a:cs typeface="Arial"/>
              </a:rPr>
              <a:t>PA’s</a:t>
            </a:r>
            <a:r>
              <a:rPr lang="da-DK" sz="1100" noProof="0" dirty="0">
                <a:solidFill>
                  <a:schemeClr val="tx1"/>
                </a:solidFill>
                <a:cs typeface="Arial"/>
              </a:rPr>
              <a:t> samlede anbefalinger.</a:t>
            </a:r>
          </a:p>
          <a:p>
            <a:pPr marL="171450" indent="-171450" fontAlgn="base">
              <a:spcBef>
                <a:spcPct val="0"/>
              </a:spcBef>
              <a:spcAft>
                <a:spcPct val="0"/>
              </a:spcAft>
              <a:buFont typeface="Arial" panose="020B0604020202020204" pitchFamily="34" charset="0"/>
              <a:buChar char="•"/>
            </a:pPr>
            <a:endParaRPr lang="da-DK" sz="1100" noProof="0" dirty="0">
              <a:solidFill>
                <a:schemeClr val="tx1"/>
              </a:solidFill>
              <a:cs typeface="Arial"/>
            </a:endParaRPr>
          </a:p>
          <a:p>
            <a:pPr marL="171450" indent="-171450" fontAlgn="base">
              <a:spcBef>
                <a:spcPct val="0"/>
              </a:spcBef>
              <a:spcAft>
                <a:spcPct val="0"/>
              </a:spcAft>
              <a:buFont typeface="Arial" panose="020B0604020202020204" pitchFamily="34" charset="0"/>
              <a:buChar char="•"/>
            </a:pPr>
            <a:endParaRPr lang="da-DK" sz="1100" noProof="0" dirty="0">
              <a:solidFill>
                <a:schemeClr val="tx1"/>
              </a:solidFill>
              <a:cs typeface="Arial"/>
            </a:endParaRPr>
          </a:p>
        </p:txBody>
      </p:sp>
      <p:sp>
        <p:nvSpPr>
          <p:cNvPr id="12" name="Free-form: Shape 1">
            <a:extLst>
              <a:ext uri="{FF2B5EF4-FFF2-40B4-BE49-F238E27FC236}">
                <a16:creationId xmlns:a16="http://schemas.microsoft.com/office/drawing/2014/main" id="{5666C57E-AC36-1628-D30C-4478DFEAEE35}"/>
              </a:ext>
              <a:ext uri="{C183D7F6-B498-43B3-948B-1728B52AA6E4}">
                <adec:decorative xmlns:adec="http://schemas.microsoft.com/office/drawing/2017/decorative" val="1"/>
              </a:ext>
            </a:extLst>
          </p:cNvPr>
          <p:cNvSpPr>
            <a:spLocks noChangeAspect="1"/>
          </p:cNvSpPr>
          <p:nvPr/>
        </p:nvSpPr>
        <p:spPr>
          <a:xfrm>
            <a:off x="5990552" y="3872089"/>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EE2F66"/>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sp>
        <p:nvSpPr>
          <p:cNvPr id="13" name="Rectangle 12">
            <a:extLst>
              <a:ext uri="{FF2B5EF4-FFF2-40B4-BE49-F238E27FC236}">
                <a16:creationId xmlns:a16="http://schemas.microsoft.com/office/drawing/2014/main" id="{0B310341-4409-FA50-F0CC-149FB8899A47}"/>
              </a:ext>
            </a:extLst>
          </p:cNvPr>
          <p:cNvSpPr/>
          <p:nvPr/>
        </p:nvSpPr>
        <p:spPr>
          <a:xfrm>
            <a:off x="552449" y="6268651"/>
            <a:ext cx="11120626" cy="8405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da-DK" sz="700" i="1" noProof="0" dirty="0">
                <a:solidFill>
                  <a:schemeClr val="tx1"/>
                </a:solidFill>
              </a:rPr>
              <a:t>*På tværs af den danske offentlige sektor oplever man i stigende grad udfordringer med den voksende afhængighed af digitale tjenester fra få, meget store udenlandske virksomheder og deres indflydelse på den digitale infrastruktur. De fællesoffentlige parter vil derfor analysere udvalgte myndigheders teknologivalg, fremme overblik over alternative udbydere og tjenester samt skabe øget markedspluralitet og konkurrence, der kan reducere leverandørafhængighed, økonomiske sårbarheder og støtte myndighedernes suverænitet over egne løsninger og data. Samtidig skal pilotforsøg i den offentlige sektor supplere arbejdet og bidrage med praktisk erfaringsopsamling på området med henblik på opfølgende aktiviteter (Digitaliseringsstrategien 2026-2029 (udarbejdet af Digitaliseringsstyrelsen, KL og Danske Regioner).</a:t>
            </a:r>
          </a:p>
        </p:txBody>
      </p:sp>
    </p:spTree>
    <p:extLst>
      <p:ext uri="{BB962C8B-B14F-4D97-AF65-F5344CB8AC3E}">
        <p14:creationId xmlns:p14="http://schemas.microsoft.com/office/powerpoint/2010/main" val="3253536602"/>
      </p:ext>
    </p:extLst>
  </p:cSld>
  <p:clrMapOvr>
    <a:masterClrMapping/>
  </p:clrMapOvr>
  <p:transition>
    <p:fade/>
  </p:transition>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31F5532-484A-370B-08F8-22A3D13BEEFE}"/>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535EF7E3-1780-6C6C-FE80-96DFB8387307}"/>
              </a:ext>
            </a:extLst>
          </p:cNvPr>
          <p:cNvSpPr>
            <a:spLocks noGrp="1"/>
          </p:cNvSpPr>
          <p:nvPr>
            <p:ph type="title"/>
          </p:nvPr>
        </p:nvSpPr>
        <p:spPr/>
        <p:txBody>
          <a:bodyPr/>
          <a:lstStyle/>
          <a:p>
            <a:r>
              <a:rPr lang="da-DK" sz="2200" noProof="0" dirty="0"/>
              <a:t>PA har identificeret tre særligt relevante løsningsspor, som repræsenterer forskellige indsatser til at styrke myndighedernes digitale suverænitet</a:t>
            </a:r>
          </a:p>
        </p:txBody>
      </p:sp>
      <p:sp>
        <p:nvSpPr>
          <p:cNvPr id="6" name="Content Placeholder 5">
            <a:extLst>
              <a:ext uri="{FF2B5EF4-FFF2-40B4-BE49-F238E27FC236}">
                <a16:creationId xmlns:a16="http://schemas.microsoft.com/office/drawing/2014/main" id="{F0BFED2B-4563-E8E4-85B6-4185D5E9E491}"/>
              </a:ext>
            </a:extLst>
          </p:cNvPr>
          <p:cNvSpPr txBox="1">
            <a:spLocks/>
          </p:cNvSpPr>
          <p:nvPr/>
        </p:nvSpPr>
        <p:spPr>
          <a:xfrm>
            <a:off x="552450" y="1599103"/>
            <a:ext cx="11087386" cy="551066"/>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200" noProof="0" dirty="0">
                <a:solidFill>
                  <a:schemeClr val="accent3"/>
                </a:solidFill>
              </a:rPr>
              <a:t>PA har med udgangspunkt i den gennemførte erfaringsopsamling og casestudier identificeret tre løsningsspor. For hvert spor er der beskrevet en række overordnede indsatser, som den danske offentlige sektor kan lade sig inspirere af. Indsatserne vil variere med hensyn til ambitionsniveau, kompleksitet og gevinster. Der er både identificeret indsatser, som kan implementeres af den enkelte myndighed, og indsatser, som kan implementeres nationalt eller på sektorniveau (stat, regioner, kommuner).</a:t>
            </a:r>
          </a:p>
          <a:p>
            <a:pPr>
              <a:spcAft>
                <a:spcPts val="300"/>
              </a:spcAft>
            </a:pPr>
            <a:endParaRPr lang="da-DK" sz="1200" noProof="0" dirty="0">
              <a:solidFill>
                <a:schemeClr val="accent3"/>
              </a:solidFill>
            </a:endParaRPr>
          </a:p>
        </p:txBody>
      </p:sp>
      <p:sp>
        <p:nvSpPr>
          <p:cNvPr id="80" name="Rectangle: Rounded Corners 79">
            <a:extLst>
              <a:ext uri="{FF2B5EF4-FFF2-40B4-BE49-F238E27FC236}">
                <a16:creationId xmlns:a16="http://schemas.microsoft.com/office/drawing/2014/main" id="{A9029FB7-4902-5D9C-E9BA-E08D96788EA4}"/>
              </a:ext>
              <a:ext uri="{C183D7F6-B498-43B3-948B-1728B52AA6E4}">
                <adec:decorative xmlns:adec="http://schemas.microsoft.com/office/drawing/2017/decorative" val="1"/>
              </a:ext>
            </a:extLst>
          </p:cNvPr>
          <p:cNvSpPr/>
          <p:nvPr/>
        </p:nvSpPr>
        <p:spPr>
          <a:xfrm>
            <a:off x="639210" y="2629527"/>
            <a:ext cx="3406969" cy="3362807"/>
          </a:xfrm>
          <a:prstGeom prst="roundRect">
            <a:avLst>
              <a:gd name="adj" fmla="val 6746"/>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tIns="828000" rtlCol="0" anchor="ctr"/>
          <a:lstStyle/>
          <a:p>
            <a:pPr algn="ctr"/>
            <a:endParaRPr lang="da-DK" sz="1400" noProof="0"/>
          </a:p>
        </p:txBody>
      </p:sp>
      <p:sp>
        <p:nvSpPr>
          <p:cNvPr id="81" name="Rectangle: Rounded Corners 80">
            <a:extLst>
              <a:ext uri="{FF2B5EF4-FFF2-40B4-BE49-F238E27FC236}">
                <a16:creationId xmlns:a16="http://schemas.microsoft.com/office/drawing/2014/main" id="{780F8FD2-11E9-480A-92B7-D8FE549DA5C3}"/>
              </a:ext>
            </a:extLst>
          </p:cNvPr>
          <p:cNvSpPr/>
          <p:nvPr/>
        </p:nvSpPr>
        <p:spPr>
          <a:xfrm>
            <a:off x="711802" y="2572146"/>
            <a:ext cx="3406969" cy="3362807"/>
          </a:xfrm>
          <a:prstGeom prst="roundRect">
            <a:avLst>
              <a:gd name="adj" fmla="val 674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tIns="828000" rtlCol="0" anchor="t"/>
          <a:lstStyle/>
          <a:p>
            <a:r>
              <a:rPr lang="da-DK" sz="1400" b="1" noProof="0" dirty="0">
                <a:solidFill>
                  <a:schemeClr val="bg2"/>
                </a:solidFill>
              </a:rPr>
              <a:t>Spor 1 | Risikobaseret prioritering og styring af afhængigheder</a:t>
            </a:r>
          </a:p>
          <a:p>
            <a:endParaRPr lang="da-DK" sz="1400" noProof="0" dirty="0">
              <a:solidFill>
                <a:schemeClr val="accent1"/>
              </a:solidFill>
            </a:endParaRPr>
          </a:p>
          <a:p>
            <a:pPr marL="171450" indent="-171450">
              <a:buFont typeface="Arial" panose="020B0604020202020204" pitchFamily="34" charset="0"/>
              <a:buChar char="•"/>
            </a:pPr>
            <a:r>
              <a:rPr lang="da-DK" sz="1200" noProof="0" dirty="0">
                <a:solidFill>
                  <a:schemeClr val="accent1"/>
                </a:solidFill>
              </a:rPr>
              <a:t>Indsatser, der rammesætter og styrker myndighedernes arbejde med risikobaseret prioritering og styring af de mest kritiske digitale afhængigheder. </a:t>
            </a:r>
            <a:endParaRPr lang="da-DK" sz="1200" b="1" noProof="0" dirty="0">
              <a:solidFill>
                <a:schemeClr val="bg2"/>
              </a:solidFill>
            </a:endParaRPr>
          </a:p>
        </p:txBody>
      </p:sp>
      <p:grpSp>
        <p:nvGrpSpPr>
          <p:cNvPr id="105" name="Group 104">
            <a:extLst>
              <a:ext uri="{FF2B5EF4-FFF2-40B4-BE49-F238E27FC236}">
                <a16:creationId xmlns:a16="http://schemas.microsoft.com/office/drawing/2014/main" id="{C9D6A3D8-54D3-AC15-5FEA-E60B89E7D90A}"/>
              </a:ext>
              <a:ext uri="{C183D7F6-B498-43B3-948B-1728B52AA6E4}">
                <adec:decorative xmlns:adec="http://schemas.microsoft.com/office/drawing/2017/decorative" val="1"/>
              </a:ext>
            </a:extLst>
          </p:cNvPr>
          <p:cNvGrpSpPr/>
          <p:nvPr/>
        </p:nvGrpSpPr>
        <p:grpSpPr>
          <a:xfrm>
            <a:off x="849721" y="2697935"/>
            <a:ext cx="606872" cy="608266"/>
            <a:chOff x="803218" y="5574853"/>
            <a:chExt cx="415631" cy="416586"/>
          </a:xfrm>
          <a:solidFill>
            <a:srgbClr val="0580A7"/>
          </a:solidFill>
        </p:grpSpPr>
        <p:sp>
          <p:nvSpPr>
            <p:cNvPr id="106" name="Freeform 291">
              <a:extLst>
                <a:ext uri="{FF2B5EF4-FFF2-40B4-BE49-F238E27FC236}">
                  <a16:creationId xmlns:a16="http://schemas.microsoft.com/office/drawing/2014/main" id="{4D783D50-60C8-9367-3151-26E0D64BE197}"/>
                </a:ext>
              </a:extLst>
            </p:cNvPr>
            <p:cNvSpPr>
              <a:spLocks/>
            </p:cNvSpPr>
            <p:nvPr/>
          </p:nvSpPr>
          <p:spPr bwMode="auto">
            <a:xfrm>
              <a:off x="922653" y="5574853"/>
              <a:ext cx="296196" cy="368813"/>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07" name="Freeform 292">
              <a:extLst>
                <a:ext uri="{FF2B5EF4-FFF2-40B4-BE49-F238E27FC236}">
                  <a16:creationId xmlns:a16="http://schemas.microsoft.com/office/drawing/2014/main" id="{B2B30F97-64CF-2D81-FFCB-CC9A29E57D52}"/>
                </a:ext>
              </a:extLst>
            </p:cNvPr>
            <p:cNvSpPr>
              <a:spLocks/>
            </p:cNvSpPr>
            <p:nvPr/>
          </p:nvSpPr>
          <p:spPr bwMode="auto">
            <a:xfrm>
              <a:off x="803218" y="5623584"/>
              <a:ext cx="296196" cy="367855"/>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108" name="Freeform 293">
              <a:extLst>
                <a:ext uri="{FF2B5EF4-FFF2-40B4-BE49-F238E27FC236}">
                  <a16:creationId xmlns:a16="http://schemas.microsoft.com/office/drawing/2014/main" id="{3FD7436F-794A-5B55-7685-5E66B49643C0}"/>
                </a:ext>
              </a:extLst>
            </p:cNvPr>
            <p:cNvSpPr>
              <a:spLocks noEditPoints="1"/>
            </p:cNvSpPr>
            <p:nvPr/>
          </p:nvSpPr>
          <p:spPr bwMode="auto">
            <a:xfrm>
              <a:off x="915009" y="5671356"/>
              <a:ext cx="192049" cy="240780"/>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110" name="Rectangle: Rounded Corners 109">
            <a:extLst>
              <a:ext uri="{FF2B5EF4-FFF2-40B4-BE49-F238E27FC236}">
                <a16:creationId xmlns:a16="http://schemas.microsoft.com/office/drawing/2014/main" id="{24E485E7-FC80-D298-D499-2018BB515D54}"/>
              </a:ext>
              <a:ext uri="{C183D7F6-B498-43B3-948B-1728B52AA6E4}">
                <adec:decorative xmlns:adec="http://schemas.microsoft.com/office/drawing/2017/decorative" val="1"/>
              </a:ext>
            </a:extLst>
          </p:cNvPr>
          <p:cNvSpPr/>
          <p:nvPr/>
        </p:nvSpPr>
        <p:spPr>
          <a:xfrm>
            <a:off x="4408707" y="2629526"/>
            <a:ext cx="3406969" cy="3362808"/>
          </a:xfrm>
          <a:prstGeom prst="roundRect">
            <a:avLst>
              <a:gd name="adj" fmla="val 6746"/>
            </a:avLst>
          </a:prstGeom>
          <a:solidFill>
            <a:srgbClr val="2C8027"/>
          </a:solidFill>
          <a:ln>
            <a:noFill/>
          </a:ln>
        </p:spPr>
        <p:style>
          <a:lnRef idx="2">
            <a:schemeClr val="accent1">
              <a:shade val="50000"/>
            </a:schemeClr>
          </a:lnRef>
          <a:fillRef idx="1">
            <a:schemeClr val="accent1"/>
          </a:fillRef>
          <a:effectRef idx="0">
            <a:schemeClr val="accent1"/>
          </a:effectRef>
          <a:fontRef idx="minor">
            <a:schemeClr val="lt1"/>
          </a:fontRef>
        </p:style>
        <p:txBody>
          <a:bodyPr tIns="828000" rtlCol="0" anchor="ctr"/>
          <a:lstStyle/>
          <a:p>
            <a:pPr algn="ctr"/>
            <a:endParaRPr lang="da-DK" sz="1400" noProof="0">
              <a:solidFill>
                <a:srgbClr val="2C8027"/>
              </a:solidFill>
            </a:endParaRPr>
          </a:p>
        </p:txBody>
      </p:sp>
      <p:sp>
        <p:nvSpPr>
          <p:cNvPr id="111" name="Rectangle: Rounded Corners 110">
            <a:extLst>
              <a:ext uri="{FF2B5EF4-FFF2-40B4-BE49-F238E27FC236}">
                <a16:creationId xmlns:a16="http://schemas.microsoft.com/office/drawing/2014/main" id="{DF388461-1546-E7A7-C31E-517226B06610}"/>
              </a:ext>
            </a:extLst>
          </p:cNvPr>
          <p:cNvSpPr/>
          <p:nvPr/>
        </p:nvSpPr>
        <p:spPr>
          <a:xfrm>
            <a:off x="4472334" y="2581111"/>
            <a:ext cx="3406969" cy="3362808"/>
          </a:xfrm>
          <a:prstGeom prst="roundRect">
            <a:avLst>
              <a:gd name="adj" fmla="val 674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tIns="828000" rtlCol="0" anchor="t"/>
          <a:lstStyle/>
          <a:p>
            <a:r>
              <a:rPr lang="da-DK" sz="1400" b="1" noProof="0" dirty="0">
                <a:solidFill>
                  <a:srgbClr val="2C8027"/>
                </a:solidFill>
              </a:rPr>
              <a:t>Spor 2 | Indkøb, krav og arkitektur </a:t>
            </a:r>
          </a:p>
          <a:p>
            <a:endParaRPr lang="da-DK" sz="1400" noProof="0" dirty="0">
              <a:solidFill>
                <a:srgbClr val="2C8027"/>
              </a:solidFill>
            </a:endParaRPr>
          </a:p>
          <a:p>
            <a:endParaRPr lang="da-DK" sz="1400" noProof="0" dirty="0">
              <a:solidFill>
                <a:schemeClr val="tx1"/>
              </a:solidFill>
            </a:endParaRPr>
          </a:p>
          <a:p>
            <a:pPr marL="171450" indent="-171450">
              <a:buFont typeface="Arial" panose="020B0604020202020204" pitchFamily="34" charset="0"/>
              <a:buChar char="•"/>
            </a:pPr>
            <a:r>
              <a:rPr lang="da-DK" sz="1200" noProof="0" dirty="0">
                <a:solidFill>
                  <a:schemeClr val="tx1"/>
                </a:solidFill>
              </a:rPr>
              <a:t>Indsatser, der rammesætter og styrker myndighedernes arbejde med indkøb af digitale løsninger og it-infrastruktur, kravstillelse og leverandørsamarbejde samt arkitekturstyring. </a:t>
            </a:r>
          </a:p>
          <a:p>
            <a:pPr marL="171450" indent="-171450">
              <a:buFont typeface="Arial" panose="020B0604020202020204" pitchFamily="34" charset="0"/>
              <a:buChar char="•"/>
            </a:pPr>
            <a:endParaRPr lang="da-DK" sz="1200" noProof="0" dirty="0">
              <a:solidFill>
                <a:srgbClr val="2C8027"/>
              </a:solidFill>
            </a:endParaRPr>
          </a:p>
        </p:txBody>
      </p:sp>
      <p:sp>
        <p:nvSpPr>
          <p:cNvPr id="103" name="Freeform 7">
            <a:extLst>
              <a:ext uri="{FF2B5EF4-FFF2-40B4-BE49-F238E27FC236}">
                <a16:creationId xmlns:a16="http://schemas.microsoft.com/office/drawing/2014/main" id="{BC59275E-054A-DD37-269E-07461B5B0429}"/>
              </a:ext>
              <a:ext uri="{C183D7F6-B498-43B3-948B-1728B52AA6E4}">
                <adec:decorative xmlns:adec="http://schemas.microsoft.com/office/drawing/2017/decorative" val="1"/>
              </a:ext>
            </a:extLst>
          </p:cNvPr>
          <p:cNvSpPr>
            <a:spLocks noEditPoints="1"/>
          </p:cNvSpPr>
          <p:nvPr/>
        </p:nvSpPr>
        <p:spPr bwMode="auto">
          <a:xfrm>
            <a:off x="4644713" y="2709673"/>
            <a:ext cx="610341" cy="588542"/>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2C8027"/>
          </a:solidFill>
          <a:ln>
            <a:noFill/>
          </a:ln>
        </p:spPr>
        <p:txBody>
          <a:bodyPr vert="horz" wrap="square" lIns="91440" tIns="45720" rIns="91440" bIns="45720" numCol="1" anchor="t" anchorCtr="0" compatLnSpc="1">
            <a:prstTxWarp prst="textNoShape">
              <a:avLst/>
            </a:prstTxWarp>
          </a:bodyPr>
          <a:lstStyle/>
          <a:p>
            <a:endParaRPr lang="da-DK" noProof="0">
              <a:solidFill>
                <a:srgbClr val="2C8027"/>
              </a:solidFill>
            </a:endParaRPr>
          </a:p>
        </p:txBody>
      </p:sp>
      <p:sp>
        <p:nvSpPr>
          <p:cNvPr id="114" name="Rectangle: Rounded Corners 113">
            <a:extLst>
              <a:ext uri="{FF2B5EF4-FFF2-40B4-BE49-F238E27FC236}">
                <a16:creationId xmlns:a16="http://schemas.microsoft.com/office/drawing/2014/main" id="{C8CA6DB5-7FDD-A2C4-56D2-338CD04DF584}"/>
              </a:ext>
              <a:ext uri="{C183D7F6-B498-43B3-948B-1728B52AA6E4}">
                <adec:decorative xmlns:adec="http://schemas.microsoft.com/office/drawing/2017/decorative" val="1"/>
              </a:ext>
            </a:extLst>
          </p:cNvPr>
          <p:cNvSpPr/>
          <p:nvPr/>
        </p:nvSpPr>
        <p:spPr>
          <a:xfrm>
            <a:off x="8169240" y="2629526"/>
            <a:ext cx="3406969" cy="3362808"/>
          </a:xfrm>
          <a:prstGeom prst="roundRect">
            <a:avLst>
              <a:gd name="adj" fmla="val 6746"/>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tIns="828000" rtlCol="0" anchor="ctr"/>
          <a:lstStyle/>
          <a:p>
            <a:pPr algn="ctr"/>
            <a:endParaRPr lang="da-DK" sz="1400" noProof="0" dirty="0"/>
          </a:p>
        </p:txBody>
      </p:sp>
      <p:sp>
        <p:nvSpPr>
          <p:cNvPr id="115" name="Rectangle: Rounded Corners 114">
            <a:extLst>
              <a:ext uri="{FF2B5EF4-FFF2-40B4-BE49-F238E27FC236}">
                <a16:creationId xmlns:a16="http://schemas.microsoft.com/office/drawing/2014/main" id="{E8EF90EA-E925-0B93-0F99-DB4C0588061C}"/>
              </a:ext>
            </a:extLst>
          </p:cNvPr>
          <p:cNvSpPr/>
          <p:nvPr/>
        </p:nvSpPr>
        <p:spPr>
          <a:xfrm>
            <a:off x="8232867" y="2581111"/>
            <a:ext cx="3406969" cy="3362808"/>
          </a:xfrm>
          <a:prstGeom prst="roundRect">
            <a:avLst>
              <a:gd name="adj" fmla="val 674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tIns="828000" rtlCol="0" anchor="t"/>
          <a:lstStyle/>
          <a:p>
            <a:r>
              <a:rPr lang="da-DK" sz="1400" b="1" noProof="0" dirty="0">
                <a:solidFill>
                  <a:srgbClr val="EE2F66"/>
                </a:solidFill>
              </a:rPr>
              <a:t>Spor 3 | Organisation, finansiering og kompetencer</a:t>
            </a:r>
          </a:p>
          <a:p>
            <a:endParaRPr lang="da-DK" sz="1800" b="1" noProof="0" dirty="0">
              <a:solidFill>
                <a:srgbClr val="EE2F66"/>
              </a:solidFill>
            </a:endParaRPr>
          </a:p>
          <a:p>
            <a:pPr marL="171450" indent="-171450">
              <a:buFont typeface="Arial" panose="020B0604020202020204" pitchFamily="34" charset="0"/>
              <a:buChar char="•"/>
            </a:pPr>
            <a:r>
              <a:rPr lang="da-DK" sz="1200" noProof="0" dirty="0">
                <a:solidFill>
                  <a:schemeClr val="accent1"/>
                </a:solidFill>
              </a:rPr>
              <a:t>Indsatser, der rammesætter og styrker myndighedernes arbejde med at opbygge organisatoriske kapabiliteter, finansieringsmekanismer og kompetencer. </a:t>
            </a:r>
          </a:p>
          <a:p>
            <a:pPr marL="171450" indent="-171450">
              <a:buFont typeface="Arial" panose="020B0604020202020204" pitchFamily="34" charset="0"/>
              <a:buChar char="•"/>
            </a:pPr>
            <a:endParaRPr lang="da-DK" sz="1200" noProof="0" dirty="0">
              <a:solidFill>
                <a:schemeClr val="accent1"/>
              </a:solidFill>
            </a:endParaRPr>
          </a:p>
          <a:p>
            <a:pPr marL="171450" indent="-171450">
              <a:buFont typeface="Arial" panose="020B0604020202020204" pitchFamily="34" charset="0"/>
              <a:buChar char="•"/>
            </a:pPr>
            <a:r>
              <a:rPr lang="da-DK" sz="1200" noProof="0" dirty="0">
                <a:solidFill>
                  <a:schemeClr val="accent1"/>
                </a:solidFill>
              </a:rPr>
              <a:t>Tiltag skal understøtte spor 1 og 2 og desuden fremme myndighedernes arbejde med alternative løsninger for at reducere kritiske afhængigheder. </a:t>
            </a:r>
          </a:p>
        </p:txBody>
      </p:sp>
      <p:sp>
        <p:nvSpPr>
          <p:cNvPr id="14" name="Freeform 31">
            <a:extLst>
              <a:ext uri="{FF2B5EF4-FFF2-40B4-BE49-F238E27FC236}">
                <a16:creationId xmlns:a16="http://schemas.microsoft.com/office/drawing/2014/main" id="{D2D20637-71BA-B80A-F261-039BCB1231E7}"/>
              </a:ext>
              <a:ext uri="{C183D7F6-B498-43B3-948B-1728B52AA6E4}">
                <adec:decorative xmlns:adec="http://schemas.microsoft.com/office/drawing/2017/decorative" val="1"/>
              </a:ext>
            </a:extLst>
          </p:cNvPr>
          <p:cNvSpPr>
            <a:spLocks noEditPoints="1"/>
          </p:cNvSpPr>
          <p:nvPr/>
        </p:nvSpPr>
        <p:spPr bwMode="auto">
          <a:xfrm>
            <a:off x="8397468" y="2714664"/>
            <a:ext cx="632203" cy="588542"/>
          </a:xfrm>
          <a:custGeom>
            <a:avLst/>
            <a:gdLst>
              <a:gd name="T0" fmla="*/ 112 w 224"/>
              <a:gd name="T1" fmla="*/ 32 h 208"/>
              <a:gd name="T2" fmla="*/ 112 w 224"/>
              <a:gd name="T3" fmla="*/ 40 h 208"/>
              <a:gd name="T4" fmla="*/ 100 w 224"/>
              <a:gd name="T5" fmla="*/ 52 h 208"/>
              <a:gd name="T6" fmla="*/ 60 w 224"/>
              <a:gd name="T7" fmla="*/ 52 h 208"/>
              <a:gd name="T8" fmla="*/ 40 w 224"/>
              <a:gd name="T9" fmla="*/ 72 h 208"/>
              <a:gd name="T10" fmla="*/ 40 w 224"/>
              <a:gd name="T11" fmla="*/ 64 h 208"/>
              <a:gd name="T12" fmla="*/ 76 w 224"/>
              <a:gd name="T13" fmla="*/ 40 h 208"/>
              <a:gd name="T14" fmla="*/ 56 w 224"/>
              <a:gd name="T15" fmla="*/ 20 h 208"/>
              <a:gd name="T16" fmla="*/ 88 w 224"/>
              <a:gd name="T17" fmla="*/ 20 h 208"/>
              <a:gd name="T18" fmla="*/ 76 w 224"/>
              <a:gd name="T19" fmla="*/ 8 h 208"/>
              <a:gd name="T20" fmla="*/ 148 w 224"/>
              <a:gd name="T21" fmla="*/ 0 h 208"/>
              <a:gd name="T22" fmla="*/ 148 w 224"/>
              <a:gd name="T23" fmla="*/ 8 h 208"/>
              <a:gd name="T24" fmla="*/ 136 w 224"/>
              <a:gd name="T25" fmla="*/ 20 h 208"/>
              <a:gd name="T26" fmla="*/ 211 w 224"/>
              <a:gd name="T27" fmla="*/ 75 h 208"/>
              <a:gd name="T28" fmla="*/ 184 w 224"/>
              <a:gd name="T29" fmla="*/ 86 h 208"/>
              <a:gd name="T30" fmla="*/ 157 w 224"/>
              <a:gd name="T31" fmla="*/ 75 h 208"/>
              <a:gd name="T32" fmla="*/ 140 w 224"/>
              <a:gd name="T33" fmla="*/ 75 h 208"/>
              <a:gd name="T34" fmla="*/ 125 w 224"/>
              <a:gd name="T35" fmla="*/ 73 h 208"/>
              <a:gd name="T36" fmla="*/ 95 w 224"/>
              <a:gd name="T37" fmla="*/ 72 h 208"/>
              <a:gd name="T38" fmla="*/ 76 w 224"/>
              <a:gd name="T39" fmla="*/ 81 h 208"/>
              <a:gd name="T40" fmla="*/ 57 w 224"/>
              <a:gd name="T41" fmla="*/ 72 h 208"/>
              <a:gd name="T42" fmla="*/ 27 w 224"/>
              <a:gd name="T43" fmla="*/ 73 h 208"/>
              <a:gd name="T44" fmla="*/ 12 w 224"/>
              <a:gd name="T45" fmla="*/ 75 h 208"/>
              <a:gd name="T46" fmla="*/ 16 w 224"/>
              <a:gd name="T47" fmla="*/ 152 h 208"/>
              <a:gd name="T48" fmla="*/ 20 w 224"/>
              <a:gd name="T49" fmla="*/ 208 h 208"/>
              <a:gd name="T50" fmla="*/ 64 w 224"/>
              <a:gd name="T51" fmla="*/ 204 h 208"/>
              <a:gd name="T52" fmla="*/ 88 w 224"/>
              <a:gd name="T53" fmla="*/ 152 h 208"/>
              <a:gd name="T54" fmla="*/ 92 w 224"/>
              <a:gd name="T55" fmla="*/ 208 h 208"/>
              <a:gd name="T56" fmla="*/ 136 w 224"/>
              <a:gd name="T57" fmla="*/ 204 h 208"/>
              <a:gd name="T58" fmla="*/ 160 w 224"/>
              <a:gd name="T59" fmla="*/ 152 h 208"/>
              <a:gd name="T60" fmla="*/ 164 w 224"/>
              <a:gd name="T61" fmla="*/ 208 h 208"/>
              <a:gd name="T62" fmla="*/ 208 w 224"/>
              <a:gd name="T63" fmla="*/ 204 h 208"/>
              <a:gd name="T64" fmla="*/ 224 w 224"/>
              <a:gd name="T65" fmla="*/ 92 h 208"/>
              <a:gd name="T66" fmla="*/ 64 w 224"/>
              <a:gd name="T67" fmla="*/ 143 h 208"/>
              <a:gd name="T68" fmla="*/ 56 w 224"/>
              <a:gd name="T69" fmla="*/ 100 h 208"/>
              <a:gd name="T70" fmla="*/ 44 w 224"/>
              <a:gd name="T71" fmla="*/ 140 h 208"/>
              <a:gd name="T72" fmla="*/ 36 w 224"/>
              <a:gd name="T73" fmla="*/ 200 h 208"/>
              <a:gd name="T74" fmla="*/ 20 w 224"/>
              <a:gd name="T75" fmla="*/ 96 h 208"/>
              <a:gd name="T76" fmla="*/ 8 w 224"/>
              <a:gd name="T77" fmla="*/ 132 h 208"/>
              <a:gd name="T78" fmla="*/ 23 w 224"/>
              <a:gd name="T79" fmla="*/ 80 h 208"/>
              <a:gd name="T80" fmla="*/ 43 w 224"/>
              <a:gd name="T81" fmla="*/ 95 h 208"/>
              <a:gd name="T82" fmla="*/ 72 w 224"/>
              <a:gd name="T83" fmla="*/ 92 h 208"/>
              <a:gd name="T84" fmla="*/ 136 w 224"/>
              <a:gd name="T85" fmla="*/ 143 h 208"/>
              <a:gd name="T86" fmla="*/ 128 w 224"/>
              <a:gd name="T87" fmla="*/ 100 h 208"/>
              <a:gd name="T88" fmla="*/ 116 w 224"/>
              <a:gd name="T89" fmla="*/ 140 h 208"/>
              <a:gd name="T90" fmla="*/ 108 w 224"/>
              <a:gd name="T91" fmla="*/ 200 h 208"/>
              <a:gd name="T92" fmla="*/ 92 w 224"/>
              <a:gd name="T93" fmla="*/ 96 h 208"/>
              <a:gd name="T94" fmla="*/ 80 w 224"/>
              <a:gd name="T95" fmla="*/ 132 h 208"/>
              <a:gd name="T96" fmla="*/ 95 w 224"/>
              <a:gd name="T97" fmla="*/ 80 h 208"/>
              <a:gd name="T98" fmla="*/ 115 w 224"/>
              <a:gd name="T99" fmla="*/ 95 h 208"/>
              <a:gd name="T100" fmla="*/ 144 w 224"/>
              <a:gd name="T101" fmla="*/ 92 h 208"/>
              <a:gd name="T102" fmla="*/ 208 w 224"/>
              <a:gd name="T103" fmla="*/ 100 h 208"/>
              <a:gd name="T104" fmla="*/ 200 w 224"/>
              <a:gd name="T105" fmla="*/ 200 h 208"/>
              <a:gd name="T106" fmla="*/ 184 w 224"/>
              <a:gd name="T107" fmla="*/ 136 h 208"/>
              <a:gd name="T108" fmla="*/ 168 w 224"/>
              <a:gd name="T109" fmla="*/ 200 h 208"/>
              <a:gd name="T110" fmla="*/ 160 w 224"/>
              <a:gd name="T111" fmla="*/ 100 h 208"/>
              <a:gd name="T112" fmla="*/ 152 w 224"/>
              <a:gd name="T113" fmla="*/ 92 h 208"/>
              <a:gd name="T114" fmla="*/ 181 w 224"/>
              <a:gd name="T115" fmla="*/ 95 h 208"/>
              <a:gd name="T116" fmla="*/ 201 w 224"/>
              <a:gd name="T117" fmla="*/ 80 h 208"/>
              <a:gd name="T118" fmla="*/ 216 w 224"/>
              <a:gd name="T119" fmla="*/ 132 h 208"/>
              <a:gd name="T120" fmla="*/ 204 w 224"/>
              <a:gd name="T121" fmla="*/ 52 h 208"/>
              <a:gd name="T122" fmla="*/ 184 w 224"/>
              <a:gd name="T123" fmla="*/ 72 h 208"/>
              <a:gd name="T124" fmla="*/ 184 w 224"/>
              <a:gd name="T125" fmla="*/ 6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24" h="208">
                <a:moveTo>
                  <a:pt x="112" y="72"/>
                </a:moveTo>
                <a:cubicBezTo>
                  <a:pt x="123" y="72"/>
                  <a:pt x="132" y="63"/>
                  <a:pt x="132" y="52"/>
                </a:cubicBezTo>
                <a:cubicBezTo>
                  <a:pt x="132" y="41"/>
                  <a:pt x="123" y="32"/>
                  <a:pt x="112" y="32"/>
                </a:cubicBezTo>
                <a:cubicBezTo>
                  <a:pt x="101" y="32"/>
                  <a:pt x="92" y="41"/>
                  <a:pt x="92" y="52"/>
                </a:cubicBezTo>
                <a:cubicBezTo>
                  <a:pt x="92" y="63"/>
                  <a:pt x="101" y="72"/>
                  <a:pt x="112" y="72"/>
                </a:cubicBezTo>
                <a:close/>
                <a:moveTo>
                  <a:pt x="112" y="40"/>
                </a:moveTo>
                <a:cubicBezTo>
                  <a:pt x="119" y="40"/>
                  <a:pt x="124" y="45"/>
                  <a:pt x="124" y="52"/>
                </a:cubicBezTo>
                <a:cubicBezTo>
                  <a:pt x="124" y="59"/>
                  <a:pt x="119" y="64"/>
                  <a:pt x="112" y="64"/>
                </a:cubicBezTo>
                <a:cubicBezTo>
                  <a:pt x="105" y="64"/>
                  <a:pt x="100" y="59"/>
                  <a:pt x="100" y="52"/>
                </a:cubicBezTo>
                <a:cubicBezTo>
                  <a:pt x="100" y="45"/>
                  <a:pt x="105" y="40"/>
                  <a:pt x="112" y="40"/>
                </a:cubicBezTo>
                <a:close/>
                <a:moveTo>
                  <a:pt x="40" y="72"/>
                </a:moveTo>
                <a:cubicBezTo>
                  <a:pt x="51" y="72"/>
                  <a:pt x="60" y="63"/>
                  <a:pt x="60" y="52"/>
                </a:cubicBezTo>
                <a:cubicBezTo>
                  <a:pt x="60" y="41"/>
                  <a:pt x="51" y="32"/>
                  <a:pt x="40" y="32"/>
                </a:cubicBezTo>
                <a:cubicBezTo>
                  <a:pt x="29" y="32"/>
                  <a:pt x="20" y="41"/>
                  <a:pt x="20" y="52"/>
                </a:cubicBezTo>
                <a:cubicBezTo>
                  <a:pt x="20" y="63"/>
                  <a:pt x="29" y="72"/>
                  <a:pt x="40" y="72"/>
                </a:cubicBezTo>
                <a:close/>
                <a:moveTo>
                  <a:pt x="40" y="40"/>
                </a:moveTo>
                <a:cubicBezTo>
                  <a:pt x="47" y="40"/>
                  <a:pt x="52" y="45"/>
                  <a:pt x="52" y="52"/>
                </a:cubicBezTo>
                <a:cubicBezTo>
                  <a:pt x="52" y="59"/>
                  <a:pt x="47" y="64"/>
                  <a:pt x="40" y="64"/>
                </a:cubicBezTo>
                <a:cubicBezTo>
                  <a:pt x="33" y="64"/>
                  <a:pt x="28" y="59"/>
                  <a:pt x="28" y="52"/>
                </a:cubicBezTo>
                <a:cubicBezTo>
                  <a:pt x="28" y="45"/>
                  <a:pt x="33" y="40"/>
                  <a:pt x="40" y="40"/>
                </a:cubicBezTo>
                <a:close/>
                <a:moveTo>
                  <a:pt x="76" y="40"/>
                </a:moveTo>
                <a:cubicBezTo>
                  <a:pt x="87" y="40"/>
                  <a:pt x="96" y="31"/>
                  <a:pt x="96" y="20"/>
                </a:cubicBezTo>
                <a:cubicBezTo>
                  <a:pt x="96" y="9"/>
                  <a:pt x="87" y="0"/>
                  <a:pt x="76" y="0"/>
                </a:cubicBezTo>
                <a:cubicBezTo>
                  <a:pt x="65" y="0"/>
                  <a:pt x="56" y="9"/>
                  <a:pt x="56" y="20"/>
                </a:cubicBezTo>
                <a:cubicBezTo>
                  <a:pt x="56" y="31"/>
                  <a:pt x="65" y="40"/>
                  <a:pt x="76" y="40"/>
                </a:cubicBezTo>
                <a:close/>
                <a:moveTo>
                  <a:pt x="76" y="8"/>
                </a:moveTo>
                <a:cubicBezTo>
                  <a:pt x="83" y="8"/>
                  <a:pt x="88" y="13"/>
                  <a:pt x="88" y="20"/>
                </a:cubicBezTo>
                <a:cubicBezTo>
                  <a:pt x="88" y="27"/>
                  <a:pt x="83" y="32"/>
                  <a:pt x="76" y="32"/>
                </a:cubicBezTo>
                <a:cubicBezTo>
                  <a:pt x="69" y="32"/>
                  <a:pt x="64" y="27"/>
                  <a:pt x="64" y="20"/>
                </a:cubicBezTo>
                <a:cubicBezTo>
                  <a:pt x="64" y="13"/>
                  <a:pt x="69" y="8"/>
                  <a:pt x="76" y="8"/>
                </a:cubicBezTo>
                <a:close/>
                <a:moveTo>
                  <a:pt x="148" y="40"/>
                </a:moveTo>
                <a:cubicBezTo>
                  <a:pt x="159" y="40"/>
                  <a:pt x="168" y="31"/>
                  <a:pt x="168" y="20"/>
                </a:cubicBezTo>
                <a:cubicBezTo>
                  <a:pt x="168" y="9"/>
                  <a:pt x="159" y="0"/>
                  <a:pt x="148" y="0"/>
                </a:cubicBezTo>
                <a:cubicBezTo>
                  <a:pt x="137" y="0"/>
                  <a:pt x="128" y="9"/>
                  <a:pt x="128" y="20"/>
                </a:cubicBezTo>
                <a:cubicBezTo>
                  <a:pt x="128" y="31"/>
                  <a:pt x="137" y="40"/>
                  <a:pt x="148" y="40"/>
                </a:cubicBezTo>
                <a:close/>
                <a:moveTo>
                  <a:pt x="148" y="8"/>
                </a:moveTo>
                <a:cubicBezTo>
                  <a:pt x="155" y="8"/>
                  <a:pt x="160" y="13"/>
                  <a:pt x="160" y="20"/>
                </a:cubicBezTo>
                <a:cubicBezTo>
                  <a:pt x="160" y="27"/>
                  <a:pt x="155" y="32"/>
                  <a:pt x="148" y="32"/>
                </a:cubicBezTo>
                <a:cubicBezTo>
                  <a:pt x="141" y="32"/>
                  <a:pt x="136" y="27"/>
                  <a:pt x="136" y="20"/>
                </a:cubicBezTo>
                <a:cubicBezTo>
                  <a:pt x="136" y="13"/>
                  <a:pt x="141" y="8"/>
                  <a:pt x="148" y="8"/>
                </a:cubicBezTo>
                <a:close/>
                <a:moveTo>
                  <a:pt x="212" y="75"/>
                </a:moveTo>
                <a:cubicBezTo>
                  <a:pt x="211" y="75"/>
                  <a:pt x="211" y="75"/>
                  <a:pt x="211" y="75"/>
                </a:cubicBezTo>
                <a:cubicBezTo>
                  <a:pt x="201" y="72"/>
                  <a:pt x="201" y="72"/>
                  <a:pt x="201" y="72"/>
                </a:cubicBezTo>
                <a:cubicBezTo>
                  <a:pt x="200" y="72"/>
                  <a:pt x="198" y="72"/>
                  <a:pt x="197" y="73"/>
                </a:cubicBezTo>
                <a:cubicBezTo>
                  <a:pt x="184" y="86"/>
                  <a:pt x="184" y="86"/>
                  <a:pt x="184" y="86"/>
                </a:cubicBezTo>
                <a:cubicBezTo>
                  <a:pt x="171" y="73"/>
                  <a:pt x="171" y="73"/>
                  <a:pt x="171" y="73"/>
                </a:cubicBezTo>
                <a:cubicBezTo>
                  <a:pt x="170" y="72"/>
                  <a:pt x="168" y="72"/>
                  <a:pt x="167" y="72"/>
                </a:cubicBezTo>
                <a:cubicBezTo>
                  <a:pt x="157" y="75"/>
                  <a:pt x="157" y="75"/>
                  <a:pt x="157" y="75"/>
                </a:cubicBezTo>
                <a:cubicBezTo>
                  <a:pt x="156" y="75"/>
                  <a:pt x="156" y="75"/>
                  <a:pt x="156" y="75"/>
                </a:cubicBezTo>
                <a:cubicBezTo>
                  <a:pt x="153" y="76"/>
                  <a:pt x="150" y="78"/>
                  <a:pt x="148" y="81"/>
                </a:cubicBezTo>
                <a:cubicBezTo>
                  <a:pt x="146" y="78"/>
                  <a:pt x="143" y="76"/>
                  <a:pt x="140" y="75"/>
                </a:cubicBezTo>
                <a:cubicBezTo>
                  <a:pt x="139" y="75"/>
                  <a:pt x="139" y="75"/>
                  <a:pt x="139" y="75"/>
                </a:cubicBezTo>
                <a:cubicBezTo>
                  <a:pt x="129" y="72"/>
                  <a:pt x="129" y="72"/>
                  <a:pt x="129" y="72"/>
                </a:cubicBezTo>
                <a:cubicBezTo>
                  <a:pt x="128" y="72"/>
                  <a:pt x="126" y="72"/>
                  <a:pt x="125" y="73"/>
                </a:cubicBezTo>
                <a:cubicBezTo>
                  <a:pt x="112" y="86"/>
                  <a:pt x="112" y="86"/>
                  <a:pt x="112" y="86"/>
                </a:cubicBezTo>
                <a:cubicBezTo>
                  <a:pt x="99" y="73"/>
                  <a:pt x="99" y="73"/>
                  <a:pt x="99" y="73"/>
                </a:cubicBezTo>
                <a:cubicBezTo>
                  <a:pt x="98" y="72"/>
                  <a:pt x="96" y="72"/>
                  <a:pt x="95" y="72"/>
                </a:cubicBezTo>
                <a:cubicBezTo>
                  <a:pt x="85" y="75"/>
                  <a:pt x="85" y="75"/>
                  <a:pt x="85" y="75"/>
                </a:cubicBezTo>
                <a:cubicBezTo>
                  <a:pt x="84" y="75"/>
                  <a:pt x="84" y="75"/>
                  <a:pt x="84" y="75"/>
                </a:cubicBezTo>
                <a:cubicBezTo>
                  <a:pt x="81" y="76"/>
                  <a:pt x="78" y="78"/>
                  <a:pt x="76" y="81"/>
                </a:cubicBezTo>
                <a:cubicBezTo>
                  <a:pt x="74" y="78"/>
                  <a:pt x="71" y="76"/>
                  <a:pt x="68" y="75"/>
                </a:cubicBezTo>
                <a:cubicBezTo>
                  <a:pt x="67" y="75"/>
                  <a:pt x="67" y="75"/>
                  <a:pt x="67" y="75"/>
                </a:cubicBezTo>
                <a:cubicBezTo>
                  <a:pt x="57" y="72"/>
                  <a:pt x="57" y="72"/>
                  <a:pt x="57" y="72"/>
                </a:cubicBezTo>
                <a:cubicBezTo>
                  <a:pt x="56" y="72"/>
                  <a:pt x="54" y="72"/>
                  <a:pt x="53" y="73"/>
                </a:cubicBezTo>
                <a:cubicBezTo>
                  <a:pt x="40" y="86"/>
                  <a:pt x="40" y="86"/>
                  <a:pt x="40" y="86"/>
                </a:cubicBezTo>
                <a:cubicBezTo>
                  <a:pt x="27" y="73"/>
                  <a:pt x="27" y="73"/>
                  <a:pt x="27" y="73"/>
                </a:cubicBezTo>
                <a:cubicBezTo>
                  <a:pt x="26" y="72"/>
                  <a:pt x="24" y="72"/>
                  <a:pt x="23" y="72"/>
                </a:cubicBezTo>
                <a:cubicBezTo>
                  <a:pt x="13" y="75"/>
                  <a:pt x="13" y="75"/>
                  <a:pt x="13" y="75"/>
                </a:cubicBezTo>
                <a:cubicBezTo>
                  <a:pt x="12" y="75"/>
                  <a:pt x="12" y="75"/>
                  <a:pt x="12" y="75"/>
                </a:cubicBezTo>
                <a:cubicBezTo>
                  <a:pt x="5" y="77"/>
                  <a:pt x="0" y="84"/>
                  <a:pt x="0" y="92"/>
                </a:cubicBezTo>
                <a:cubicBezTo>
                  <a:pt x="0" y="132"/>
                  <a:pt x="0" y="132"/>
                  <a:pt x="0" y="132"/>
                </a:cubicBezTo>
                <a:cubicBezTo>
                  <a:pt x="0" y="142"/>
                  <a:pt x="7" y="150"/>
                  <a:pt x="16" y="152"/>
                </a:cubicBezTo>
                <a:cubicBezTo>
                  <a:pt x="16" y="204"/>
                  <a:pt x="16" y="204"/>
                  <a:pt x="16" y="204"/>
                </a:cubicBezTo>
                <a:cubicBezTo>
                  <a:pt x="16" y="205"/>
                  <a:pt x="16" y="206"/>
                  <a:pt x="17" y="207"/>
                </a:cubicBezTo>
                <a:cubicBezTo>
                  <a:pt x="18" y="208"/>
                  <a:pt x="19" y="208"/>
                  <a:pt x="20" y="208"/>
                </a:cubicBezTo>
                <a:cubicBezTo>
                  <a:pt x="60" y="208"/>
                  <a:pt x="60" y="208"/>
                  <a:pt x="60" y="208"/>
                </a:cubicBezTo>
                <a:cubicBezTo>
                  <a:pt x="61" y="208"/>
                  <a:pt x="62" y="208"/>
                  <a:pt x="63" y="207"/>
                </a:cubicBezTo>
                <a:cubicBezTo>
                  <a:pt x="64" y="206"/>
                  <a:pt x="64" y="205"/>
                  <a:pt x="64" y="204"/>
                </a:cubicBezTo>
                <a:cubicBezTo>
                  <a:pt x="64" y="152"/>
                  <a:pt x="64" y="152"/>
                  <a:pt x="64" y="152"/>
                </a:cubicBezTo>
                <a:cubicBezTo>
                  <a:pt x="69" y="151"/>
                  <a:pt x="73" y="148"/>
                  <a:pt x="76" y="144"/>
                </a:cubicBezTo>
                <a:cubicBezTo>
                  <a:pt x="79" y="148"/>
                  <a:pt x="83" y="151"/>
                  <a:pt x="88" y="152"/>
                </a:cubicBezTo>
                <a:cubicBezTo>
                  <a:pt x="88" y="204"/>
                  <a:pt x="88" y="204"/>
                  <a:pt x="88" y="204"/>
                </a:cubicBezTo>
                <a:cubicBezTo>
                  <a:pt x="88" y="205"/>
                  <a:pt x="88" y="206"/>
                  <a:pt x="89" y="207"/>
                </a:cubicBezTo>
                <a:cubicBezTo>
                  <a:pt x="90" y="208"/>
                  <a:pt x="91" y="208"/>
                  <a:pt x="92" y="208"/>
                </a:cubicBezTo>
                <a:cubicBezTo>
                  <a:pt x="132" y="208"/>
                  <a:pt x="132" y="208"/>
                  <a:pt x="132" y="208"/>
                </a:cubicBezTo>
                <a:cubicBezTo>
                  <a:pt x="133" y="208"/>
                  <a:pt x="134" y="208"/>
                  <a:pt x="135" y="207"/>
                </a:cubicBezTo>
                <a:cubicBezTo>
                  <a:pt x="136" y="206"/>
                  <a:pt x="136" y="205"/>
                  <a:pt x="136" y="204"/>
                </a:cubicBezTo>
                <a:cubicBezTo>
                  <a:pt x="136" y="152"/>
                  <a:pt x="136" y="152"/>
                  <a:pt x="136" y="152"/>
                </a:cubicBezTo>
                <a:cubicBezTo>
                  <a:pt x="141" y="151"/>
                  <a:pt x="145" y="148"/>
                  <a:pt x="148" y="144"/>
                </a:cubicBezTo>
                <a:cubicBezTo>
                  <a:pt x="151" y="148"/>
                  <a:pt x="155" y="151"/>
                  <a:pt x="160" y="152"/>
                </a:cubicBezTo>
                <a:cubicBezTo>
                  <a:pt x="160" y="204"/>
                  <a:pt x="160" y="204"/>
                  <a:pt x="160" y="204"/>
                </a:cubicBezTo>
                <a:cubicBezTo>
                  <a:pt x="160" y="205"/>
                  <a:pt x="160" y="206"/>
                  <a:pt x="161" y="207"/>
                </a:cubicBezTo>
                <a:cubicBezTo>
                  <a:pt x="162" y="208"/>
                  <a:pt x="163" y="208"/>
                  <a:pt x="164" y="208"/>
                </a:cubicBezTo>
                <a:cubicBezTo>
                  <a:pt x="204" y="208"/>
                  <a:pt x="204" y="208"/>
                  <a:pt x="204" y="208"/>
                </a:cubicBezTo>
                <a:cubicBezTo>
                  <a:pt x="205" y="208"/>
                  <a:pt x="206" y="208"/>
                  <a:pt x="207" y="207"/>
                </a:cubicBezTo>
                <a:cubicBezTo>
                  <a:pt x="208" y="206"/>
                  <a:pt x="208" y="205"/>
                  <a:pt x="208" y="204"/>
                </a:cubicBezTo>
                <a:cubicBezTo>
                  <a:pt x="208" y="152"/>
                  <a:pt x="208" y="152"/>
                  <a:pt x="208" y="152"/>
                </a:cubicBezTo>
                <a:cubicBezTo>
                  <a:pt x="217" y="150"/>
                  <a:pt x="224" y="142"/>
                  <a:pt x="224" y="132"/>
                </a:cubicBezTo>
                <a:cubicBezTo>
                  <a:pt x="224" y="92"/>
                  <a:pt x="224" y="92"/>
                  <a:pt x="224" y="92"/>
                </a:cubicBezTo>
                <a:cubicBezTo>
                  <a:pt x="224" y="84"/>
                  <a:pt x="219" y="77"/>
                  <a:pt x="212" y="75"/>
                </a:cubicBezTo>
                <a:close/>
                <a:moveTo>
                  <a:pt x="72" y="132"/>
                </a:moveTo>
                <a:cubicBezTo>
                  <a:pt x="72" y="137"/>
                  <a:pt x="69" y="142"/>
                  <a:pt x="64" y="143"/>
                </a:cubicBezTo>
                <a:cubicBezTo>
                  <a:pt x="64" y="100"/>
                  <a:pt x="64" y="100"/>
                  <a:pt x="64" y="100"/>
                </a:cubicBezTo>
                <a:cubicBezTo>
                  <a:pt x="64" y="98"/>
                  <a:pt x="62" y="96"/>
                  <a:pt x="60" y="96"/>
                </a:cubicBezTo>
                <a:cubicBezTo>
                  <a:pt x="58" y="96"/>
                  <a:pt x="56" y="98"/>
                  <a:pt x="56" y="100"/>
                </a:cubicBezTo>
                <a:cubicBezTo>
                  <a:pt x="56" y="200"/>
                  <a:pt x="56" y="200"/>
                  <a:pt x="56" y="200"/>
                </a:cubicBezTo>
                <a:cubicBezTo>
                  <a:pt x="44" y="200"/>
                  <a:pt x="44" y="200"/>
                  <a:pt x="44" y="200"/>
                </a:cubicBezTo>
                <a:cubicBezTo>
                  <a:pt x="44" y="140"/>
                  <a:pt x="44" y="140"/>
                  <a:pt x="44" y="140"/>
                </a:cubicBezTo>
                <a:cubicBezTo>
                  <a:pt x="44" y="138"/>
                  <a:pt x="42" y="136"/>
                  <a:pt x="40" y="136"/>
                </a:cubicBezTo>
                <a:cubicBezTo>
                  <a:pt x="38" y="136"/>
                  <a:pt x="36" y="138"/>
                  <a:pt x="36" y="140"/>
                </a:cubicBezTo>
                <a:cubicBezTo>
                  <a:pt x="36" y="200"/>
                  <a:pt x="36" y="200"/>
                  <a:pt x="36" y="200"/>
                </a:cubicBezTo>
                <a:cubicBezTo>
                  <a:pt x="24" y="200"/>
                  <a:pt x="24" y="200"/>
                  <a:pt x="24" y="200"/>
                </a:cubicBezTo>
                <a:cubicBezTo>
                  <a:pt x="24" y="100"/>
                  <a:pt x="24" y="100"/>
                  <a:pt x="24" y="100"/>
                </a:cubicBezTo>
                <a:cubicBezTo>
                  <a:pt x="24" y="98"/>
                  <a:pt x="22" y="96"/>
                  <a:pt x="20" y="96"/>
                </a:cubicBezTo>
                <a:cubicBezTo>
                  <a:pt x="18" y="96"/>
                  <a:pt x="16" y="98"/>
                  <a:pt x="16" y="100"/>
                </a:cubicBezTo>
                <a:cubicBezTo>
                  <a:pt x="16" y="143"/>
                  <a:pt x="16" y="143"/>
                  <a:pt x="16" y="143"/>
                </a:cubicBezTo>
                <a:cubicBezTo>
                  <a:pt x="11" y="142"/>
                  <a:pt x="8" y="137"/>
                  <a:pt x="8" y="132"/>
                </a:cubicBezTo>
                <a:cubicBezTo>
                  <a:pt x="8" y="92"/>
                  <a:pt x="8" y="92"/>
                  <a:pt x="8" y="92"/>
                </a:cubicBezTo>
                <a:cubicBezTo>
                  <a:pt x="8" y="88"/>
                  <a:pt x="11" y="84"/>
                  <a:pt x="15" y="82"/>
                </a:cubicBezTo>
                <a:cubicBezTo>
                  <a:pt x="23" y="80"/>
                  <a:pt x="23" y="80"/>
                  <a:pt x="23" y="80"/>
                </a:cubicBezTo>
                <a:cubicBezTo>
                  <a:pt x="37" y="95"/>
                  <a:pt x="37" y="95"/>
                  <a:pt x="37" y="95"/>
                </a:cubicBezTo>
                <a:cubicBezTo>
                  <a:pt x="38" y="96"/>
                  <a:pt x="39" y="96"/>
                  <a:pt x="40" y="96"/>
                </a:cubicBezTo>
                <a:cubicBezTo>
                  <a:pt x="41" y="96"/>
                  <a:pt x="42" y="96"/>
                  <a:pt x="43" y="95"/>
                </a:cubicBezTo>
                <a:cubicBezTo>
                  <a:pt x="57" y="80"/>
                  <a:pt x="57" y="80"/>
                  <a:pt x="57" y="80"/>
                </a:cubicBezTo>
                <a:cubicBezTo>
                  <a:pt x="65" y="82"/>
                  <a:pt x="65" y="82"/>
                  <a:pt x="65" y="82"/>
                </a:cubicBezTo>
                <a:cubicBezTo>
                  <a:pt x="69" y="84"/>
                  <a:pt x="72" y="88"/>
                  <a:pt x="72" y="92"/>
                </a:cubicBezTo>
                <a:lnTo>
                  <a:pt x="72" y="132"/>
                </a:lnTo>
                <a:close/>
                <a:moveTo>
                  <a:pt x="144" y="132"/>
                </a:moveTo>
                <a:cubicBezTo>
                  <a:pt x="144" y="137"/>
                  <a:pt x="141" y="142"/>
                  <a:pt x="136" y="143"/>
                </a:cubicBezTo>
                <a:cubicBezTo>
                  <a:pt x="136" y="100"/>
                  <a:pt x="136" y="100"/>
                  <a:pt x="136" y="100"/>
                </a:cubicBezTo>
                <a:cubicBezTo>
                  <a:pt x="136" y="98"/>
                  <a:pt x="134" y="96"/>
                  <a:pt x="132" y="96"/>
                </a:cubicBezTo>
                <a:cubicBezTo>
                  <a:pt x="130" y="96"/>
                  <a:pt x="128" y="98"/>
                  <a:pt x="128" y="100"/>
                </a:cubicBezTo>
                <a:cubicBezTo>
                  <a:pt x="128" y="200"/>
                  <a:pt x="128" y="200"/>
                  <a:pt x="128" y="200"/>
                </a:cubicBezTo>
                <a:cubicBezTo>
                  <a:pt x="116" y="200"/>
                  <a:pt x="116" y="200"/>
                  <a:pt x="116" y="200"/>
                </a:cubicBezTo>
                <a:cubicBezTo>
                  <a:pt x="116" y="140"/>
                  <a:pt x="116" y="140"/>
                  <a:pt x="116" y="140"/>
                </a:cubicBezTo>
                <a:cubicBezTo>
                  <a:pt x="116" y="138"/>
                  <a:pt x="114" y="136"/>
                  <a:pt x="112" y="136"/>
                </a:cubicBezTo>
                <a:cubicBezTo>
                  <a:pt x="110" y="136"/>
                  <a:pt x="108" y="138"/>
                  <a:pt x="108" y="140"/>
                </a:cubicBezTo>
                <a:cubicBezTo>
                  <a:pt x="108" y="200"/>
                  <a:pt x="108" y="200"/>
                  <a:pt x="108" y="200"/>
                </a:cubicBezTo>
                <a:cubicBezTo>
                  <a:pt x="96" y="200"/>
                  <a:pt x="96" y="200"/>
                  <a:pt x="96" y="200"/>
                </a:cubicBezTo>
                <a:cubicBezTo>
                  <a:pt x="96" y="100"/>
                  <a:pt x="96" y="100"/>
                  <a:pt x="96" y="100"/>
                </a:cubicBezTo>
                <a:cubicBezTo>
                  <a:pt x="96" y="98"/>
                  <a:pt x="94" y="96"/>
                  <a:pt x="92" y="96"/>
                </a:cubicBezTo>
                <a:cubicBezTo>
                  <a:pt x="90" y="96"/>
                  <a:pt x="88" y="98"/>
                  <a:pt x="88" y="100"/>
                </a:cubicBezTo>
                <a:cubicBezTo>
                  <a:pt x="88" y="143"/>
                  <a:pt x="88" y="143"/>
                  <a:pt x="88" y="143"/>
                </a:cubicBezTo>
                <a:cubicBezTo>
                  <a:pt x="83" y="142"/>
                  <a:pt x="80" y="137"/>
                  <a:pt x="80" y="132"/>
                </a:cubicBezTo>
                <a:cubicBezTo>
                  <a:pt x="80" y="92"/>
                  <a:pt x="80" y="92"/>
                  <a:pt x="80" y="92"/>
                </a:cubicBezTo>
                <a:cubicBezTo>
                  <a:pt x="80" y="88"/>
                  <a:pt x="83" y="84"/>
                  <a:pt x="87" y="82"/>
                </a:cubicBezTo>
                <a:cubicBezTo>
                  <a:pt x="95" y="80"/>
                  <a:pt x="95" y="80"/>
                  <a:pt x="95" y="80"/>
                </a:cubicBezTo>
                <a:cubicBezTo>
                  <a:pt x="109" y="95"/>
                  <a:pt x="109" y="95"/>
                  <a:pt x="109" y="95"/>
                </a:cubicBezTo>
                <a:cubicBezTo>
                  <a:pt x="110" y="96"/>
                  <a:pt x="111" y="96"/>
                  <a:pt x="112" y="96"/>
                </a:cubicBezTo>
                <a:cubicBezTo>
                  <a:pt x="113" y="96"/>
                  <a:pt x="114" y="96"/>
                  <a:pt x="115" y="95"/>
                </a:cubicBezTo>
                <a:cubicBezTo>
                  <a:pt x="129" y="80"/>
                  <a:pt x="129" y="80"/>
                  <a:pt x="129" y="80"/>
                </a:cubicBezTo>
                <a:cubicBezTo>
                  <a:pt x="137" y="82"/>
                  <a:pt x="137" y="82"/>
                  <a:pt x="137" y="82"/>
                </a:cubicBezTo>
                <a:cubicBezTo>
                  <a:pt x="141" y="84"/>
                  <a:pt x="144" y="88"/>
                  <a:pt x="144" y="92"/>
                </a:cubicBezTo>
                <a:lnTo>
                  <a:pt x="144" y="132"/>
                </a:lnTo>
                <a:close/>
                <a:moveTo>
                  <a:pt x="208" y="143"/>
                </a:moveTo>
                <a:cubicBezTo>
                  <a:pt x="208" y="100"/>
                  <a:pt x="208" y="100"/>
                  <a:pt x="208" y="100"/>
                </a:cubicBezTo>
                <a:cubicBezTo>
                  <a:pt x="208" y="98"/>
                  <a:pt x="206" y="96"/>
                  <a:pt x="204" y="96"/>
                </a:cubicBezTo>
                <a:cubicBezTo>
                  <a:pt x="202" y="96"/>
                  <a:pt x="200" y="98"/>
                  <a:pt x="200" y="100"/>
                </a:cubicBezTo>
                <a:cubicBezTo>
                  <a:pt x="200" y="200"/>
                  <a:pt x="200" y="200"/>
                  <a:pt x="200" y="200"/>
                </a:cubicBezTo>
                <a:cubicBezTo>
                  <a:pt x="188" y="200"/>
                  <a:pt x="188" y="200"/>
                  <a:pt x="188" y="200"/>
                </a:cubicBezTo>
                <a:cubicBezTo>
                  <a:pt x="188" y="140"/>
                  <a:pt x="188" y="140"/>
                  <a:pt x="188" y="140"/>
                </a:cubicBezTo>
                <a:cubicBezTo>
                  <a:pt x="188" y="138"/>
                  <a:pt x="186" y="136"/>
                  <a:pt x="184" y="136"/>
                </a:cubicBezTo>
                <a:cubicBezTo>
                  <a:pt x="182" y="136"/>
                  <a:pt x="180" y="138"/>
                  <a:pt x="180" y="140"/>
                </a:cubicBezTo>
                <a:cubicBezTo>
                  <a:pt x="180" y="200"/>
                  <a:pt x="180" y="200"/>
                  <a:pt x="180" y="200"/>
                </a:cubicBezTo>
                <a:cubicBezTo>
                  <a:pt x="168" y="200"/>
                  <a:pt x="168" y="200"/>
                  <a:pt x="168" y="200"/>
                </a:cubicBezTo>
                <a:cubicBezTo>
                  <a:pt x="168" y="100"/>
                  <a:pt x="168" y="100"/>
                  <a:pt x="168" y="100"/>
                </a:cubicBezTo>
                <a:cubicBezTo>
                  <a:pt x="168" y="98"/>
                  <a:pt x="166" y="96"/>
                  <a:pt x="164" y="96"/>
                </a:cubicBezTo>
                <a:cubicBezTo>
                  <a:pt x="162" y="96"/>
                  <a:pt x="160" y="98"/>
                  <a:pt x="160" y="100"/>
                </a:cubicBezTo>
                <a:cubicBezTo>
                  <a:pt x="160" y="143"/>
                  <a:pt x="160" y="143"/>
                  <a:pt x="160" y="143"/>
                </a:cubicBezTo>
                <a:cubicBezTo>
                  <a:pt x="155" y="142"/>
                  <a:pt x="152" y="137"/>
                  <a:pt x="152" y="132"/>
                </a:cubicBezTo>
                <a:cubicBezTo>
                  <a:pt x="152" y="92"/>
                  <a:pt x="152" y="92"/>
                  <a:pt x="152" y="92"/>
                </a:cubicBezTo>
                <a:cubicBezTo>
                  <a:pt x="152" y="88"/>
                  <a:pt x="155" y="84"/>
                  <a:pt x="159" y="82"/>
                </a:cubicBezTo>
                <a:cubicBezTo>
                  <a:pt x="167" y="80"/>
                  <a:pt x="167" y="80"/>
                  <a:pt x="167" y="80"/>
                </a:cubicBezTo>
                <a:cubicBezTo>
                  <a:pt x="181" y="95"/>
                  <a:pt x="181" y="95"/>
                  <a:pt x="181" y="95"/>
                </a:cubicBezTo>
                <a:cubicBezTo>
                  <a:pt x="182" y="96"/>
                  <a:pt x="183" y="96"/>
                  <a:pt x="184" y="96"/>
                </a:cubicBezTo>
                <a:cubicBezTo>
                  <a:pt x="185" y="96"/>
                  <a:pt x="186" y="96"/>
                  <a:pt x="187" y="95"/>
                </a:cubicBezTo>
                <a:cubicBezTo>
                  <a:pt x="201" y="80"/>
                  <a:pt x="201" y="80"/>
                  <a:pt x="201" y="80"/>
                </a:cubicBezTo>
                <a:cubicBezTo>
                  <a:pt x="209" y="82"/>
                  <a:pt x="209" y="82"/>
                  <a:pt x="209" y="82"/>
                </a:cubicBezTo>
                <a:cubicBezTo>
                  <a:pt x="213" y="84"/>
                  <a:pt x="216" y="88"/>
                  <a:pt x="216" y="92"/>
                </a:cubicBezTo>
                <a:cubicBezTo>
                  <a:pt x="216" y="132"/>
                  <a:pt x="216" y="132"/>
                  <a:pt x="216" y="132"/>
                </a:cubicBezTo>
                <a:cubicBezTo>
                  <a:pt x="216" y="137"/>
                  <a:pt x="213" y="142"/>
                  <a:pt x="208" y="143"/>
                </a:cubicBezTo>
                <a:close/>
                <a:moveTo>
                  <a:pt x="184" y="72"/>
                </a:moveTo>
                <a:cubicBezTo>
                  <a:pt x="195" y="72"/>
                  <a:pt x="204" y="63"/>
                  <a:pt x="204" y="52"/>
                </a:cubicBezTo>
                <a:cubicBezTo>
                  <a:pt x="204" y="41"/>
                  <a:pt x="195" y="32"/>
                  <a:pt x="184" y="32"/>
                </a:cubicBezTo>
                <a:cubicBezTo>
                  <a:pt x="173" y="32"/>
                  <a:pt x="164" y="41"/>
                  <a:pt x="164" y="52"/>
                </a:cubicBezTo>
                <a:cubicBezTo>
                  <a:pt x="164" y="63"/>
                  <a:pt x="173" y="72"/>
                  <a:pt x="184" y="72"/>
                </a:cubicBezTo>
                <a:close/>
                <a:moveTo>
                  <a:pt x="184" y="40"/>
                </a:moveTo>
                <a:cubicBezTo>
                  <a:pt x="191" y="40"/>
                  <a:pt x="196" y="45"/>
                  <a:pt x="196" y="52"/>
                </a:cubicBezTo>
                <a:cubicBezTo>
                  <a:pt x="196" y="59"/>
                  <a:pt x="191" y="64"/>
                  <a:pt x="184" y="64"/>
                </a:cubicBezTo>
                <a:cubicBezTo>
                  <a:pt x="177" y="64"/>
                  <a:pt x="172" y="59"/>
                  <a:pt x="172" y="52"/>
                </a:cubicBezTo>
                <a:cubicBezTo>
                  <a:pt x="172" y="45"/>
                  <a:pt x="177" y="40"/>
                  <a:pt x="184" y="40"/>
                </a:cubicBezTo>
                <a:close/>
              </a:path>
            </a:pathLst>
          </a:custGeom>
          <a:solidFill>
            <a:srgbClr val="EE2F66"/>
          </a:solidFill>
          <a:ln>
            <a:noFill/>
          </a:ln>
        </p:spPr>
        <p:txBody>
          <a:bodyPr vert="horz" wrap="square" lIns="91440" tIns="45720" rIns="91440" bIns="45720" numCol="1" anchor="t" anchorCtr="0" compatLnSpc="1">
            <a:prstTxWarp prst="textNoShape">
              <a:avLst/>
            </a:prstTxWarp>
          </a:bodyPr>
          <a:lstStyle/>
          <a:p>
            <a:endParaRPr lang="da-DK" noProof="0"/>
          </a:p>
        </p:txBody>
      </p:sp>
    </p:spTree>
    <p:extLst>
      <p:ext uri="{BB962C8B-B14F-4D97-AF65-F5344CB8AC3E}">
        <p14:creationId xmlns:p14="http://schemas.microsoft.com/office/powerpoint/2010/main" val="1389644155"/>
      </p:ext>
    </p:extLst>
  </p:cSld>
  <p:clrMapOvr>
    <a:masterClrMapping/>
  </p:clrMapOvr>
  <p:transition>
    <p:fade/>
  </p:transition>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3FD5F8B-2DB3-63C7-CD7D-EFECF6B5A691}"/>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C8435F89-C262-6CA7-D5BF-D3DA8AAF0D5E}"/>
              </a:ext>
            </a:extLst>
          </p:cNvPr>
          <p:cNvSpPr>
            <a:spLocks noGrp="1"/>
          </p:cNvSpPr>
          <p:nvPr>
            <p:ph type="title"/>
          </p:nvPr>
        </p:nvSpPr>
        <p:spPr/>
        <p:txBody>
          <a:bodyPr/>
          <a:lstStyle/>
          <a:p>
            <a:r>
              <a:rPr lang="da-DK" sz="2200" noProof="0" dirty="0"/>
              <a:t>PA foreslår 12 konkrete indsatser på tværs af de tre løsningsspor</a:t>
            </a:r>
          </a:p>
        </p:txBody>
      </p:sp>
      <p:sp>
        <p:nvSpPr>
          <p:cNvPr id="50" name="Rectangle: Rounded Corners 49">
            <a:extLst>
              <a:ext uri="{FF2B5EF4-FFF2-40B4-BE49-F238E27FC236}">
                <a16:creationId xmlns:a16="http://schemas.microsoft.com/office/drawing/2014/main" id="{3B15AE03-1C4A-FE25-6F3F-A95F5DED6590}"/>
              </a:ext>
              <a:ext uri="{C183D7F6-B498-43B3-948B-1728B52AA6E4}">
                <adec:decorative xmlns:adec="http://schemas.microsoft.com/office/drawing/2017/decorative" val="1"/>
              </a:ext>
            </a:extLst>
          </p:cNvPr>
          <p:cNvSpPr/>
          <p:nvPr/>
        </p:nvSpPr>
        <p:spPr>
          <a:xfrm>
            <a:off x="554355" y="1637719"/>
            <a:ext cx="3406969" cy="767105"/>
          </a:xfrm>
          <a:prstGeom prst="roundRect">
            <a:avLst>
              <a:gd name="adj" fmla="val 6746"/>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0" tIns="0" rtlCol="0" anchor="ctr"/>
          <a:lstStyle/>
          <a:p>
            <a:pPr algn="ctr"/>
            <a:endParaRPr lang="da-DK" sz="1400" noProof="0"/>
          </a:p>
        </p:txBody>
      </p:sp>
      <p:sp>
        <p:nvSpPr>
          <p:cNvPr id="51" name="Rectangle: Rounded Corners 50">
            <a:extLst>
              <a:ext uri="{FF2B5EF4-FFF2-40B4-BE49-F238E27FC236}">
                <a16:creationId xmlns:a16="http://schemas.microsoft.com/office/drawing/2014/main" id="{434A6F91-0887-6353-6085-329F967FBE13}"/>
              </a:ext>
            </a:extLst>
          </p:cNvPr>
          <p:cNvSpPr/>
          <p:nvPr/>
        </p:nvSpPr>
        <p:spPr>
          <a:xfrm>
            <a:off x="609017" y="1594429"/>
            <a:ext cx="3406969" cy="767105"/>
          </a:xfrm>
          <a:prstGeom prst="roundRect">
            <a:avLst>
              <a:gd name="adj" fmla="val 674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0" tIns="0" rtlCol="0" anchor="ctr"/>
          <a:lstStyle/>
          <a:p>
            <a:r>
              <a:rPr lang="da-DK" sz="1400" b="1" noProof="0" dirty="0">
                <a:solidFill>
                  <a:schemeClr val="bg2"/>
                </a:solidFill>
              </a:rPr>
              <a:t>01 | Risikobaseret prioritering og styring af afhængigheder</a:t>
            </a:r>
          </a:p>
        </p:txBody>
      </p:sp>
      <p:sp>
        <p:nvSpPr>
          <p:cNvPr id="10" name="Rektangel: afrundede hjørner 5">
            <a:extLst>
              <a:ext uri="{FF2B5EF4-FFF2-40B4-BE49-F238E27FC236}">
                <a16:creationId xmlns:a16="http://schemas.microsoft.com/office/drawing/2014/main" id="{984746D3-EC1E-34A5-5C9F-2B1C5BBB9855}"/>
              </a:ext>
            </a:extLst>
          </p:cNvPr>
          <p:cNvSpPr>
            <a:spLocks/>
          </p:cNvSpPr>
          <p:nvPr/>
        </p:nvSpPr>
        <p:spPr>
          <a:xfrm>
            <a:off x="554355" y="2567649"/>
            <a:ext cx="3461630" cy="540000"/>
          </a:xfrm>
          <a:prstGeom prst="roundRect">
            <a:avLst>
              <a:gd name="adj" fmla="val 7407"/>
            </a:avLst>
          </a:prstGeom>
          <a:solidFill>
            <a:srgbClr val="CDECF2"/>
          </a:solidFill>
          <a:ln w="12700">
            <a:solidFill>
              <a:srgbClr val="0580A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dirty="0">
                <a:solidFill>
                  <a:srgbClr val="006E94"/>
                </a:solidFill>
              </a:rPr>
              <a:t>1.1 Analyse og risikovurdering af digitale løsninger </a:t>
            </a:r>
          </a:p>
        </p:txBody>
      </p:sp>
      <p:sp>
        <p:nvSpPr>
          <p:cNvPr id="11" name="Rektangel: afrundede hjørner 6">
            <a:extLst>
              <a:ext uri="{FF2B5EF4-FFF2-40B4-BE49-F238E27FC236}">
                <a16:creationId xmlns:a16="http://schemas.microsoft.com/office/drawing/2014/main" id="{2CFDF194-8092-68FA-E767-9D8FDDDD90D3}"/>
              </a:ext>
            </a:extLst>
          </p:cNvPr>
          <p:cNvSpPr>
            <a:spLocks/>
          </p:cNvSpPr>
          <p:nvPr/>
        </p:nvSpPr>
        <p:spPr>
          <a:xfrm>
            <a:off x="554356" y="3189969"/>
            <a:ext cx="3461630" cy="540000"/>
          </a:xfrm>
          <a:prstGeom prst="roundRect">
            <a:avLst>
              <a:gd name="adj" fmla="val 7407"/>
            </a:avLst>
          </a:prstGeom>
          <a:solidFill>
            <a:srgbClr val="CDECF2"/>
          </a:solidFill>
          <a:ln w="12700">
            <a:solidFill>
              <a:srgbClr val="0580A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dirty="0">
                <a:solidFill>
                  <a:srgbClr val="006E94"/>
                </a:solidFill>
              </a:rPr>
              <a:t>1.2 Exit-strategier og beredskabsplaner</a:t>
            </a:r>
          </a:p>
        </p:txBody>
      </p:sp>
      <p:sp>
        <p:nvSpPr>
          <p:cNvPr id="4" name="Rektangel: afrundede hjørner 8">
            <a:extLst>
              <a:ext uri="{FF2B5EF4-FFF2-40B4-BE49-F238E27FC236}">
                <a16:creationId xmlns:a16="http://schemas.microsoft.com/office/drawing/2014/main" id="{672320E1-3139-7BBB-7D61-5232AE8B3BE1}"/>
              </a:ext>
            </a:extLst>
          </p:cNvPr>
          <p:cNvSpPr>
            <a:spLocks/>
          </p:cNvSpPr>
          <p:nvPr/>
        </p:nvSpPr>
        <p:spPr>
          <a:xfrm>
            <a:off x="554355" y="3812290"/>
            <a:ext cx="3461630" cy="540000"/>
          </a:xfrm>
          <a:prstGeom prst="roundRect">
            <a:avLst>
              <a:gd name="adj" fmla="val 7407"/>
            </a:avLst>
          </a:prstGeom>
          <a:solidFill>
            <a:srgbClr val="CDECF2"/>
          </a:solidFill>
          <a:ln w="12700">
            <a:solidFill>
              <a:srgbClr val="0580A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a:solidFill>
                  <a:srgbClr val="006E94"/>
                </a:solidFill>
              </a:rPr>
              <a:t>1.3 </a:t>
            </a:r>
            <a:r>
              <a:rPr lang="da-DK" sz="1200" b="1" noProof="0" dirty="0">
                <a:solidFill>
                  <a:srgbClr val="006E94"/>
                </a:solidFill>
              </a:rPr>
              <a:t>S</a:t>
            </a:r>
            <a:r>
              <a:rPr lang="da-DK" sz="1200" b="1" noProof="0">
                <a:solidFill>
                  <a:srgbClr val="006E94"/>
                </a:solidFill>
              </a:rPr>
              <a:t>tærkere audit-mekanismer</a:t>
            </a:r>
          </a:p>
        </p:txBody>
      </p:sp>
      <p:grpSp>
        <p:nvGrpSpPr>
          <p:cNvPr id="62" name="Group 61">
            <a:extLst>
              <a:ext uri="{FF2B5EF4-FFF2-40B4-BE49-F238E27FC236}">
                <a16:creationId xmlns:a16="http://schemas.microsoft.com/office/drawing/2014/main" id="{CC43361D-57A8-0C32-6A88-2FEFDDF122B8}"/>
              </a:ext>
              <a:ext uri="{C183D7F6-B498-43B3-948B-1728B52AA6E4}">
                <adec:decorative xmlns:adec="http://schemas.microsoft.com/office/drawing/2017/decorative" val="1"/>
              </a:ext>
            </a:extLst>
          </p:cNvPr>
          <p:cNvGrpSpPr/>
          <p:nvPr/>
        </p:nvGrpSpPr>
        <p:grpSpPr>
          <a:xfrm>
            <a:off x="742295" y="1734433"/>
            <a:ext cx="460242" cy="461299"/>
            <a:chOff x="854516" y="1720217"/>
            <a:chExt cx="606872" cy="608266"/>
          </a:xfrm>
        </p:grpSpPr>
        <p:sp>
          <p:nvSpPr>
            <p:cNvPr id="47" name="Freeform 291">
              <a:extLst>
                <a:ext uri="{FF2B5EF4-FFF2-40B4-BE49-F238E27FC236}">
                  <a16:creationId xmlns:a16="http://schemas.microsoft.com/office/drawing/2014/main" id="{00996A06-81BE-E234-AD1A-842BD1735E84}"/>
                </a:ext>
              </a:extLst>
            </p:cNvPr>
            <p:cNvSpPr>
              <a:spLocks/>
            </p:cNvSpPr>
            <p:nvPr/>
          </p:nvSpPr>
          <p:spPr bwMode="auto">
            <a:xfrm>
              <a:off x="1028906" y="1720217"/>
              <a:ext cx="432482" cy="538512"/>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48" name="Freeform 292">
              <a:extLst>
                <a:ext uri="{FF2B5EF4-FFF2-40B4-BE49-F238E27FC236}">
                  <a16:creationId xmlns:a16="http://schemas.microsoft.com/office/drawing/2014/main" id="{E5B49DFA-C31B-6432-881F-D12650D0D3FE}"/>
                </a:ext>
              </a:extLst>
            </p:cNvPr>
            <p:cNvSpPr>
              <a:spLocks/>
            </p:cNvSpPr>
            <p:nvPr/>
          </p:nvSpPr>
          <p:spPr bwMode="auto">
            <a:xfrm>
              <a:off x="854516" y="1791370"/>
              <a:ext cx="432482" cy="537113"/>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49" name="Freeform 293">
              <a:extLst>
                <a:ext uri="{FF2B5EF4-FFF2-40B4-BE49-F238E27FC236}">
                  <a16:creationId xmlns:a16="http://schemas.microsoft.com/office/drawing/2014/main" id="{19EA2FE1-0C4F-3F8D-0AD4-0FCA157DF20F}"/>
                </a:ext>
              </a:extLst>
            </p:cNvPr>
            <p:cNvSpPr>
              <a:spLocks noEditPoints="1"/>
            </p:cNvSpPr>
            <p:nvPr/>
          </p:nvSpPr>
          <p:spPr bwMode="auto">
            <a:xfrm>
              <a:off x="1017745" y="1861123"/>
              <a:ext cx="280415" cy="351568"/>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55" name="Rectangle: Rounded Corners 54">
            <a:extLst>
              <a:ext uri="{FF2B5EF4-FFF2-40B4-BE49-F238E27FC236}">
                <a16:creationId xmlns:a16="http://schemas.microsoft.com/office/drawing/2014/main" id="{DE47385B-3222-697E-DAE1-76D63417CAFA}"/>
              </a:ext>
              <a:ext uri="{C183D7F6-B498-43B3-948B-1728B52AA6E4}">
                <adec:decorative xmlns:adec="http://schemas.microsoft.com/office/drawing/2017/decorative" val="1"/>
              </a:ext>
            </a:extLst>
          </p:cNvPr>
          <p:cNvSpPr/>
          <p:nvPr/>
        </p:nvSpPr>
        <p:spPr>
          <a:xfrm>
            <a:off x="4317776" y="1637719"/>
            <a:ext cx="3406969" cy="767105"/>
          </a:xfrm>
          <a:prstGeom prst="roundRect">
            <a:avLst>
              <a:gd name="adj" fmla="val 6746"/>
            </a:avLst>
          </a:prstGeom>
          <a:solidFill>
            <a:srgbClr val="2C802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0" tIns="0" rtlCol="0" anchor="ctr"/>
          <a:lstStyle/>
          <a:p>
            <a:pPr algn="ctr"/>
            <a:endParaRPr lang="da-DK" sz="1400" noProof="0"/>
          </a:p>
        </p:txBody>
      </p:sp>
      <p:sp>
        <p:nvSpPr>
          <p:cNvPr id="56" name="Rectangle: Rounded Corners 55">
            <a:extLst>
              <a:ext uri="{FF2B5EF4-FFF2-40B4-BE49-F238E27FC236}">
                <a16:creationId xmlns:a16="http://schemas.microsoft.com/office/drawing/2014/main" id="{CB1C9AFB-563D-3021-0927-B9152B6E5DB2}"/>
              </a:ext>
            </a:extLst>
          </p:cNvPr>
          <p:cNvSpPr/>
          <p:nvPr/>
        </p:nvSpPr>
        <p:spPr>
          <a:xfrm>
            <a:off x="4372438" y="1594429"/>
            <a:ext cx="3406969" cy="767105"/>
          </a:xfrm>
          <a:prstGeom prst="roundRect">
            <a:avLst>
              <a:gd name="adj" fmla="val 674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0" tIns="0" rtlCol="0" anchor="ctr"/>
          <a:lstStyle/>
          <a:p>
            <a:r>
              <a:rPr lang="da-DK" sz="1400" b="1" noProof="0" dirty="0">
                <a:solidFill>
                  <a:srgbClr val="2C8027"/>
                </a:solidFill>
              </a:rPr>
              <a:t>02 | Indkøb, krav og arkitektur</a:t>
            </a:r>
            <a:endParaRPr lang="da-DK" sz="1400" noProof="0" dirty="0">
              <a:solidFill>
                <a:srgbClr val="2C8027"/>
              </a:solidFill>
            </a:endParaRPr>
          </a:p>
        </p:txBody>
      </p:sp>
      <p:sp>
        <p:nvSpPr>
          <p:cNvPr id="2" name="Rektangel: afrundede hjørner 5">
            <a:extLst>
              <a:ext uri="{FF2B5EF4-FFF2-40B4-BE49-F238E27FC236}">
                <a16:creationId xmlns:a16="http://schemas.microsoft.com/office/drawing/2014/main" id="{AC67DEFF-016E-17C7-A8FA-7F16560E42A9}"/>
              </a:ext>
            </a:extLst>
          </p:cNvPr>
          <p:cNvSpPr>
            <a:spLocks/>
          </p:cNvSpPr>
          <p:nvPr/>
        </p:nvSpPr>
        <p:spPr>
          <a:xfrm>
            <a:off x="4317776" y="2567649"/>
            <a:ext cx="3461630" cy="540000"/>
          </a:xfrm>
          <a:prstGeom prst="roundRect">
            <a:avLst>
              <a:gd name="adj" fmla="val 7407"/>
            </a:avLst>
          </a:prstGeom>
          <a:solidFill>
            <a:srgbClr val="D5ECC8">
              <a:alpha val="50000"/>
            </a:srgbClr>
          </a:solidFill>
          <a:ln w="12700">
            <a:solidFill>
              <a:srgbClr val="2C802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dirty="0">
                <a:solidFill>
                  <a:srgbClr val="2C8027"/>
                </a:solidFill>
              </a:rPr>
              <a:t>2.1 Markedsafdækning med danske it-leverandører </a:t>
            </a:r>
          </a:p>
        </p:txBody>
      </p:sp>
      <p:sp>
        <p:nvSpPr>
          <p:cNvPr id="7" name="Rektangel: afrundede hjørner 5">
            <a:extLst>
              <a:ext uri="{FF2B5EF4-FFF2-40B4-BE49-F238E27FC236}">
                <a16:creationId xmlns:a16="http://schemas.microsoft.com/office/drawing/2014/main" id="{C7B7A49C-4A5F-E68D-441D-253B409164AC}"/>
              </a:ext>
            </a:extLst>
          </p:cNvPr>
          <p:cNvSpPr>
            <a:spLocks/>
          </p:cNvSpPr>
          <p:nvPr/>
        </p:nvSpPr>
        <p:spPr>
          <a:xfrm>
            <a:off x="4317776" y="3192433"/>
            <a:ext cx="3461630" cy="540000"/>
          </a:xfrm>
          <a:prstGeom prst="roundRect">
            <a:avLst>
              <a:gd name="adj" fmla="val 7407"/>
            </a:avLst>
          </a:prstGeom>
          <a:solidFill>
            <a:srgbClr val="D5ECC8">
              <a:alpha val="50000"/>
            </a:srgbClr>
          </a:solidFill>
          <a:ln w="12700">
            <a:solidFill>
              <a:srgbClr val="2C802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a:solidFill>
                  <a:srgbClr val="2C8027"/>
                </a:solidFill>
              </a:rPr>
              <a:t>2.2 Genbesøg af it- og arkitekturstrategier</a:t>
            </a:r>
          </a:p>
        </p:txBody>
      </p:sp>
      <p:sp>
        <p:nvSpPr>
          <p:cNvPr id="8" name="Rektangel: afrundede hjørner 6">
            <a:extLst>
              <a:ext uri="{FF2B5EF4-FFF2-40B4-BE49-F238E27FC236}">
                <a16:creationId xmlns:a16="http://schemas.microsoft.com/office/drawing/2014/main" id="{42EF0E90-FCC5-2D56-2F8A-8E1D3A116229}"/>
              </a:ext>
            </a:extLst>
          </p:cNvPr>
          <p:cNvSpPr>
            <a:spLocks/>
          </p:cNvSpPr>
          <p:nvPr/>
        </p:nvSpPr>
        <p:spPr>
          <a:xfrm>
            <a:off x="4317776" y="3810864"/>
            <a:ext cx="3461630" cy="540000"/>
          </a:xfrm>
          <a:prstGeom prst="roundRect">
            <a:avLst>
              <a:gd name="adj" fmla="val 7407"/>
            </a:avLst>
          </a:prstGeom>
          <a:solidFill>
            <a:srgbClr val="D5ECC8">
              <a:alpha val="50000"/>
            </a:srgbClr>
          </a:solidFill>
          <a:ln w="12700">
            <a:solidFill>
              <a:srgbClr val="2C802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a:solidFill>
                  <a:srgbClr val="2C8027"/>
                </a:solidFill>
              </a:rPr>
              <a:t>2.3 Fælles “suverænitetspakke” til offentlige it-udbud </a:t>
            </a:r>
          </a:p>
        </p:txBody>
      </p:sp>
      <p:sp>
        <p:nvSpPr>
          <p:cNvPr id="5" name="Rektangel: afrundede hjørner 11">
            <a:extLst>
              <a:ext uri="{FF2B5EF4-FFF2-40B4-BE49-F238E27FC236}">
                <a16:creationId xmlns:a16="http://schemas.microsoft.com/office/drawing/2014/main" id="{E025411A-3F6F-83E0-96FC-3294C270F65E}"/>
              </a:ext>
            </a:extLst>
          </p:cNvPr>
          <p:cNvSpPr>
            <a:spLocks/>
          </p:cNvSpPr>
          <p:nvPr/>
        </p:nvSpPr>
        <p:spPr>
          <a:xfrm>
            <a:off x="4317776" y="4433410"/>
            <a:ext cx="3461630" cy="540000"/>
          </a:xfrm>
          <a:prstGeom prst="roundRect">
            <a:avLst>
              <a:gd name="adj" fmla="val 7407"/>
            </a:avLst>
          </a:prstGeom>
          <a:solidFill>
            <a:srgbClr val="D5ECC8">
              <a:alpha val="50000"/>
            </a:srgbClr>
          </a:solidFill>
          <a:ln w="12700">
            <a:solidFill>
              <a:srgbClr val="2C802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a:solidFill>
                  <a:srgbClr val="2C8027"/>
                </a:solidFill>
              </a:rPr>
              <a:t>2.4 </a:t>
            </a:r>
            <a:r>
              <a:rPr lang="da-DK" sz="1200" b="1" noProof="0" dirty="0">
                <a:solidFill>
                  <a:srgbClr val="2C8027"/>
                </a:solidFill>
              </a:rPr>
              <a:t>Fælles indkøb af suveræne cloud-ydelser </a:t>
            </a:r>
            <a:endParaRPr lang="da-DK" sz="1200" b="1" noProof="0">
              <a:solidFill>
                <a:srgbClr val="2C8027"/>
              </a:solidFill>
            </a:endParaRPr>
          </a:p>
        </p:txBody>
      </p:sp>
      <p:sp>
        <p:nvSpPr>
          <p:cNvPr id="54" name="Freeform 7">
            <a:extLst>
              <a:ext uri="{FF2B5EF4-FFF2-40B4-BE49-F238E27FC236}">
                <a16:creationId xmlns:a16="http://schemas.microsoft.com/office/drawing/2014/main" id="{546676C1-2047-9E41-4597-7692EF670CF7}"/>
              </a:ext>
              <a:ext uri="{C183D7F6-B498-43B3-948B-1728B52AA6E4}">
                <adec:decorative xmlns:adec="http://schemas.microsoft.com/office/drawing/2017/decorative" val="1"/>
              </a:ext>
            </a:extLst>
          </p:cNvPr>
          <p:cNvSpPr>
            <a:spLocks noEditPoints="1"/>
          </p:cNvSpPr>
          <p:nvPr/>
        </p:nvSpPr>
        <p:spPr bwMode="auto">
          <a:xfrm>
            <a:off x="4514007" y="1734433"/>
            <a:ext cx="464981" cy="448374"/>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2C802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60" name="Rectangle: Rounded Corners 59">
            <a:extLst>
              <a:ext uri="{FF2B5EF4-FFF2-40B4-BE49-F238E27FC236}">
                <a16:creationId xmlns:a16="http://schemas.microsoft.com/office/drawing/2014/main" id="{60DB409B-0110-CBC2-ECF1-21E19682F8AB}"/>
              </a:ext>
              <a:ext uri="{C183D7F6-B498-43B3-948B-1728B52AA6E4}">
                <adec:decorative xmlns:adec="http://schemas.microsoft.com/office/drawing/2017/decorative" val="1"/>
              </a:ext>
            </a:extLst>
          </p:cNvPr>
          <p:cNvSpPr/>
          <p:nvPr/>
        </p:nvSpPr>
        <p:spPr>
          <a:xfrm>
            <a:off x="8075420" y="1637719"/>
            <a:ext cx="3406969" cy="767105"/>
          </a:xfrm>
          <a:prstGeom prst="roundRect">
            <a:avLst>
              <a:gd name="adj" fmla="val 6746"/>
            </a:avLst>
          </a:prstGeom>
          <a:solidFill>
            <a:srgbClr val="EE2F6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0" tIns="0" rtlCol="0" anchor="ctr"/>
          <a:lstStyle/>
          <a:p>
            <a:pPr algn="ctr"/>
            <a:endParaRPr lang="da-DK" sz="1400" noProof="0"/>
          </a:p>
        </p:txBody>
      </p:sp>
      <p:sp>
        <p:nvSpPr>
          <p:cNvPr id="61" name="Rectangle: Rounded Corners 60">
            <a:extLst>
              <a:ext uri="{FF2B5EF4-FFF2-40B4-BE49-F238E27FC236}">
                <a16:creationId xmlns:a16="http://schemas.microsoft.com/office/drawing/2014/main" id="{B88F0CDE-2D96-EA31-A2C6-F254F021F70A}"/>
              </a:ext>
            </a:extLst>
          </p:cNvPr>
          <p:cNvSpPr/>
          <p:nvPr/>
        </p:nvSpPr>
        <p:spPr>
          <a:xfrm>
            <a:off x="8130082" y="1594429"/>
            <a:ext cx="3406969" cy="767105"/>
          </a:xfrm>
          <a:prstGeom prst="roundRect">
            <a:avLst>
              <a:gd name="adj" fmla="val 674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0" tIns="0" rtlCol="0" anchor="ctr"/>
          <a:lstStyle/>
          <a:p>
            <a:r>
              <a:rPr lang="da-DK" sz="1400" b="1" noProof="0" dirty="0">
                <a:solidFill>
                  <a:srgbClr val="EE2F66"/>
                </a:solidFill>
              </a:rPr>
              <a:t>03 | Organisation, finansiering og kompetencer</a:t>
            </a:r>
          </a:p>
        </p:txBody>
      </p:sp>
      <p:sp>
        <p:nvSpPr>
          <p:cNvPr id="59" name="Freeform 31">
            <a:extLst>
              <a:ext uri="{FF2B5EF4-FFF2-40B4-BE49-F238E27FC236}">
                <a16:creationId xmlns:a16="http://schemas.microsoft.com/office/drawing/2014/main" id="{70F36C1D-A216-E242-5F61-71BEB1598765}"/>
              </a:ext>
              <a:ext uri="{C183D7F6-B498-43B3-948B-1728B52AA6E4}">
                <adec:decorative xmlns:adec="http://schemas.microsoft.com/office/drawing/2017/decorative" val="1"/>
              </a:ext>
            </a:extLst>
          </p:cNvPr>
          <p:cNvSpPr>
            <a:spLocks noEditPoints="1"/>
          </p:cNvSpPr>
          <p:nvPr/>
        </p:nvSpPr>
        <p:spPr bwMode="auto">
          <a:xfrm>
            <a:off x="8264703" y="1755447"/>
            <a:ext cx="441933" cy="411413"/>
          </a:xfrm>
          <a:custGeom>
            <a:avLst/>
            <a:gdLst>
              <a:gd name="T0" fmla="*/ 112 w 224"/>
              <a:gd name="T1" fmla="*/ 32 h 208"/>
              <a:gd name="T2" fmla="*/ 112 w 224"/>
              <a:gd name="T3" fmla="*/ 40 h 208"/>
              <a:gd name="T4" fmla="*/ 100 w 224"/>
              <a:gd name="T5" fmla="*/ 52 h 208"/>
              <a:gd name="T6" fmla="*/ 60 w 224"/>
              <a:gd name="T7" fmla="*/ 52 h 208"/>
              <a:gd name="T8" fmla="*/ 40 w 224"/>
              <a:gd name="T9" fmla="*/ 72 h 208"/>
              <a:gd name="T10" fmla="*/ 40 w 224"/>
              <a:gd name="T11" fmla="*/ 64 h 208"/>
              <a:gd name="T12" fmla="*/ 76 w 224"/>
              <a:gd name="T13" fmla="*/ 40 h 208"/>
              <a:gd name="T14" fmla="*/ 56 w 224"/>
              <a:gd name="T15" fmla="*/ 20 h 208"/>
              <a:gd name="T16" fmla="*/ 88 w 224"/>
              <a:gd name="T17" fmla="*/ 20 h 208"/>
              <a:gd name="T18" fmla="*/ 76 w 224"/>
              <a:gd name="T19" fmla="*/ 8 h 208"/>
              <a:gd name="T20" fmla="*/ 148 w 224"/>
              <a:gd name="T21" fmla="*/ 0 h 208"/>
              <a:gd name="T22" fmla="*/ 148 w 224"/>
              <a:gd name="T23" fmla="*/ 8 h 208"/>
              <a:gd name="T24" fmla="*/ 136 w 224"/>
              <a:gd name="T25" fmla="*/ 20 h 208"/>
              <a:gd name="T26" fmla="*/ 211 w 224"/>
              <a:gd name="T27" fmla="*/ 75 h 208"/>
              <a:gd name="T28" fmla="*/ 184 w 224"/>
              <a:gd name="T29" fmla="*/ 86 h 208"/>
              <a:gd name="T30" fmla="*/ 157 w 224"/>
              <a:gd name="T31" fmla="*/ 75 h 208"/>
              <a:gd name="T32" fmla="*/ 140 w 224"/>
              <a:gd name="T33" fmla="*/ 75 h 208"/>
              <a:gd name="T34" fmla="*/ 125 w 224"/>
              <a:gd name="T35" fmla="*/ 73 h 208"/>
              <a:gd name="T36" fmla="*/ 95 w 224"/>
              <a:gd name="T37" fmla="*/ 72 h 208"/>
              <a:gd name="T38" fmla="*/ 76 w 224"/>
              <a:gd name="T39" fmla="*/ 81 h 208"/>
              <a:gd name="T40" fmla="*/ 57 w 224"/>
              <a:gd name="T41" fmla="*/ 72 h 208"/>
              <a:gd name="T42" fmla="*/ 27 w 224"/>
              <a:gd name="T43" fmla="*/ 73 h 208"/>
              <a:gd name="T44" fmla="*/ 12 w 224"/>
              <a:gd name="T45" fmla="*/ 75 h 208"/>
              <a:gd name="T46" fmla="*/ 16 w 224"/>
              <a:gd name="T47" fmla="*/ 152 h 208"/>
              <a:gd name="T48" fmla="*/ 20 w 224"/>
              <a:gd name="T49" fmla="*/ 208 h 208"/>
              <a:gd name="T50" fmla="*/ 64 w 224"/>
              <a:gd name="T51" fmla="*/ 204 h 208"/>
              <a:gd name="T52" fmla="*/ 88 w 224"/>
              <a:gd name="T53" fmla="*/ 152 h 208"/>
              <a:gd name="T54" fmla="*/ 92 w 224"/>
              <a:gd name="T55" fmla="*/ 208 h 208"/>
              <a:gd name="T56" fmla="*/ 136 w 224"/>
              <a:gd name="T57" fmla="*/ 204 h 208"/>
              <a:gd name="T58" fmla="*/ 160 w 224"/>
              <a:gd name="T59" fmla="*/ 152 h 208"/>
              <a:gd name="T60" fmla="*/ 164 w 224"/>
              <a:gd name="T61" fmla="*/ 208 h 208"/>
              <a:gd name="T62" fmla="*/ 208 w 224"/>
              <a:gd name="T63" fmla="*/ 204 h 208"/>
              <a:gd name="T64" fmla="*/ 224 w 224"/>
              <a:gd name="T65" fmla="*/ 92 h 208"/>
              <a:gd name="T66" fmla="*/ 64 w 224"/>
              <a:gd name="T67" fmla="*/ 143 h 208"/>
              <a:gd name="T68" fmla="*/ 56 w 224"/>
              <a:gd name="T69" fmla="*/ 100 h 208"/>
              <a:gd name="T70" fmla="*/ 44 w 224"/>
              <a:gd name="T71" fmla="*/ 140 h 208"/>
              <a:gd name="T72" fmla="*/ 36 w 224"/>
              <a:gd name="T73" fmla="*/ 200 h 208"/>
              <a:gd name="T74" fmla="*/ 20 w 224"/>
              <a:gd name="T75" fmla="*/ 96 h 208"/>
              <a:gd name="T76" fmla="*/ 8 w 224"/>
              <a:gd name="T77" fmla="*/ 132 h 208"/>
              <a:gd name="T78" fmla="*/ 23 w 224"/>
              <a:gd name="T79" fmla="*/ 80 h 208"/>
              <a:gd name="T80" fmla="*/ 43 w 224"/>
              <a:gd name="T81" fmla="*/ 95 h 208"/>
              <a:gd name="T82" fmla="*/ 72 w 224"/>
              <a:gd name="T83" fmla="*/ 92 h 208"/>
              <a:gd name="T84" fmla="*/ 136 w 224"/>
              <a:gd name="T85" fmla="*/ 143 h 208"/>
              <a:gd name="T86" fmla="*/ 128 w 224"/>
              <a:gd name="T87" fmla="*/ 100 h 208"/>
              <a:gd name="T88" fmla="*/ 116 w 224"/>
              <a:gd name="T89" fmla="*/ 140 h 208"/>
              <a:gd name="T90" fmla="*/ 108 w 224"/>
              <a:gd name="T91" fmla="*/ 200 h 208"/>
              <a:gd name="T92" fmla="*/ 92 w 224"/>
              <a:gd name="T93" fmla="*/ 96 h 208"/>
              <a:gd name="T94" fmla="*/ 80 w 224"/>
              <a:gd name="T95" fmla="*/ 132 h 208"/>
              <a:gd name="T96" fmla="*/ 95 w 224"/>
              <a:gd name="T97" fmla="*/ 80 h 208"/>
              <a:gd name="T98" fmla="*/ 115 w 224"/>
              <a:gd name="T99" fmla="*/ 95 h 208"/>
              <a:gd name="T100" fmla="*/ 144 w 224"/>
              <a:gd name="T101" fmla="*/ 92 h 208"/>
              <a:gd name="T102" fmla="*/ 208 w 224"/>
              <a:gd name="T103" fmla="*/ 100 h 208"/>
              <a:gd name="T104" fmla="*/ 200 w 224"/>
              <a:gd name="T105" fmla="*/ 200 h 208"/>
              <a:gd name="T106" fmla="*/ 184 w 224"/>
              <a:gd name="T107" fmla="*/ 136 h 208"/>
              <a:gd name="T108" fmla="*/ 168 w 224"/>
              <a:gd name="T109" fmla="*/ 200 h 208"/>
              <a:gd name="T110" fmla="*/ 160 w 224"/>
              <a:gd name="T111" fmla="*/ 100 h 208"/>
              <a:gd name="T112" fmla="*/ 152 w 224"/>
              <a:gd name="T113" fmla="*/ 92 h 208"/>
              <a:gd name="T114" fmla="*/ 181 w 224"/>
              <a:gd name="T115" fmla="*/ 95 h 208"/>
              <a:gd name="T116" fmla="*/ 201 w 224"/>
              <a:gd name="T117" fmla="*/ 80 h 208"/>
              <a:gd name="T118" fmla="*/ 216 w 224"/>
              <a:gd name="T119" fmla="*/ 132 h 208"/>
              <a:gd name="T120" fmla="*/ 204 w 224"/>
              <a:gd name="T121" fmla="*/ 52 h 208"/>
              <a:gd name="T122" fmla="*/ 184 w 224"/>
              <a:gd name="T123" fmla="*/ 72 h 208"/>
              <a:gd name="T124" fmla="*/ 184 w 224"/>
              <a:gd name="T125" fmla="*/ 6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24" h="208">
                <a:moveTo>
                  <a:pt x="112" y="72"/>
                </a:moveTo>
                <a:cubicBezTo>
                  <a:pt x="123" y="72"/>
                  <a:pt x="132" y="63"/>
                  <a:pt x="132" y="52"/>
                </a:cubicBezTo>
                <a:cubicBezTo>
                  <a:pt x="132" y="41"/>
                  <a:pt x="123" y="32"/>
                  <a:pt x="112" y="32"/>
                </a:cubicBezTo>
                <a:cubicBezTo>
                  <a:pt x="101" y="32"/>
                  <a:pt x="92" y="41"/>
                  <a:pt x="92" y="52"/>
                </a:cubicBezTo>
                <a:cubicBezTo>
                  <a:pt x="92" y="63"/>
                  <a:pt x="101" y="72"/>
                  <a:pt x="112" y="72"/>
                </a:cubicBezTo>
                <a:close/>
                <a:moveTo>
                  <a:pt x="112" y="40"/>
                </a:moveTo>
                <a:cubicBezTo>
                  <a:pt x="119" y="40"/>
                  <a:pt x="124" y="45"/>
                  <a:pt x="124" y="52"/>
                </a:cubicBezTo>
                <a:cubicBezTo>
                  <a:pt x="124" y="59"/>
                  <a:pt x="119" y="64"/>
                  <a:pt x="112" y="64"/>
                </a:cubicBezTo>
                <a:cubicBezTo>
                  <a:pt x="105" y="64"/>
                  <a:pt x="100" y="59"/>
                  <a:pt x="100" y="52"/>
                </a:cubicBezTo>
                <a:cubicBezTo>
                  <a:pt x="100" y="45"/>
                  <a:pt x="105" y="40"/>
                  <a:pt x="112" y="40"/>
                </a:cubicBezTo>
                <a:close/>
                <a:moveTo>
                  <a:pt x="40" y="72"/>
                </a:moveTo>
                <a:cubicBezTo>
                  <a:pt x="51" y="72"/>
                  <a:pt x="60" y="63"/>
                  <a:pt x="60" y="52"/>
                </a:cubicBezTo>
                <a:cubicBezTo>
                  <a:pt x="60" y="41"/>
                  <a:pt x="51" y="32"/>
                  <a:pt x="40" y="32"/>
                </a:cubicBezTo>
                <a:cubicBezTo>
                  <a:pt x="29" y="32"/>
                  <a:pt x="20" y="41"/>
                  <a:pt x="20" y="52"/>
                </a:cubicBezTo>
                <a:cubicBezTo>
                  <a:pt x="20" y="63"/>
                  <a:pt x="29" y="72"/>
                  <a:pt x="40" y="72"/>
                </a:cubicBezTo>
                <a:close/>
                <a:moveTo>
                  <a:pt x="40" y="40"/>
                </a:moveTo>
                <a:cubicBezTo>
                  <a:pt x="47" y="40"/>
                  <a:pt x="52" y="45"/>
                  <a:pt x="52" y="52"/>
                </a:cubicBezTo>
                <a:cubicBezTo>
                  <a:pt x="52" y="59"/>
                  <a:pt x="47" y="64"/>
                  <a:pt x="40" y="64"/>
                </a:cubicBezTo>
                <a:cubicBezTo>
                  <a:pt x="33" y="64"/>
                  <a:pt x="28" y="59"/>
                  <a:pt x="28" y="52"/>
                </a:cubicBezTo>
                <a:cubicBezTo>
                  <a:pt x="28" y="45"/>
                  <a:pt x="33" y="40"/>
                  <a:pt x="40" y="40"/>
                </a:cubicBezTo>
                <a:close/>
                <a:moveTo>
                  <a:pt x="76" y="40"/>
                </a:moveTo>
                <a:cubicBezTo>
                  <a:pt x="87" y="40"/>
                  <a:pt x="96" y="31"/>
                  <a:pt x="96" y="20"/>
                </a:cubicBezTo>
                <a:cubicBezTo>
                  <a:pt x="96" y="9"/>
                  <a:pt x="87" y="0"/>
                  <a:pt x="76" y="0"/>
                </a:cubicBezTo>
                <a:cubicBezTo>
                  <a:pt x="65" y="0"/>
                  <a:pt x="56" y="9"/>
                  <a:pt x="56" y="20"/>
                </a:cubicBezTo>
                <a:cubicBezTo>
                  <a:pt x="56" y="31"/>
                  <a:pt x="65" y="40"/>
                  <a:pt x="76" y="40"/>
                </a:cubicBezTo>
                <a:close/>
                <a:moveTo>
                  <a:pt x="76" y="8"/>
                </a:moveTo>
                <a:cubicBezTo>
                  <a:pt x="83" y="8"/>
                  <a:pt x="88" y="13"/>
                  <a:pt x="88" y="20"/>
                </a:cubicBezTo>
                <a:cubicBezTo>
                  <a:pt x="88" y="27"/>
                  <a:pt x="83" y="32"/>
                  <a:pt x="76" y="32"/>
                </a:cubicBezTo>
                <a:cubicBezTo>
                  <a:pt x="69" y="32"/>
                  <a:pt x="64" y="27"/>
                  <a:pt x="64" y="20"/>
                </a:cubicBezTo>
                <a:cubicBezTo>
                  <a:pt x="64" y="13"/>
                  <a:pt x="69" y="8"/>
                  <a:pt x="76" y="8"/>
                </a:cubicBezTo>
                <a:close/>
                <a:moveTo>
                  <a:pt x="148" y="40"/>
                </a:moveTo>
                <a:cubicBezTo>
                  <a:pt x="159" y="40"/>
                  <a:pt x="168" y="31"/>
                  <a:pt x="168" y="20"/>
                </a:cubicBezTo>
                <a:cubicBezTo>
                  <a:pt x="168" y="9"/>
                  <a:pt x="159" y="0"/>
                  <a:pt x="148" y="0"/>
                </a:cubicBezTo>
                <a:cubicBezTo>
                  <a:pt x="137" y="0"/>
                  <a:pt x="128" y="9"/>
                  <a:pt x="128" y="20"/>
                </a:cubicBezTo>
                <a:cubicBezTo>
                  <a:pt x="128" y="31"/>
                  <a:pt x="137" y="40"/>
                  <a:pt x="148" y="40"/>
                </a:cubicBezTo>
                <a:close/>
                <a:moveTo>
                  <a:pt x="148" y="8"/>
                </a:moveTo>
                <a:cubicBezTo>
                  <a:pt x="155" y="8"/>
                  <a:pt x="160" y="13"/>
                  <a:pt x="160" y="20"/>
                </a:cubicBezTo>
                <a:cubicBezTo>
                  <a:pt x="160" y="27"/>
                  <a:pt x="155" y="32"/>
                  <a:pt x="148" y="32"/>
                </a:cubicBezTo>
                <a:cubicBezTo>
                  <a:pt x="141" y="32"/>
                  <a:pt x="136" y="27"/>
                  <a:pt x="136" y="20"/>
                </a:cubicBezTo>
                <a:cubicBezTo>
                  <a:pt x="136" y="13"/>
                  <a:pt x="141" y="8"/>
                  <a:pt x="148" y="8"/>
                </a:cubicBezTo>
                <a:close/>
                <a:moveTo>
                  <a:pt x="212" y="75"/>
                </a:moveTo>
                <a:cubicBezTo>
                  <a:pt x="211" y="75"/>
                  <a:pt x="211" y="75"/>
                  <a:pt x="211" y="75"/>
                </a:cubicBezTo>
                <a:cubicBezTo>
                  <a:pt x="201" y="72"/>
                  <a:pt x="201" y="72"/>
                  <a:pt x="201" y="72"/>
                </a:cubicBezTo>
                <a:cubicBezTo>
                  <a:pt x="200" y="72"/>
                  <a:pt x="198" y="72"/>
                  <a:pt x="197" y="73"/>
                </a:cubicBezTo>
                <a:cubicBezTo>
                  <a:pt x="184" y="86"/>
                  <a:pt x="184" y="86"/>
                  <a:pt x="184" y="86"/>
                </a:cubicBezTo>
                <a:cubicBezTo>
                  <a:pt x="171" y="73"/>
                  <a:pt x="171" y="73"/>
                  <a:pt x="171" y="73"/>
                </a:cubicBezTo>
                <a:cubicBezTo>
                  <a:pt x="170" y="72"/>
                  <a:pt x="168" y="72"/>
                  <a:pt x="167" y="72"/>
                </a:cubicBezTo>
                <a:cubicBezTo>
                  <a:pt x="157" y="75"/>
                  <a:pt x="157" y="75"/>
                  <a:pt x="157" y="75"/>
                </a:cubicBezTo>
                <a:cubicBezTo>
                  <a:pt x="156" y="75"/>
                  <a:pt x="156" y="75"/>
                  <a:pt x="156" y="75"/>
                </a:cubicBezTo>
                <a:cubicBezTo>
                  <a:pt x="153" y="76"/>
                  <a:pt x="150" y="78"/>
                  <a:pt x="148" y="81"/>
                </a:cubicBezTo>
                <a:cubicBezTo>
                  <a:pt x="146" y="78"/>
                  <a:pt x="143" y="76"/>
                  <a:pt x="140" y="75"/>
                </a:cubicBezTo>
                <a:cubicBezTo>
                  <a:pt x="139" y="75"/>
                  <a:pt x="139" y="75"/>
                  <a:pt x="139" y="75"/>
                </a:cubicBezTo>
                <a:cubicBezTo>
                  <a:pt x="129" y="72"/>
                  <a:pt x="129" y="72"/>
                  <a:pt x="129" y="72"/>
                </a:cubicBezTo>
                <a:cubicBezTo>
                  <a:pt x="128" y="72"/>
                  <a:pt x="126" y="72"/>
                  <a:pt x="125" y="73"/>
                </a:cubicBezTo>
                <a:cubicBezTo>
                  <a:pt x="112" y="86"/>
                  <a:pt x="112" y="86"/>
                  <a:pt x="112" y="86"/>
                </a:cubicBezTo>
                <a:cubicBezTo>
                  <a:pt x="99" y="73"/>
                  <a:pt x="99" y="73"/>
                  <a:pt x="99" y="73"/>
                </a:cubicBezTo>
                <a:cubicBezTo>
                  <a:pt x="98" y="72"/>
                  <a:pt x="96" y="72"/>
                  <a:pt x="95" y="72"/>
                </a:cubicBezTo>
                <a:cubicBezTo>
                  <a:pt x="85" y="75"/>
                  <a:pt x="85" y="75"/>
                  <a:pt x="85" y="75"/>
                </a:cubicBezTo>
                <a:cubicBezTo>
                  <a:pt x="84" y="75"/>
                  <a:pt x="84" y="75"/>
                  <a:pt x="84" y="75"/>
                </a:cubicBezTo>
                <a:cubicBezTo>
                  <a:pt x="81" y="76"/>
                  <a:pt x="78" y="78"/>
                  <a:pt x="76" y="81"/>
                </a:cubicBezTo>
                <a:cubicBezTo>
                  <a:pt x="74" y="78"/>
                  <a:pt x="71" y="76"/>
                  <a:pt x="68" y="75"/>
                </a:cubicBezTo>
                <a:cubicBezTo>
                  <a:pt x="67" y="75"/>
                  <a:pt x="67" y="75"/>
                  <a:pt x="67" y="75"/>
                </a:cubicBezTo>
                <a:cubicBezTo>
                  <a:pt x="57" y="72"/>
                  <a:pt x="57" y="72"/>
                  <a:pt x="57" y="72"/>
                </a:cubicBezTo>
                <a:cubicBezTo>
                  <a:pt x="56" y="72"/>
                  <a:pt x="54" y="72"/>
                  <a:pt x="53" y="73"/>
                </a:cubicBezTo>
                <a:cubicBezTo>
                  <a:pt x="40" y="86"/>
                  <a:pt x="40" y="86"/>
                  <a:pt x="40" y="86"/>
                </a:cubicBezTo>
                <a:cubicBezTo>
                  <a:pt x="27" y="73"/>
                  <a:pt x="27" y="73"/>
                  <a:pt x="27" y="73"/>
                </a:cubicBezTo>
                <a:cubicBezTo>
                  <a:pt x="26" y="72"/>
                  <a:pt x="24" y="72"/>
                  <a:pt x="23" y="72"/>
                </a:cubicBezTo>
                <a:cubicBezTo>
                  <a:pt x="13" y="75"/>
                  <a:pt x="13" y="75"/>
                  <a:pt x="13" y="75"/>
                </a:cubicBezTo>
                <a:cubicBezTo>
                  <a:pt x="12" y="75"/>
                  <a:pt x="12" y="75"/>
                  <a:pt x="12" y="75"/>
                </a:cubicBezTo>
                <a:cubicBezTo>
                  <a:pt x="5" y="77"/>
                  <a:pt x="0" y="84"/>
                  <a:pt x="0" y="92"/>
                </a:cubicBezTo>
                <a:cubicBezTo>
                  <a:pt x="0" y="132"/>
                  <a:pt x="0" y="132"/>
                  <a:pt x="0" y="132"/>
                </a:cubicBezTo>
                <a:cubicBezTo>
                  <a:pt x="0" y="142"/>
                  <a:pt x="7" y="150"/>
                  <a:pt x="16" y="152"/>
                </a:cubicBezTo>
                <a:cubicBezTo>
                  <a:pt x="16" y="204"/>
                  <a:pt x="16" y="204"/>
                  <a:pt x="16" y="204"/>
                </a:cubicBezTo>
                <a:cubicBezTo>
                  <a:pt x="16" y="205"/>
                  <a:pt x="16" y="206"/>
                  <a:pt x="17" y="207"/>
                </a:cubicBezTo>
                <a:cubicBezTo>
                  <a:pt x="18" y="208"/>
                  <a:pt x="19" y="208"/>
                  <a:pt x="20" y="208"/>
                </a:cubicBezTo>
                <a:cubicBezTo>
                  <a:pt x="60" y="208"/>
                  <a:pt x="60" y="208"/>
                  <a:pt x="60" y="208"/>
                </a:cubicBezTo>
                <a:cubicBezTo>
                  <a:pt x="61" y="208"/>
                  <a:pt x="62" y="208"/>
                  <a:pt x="63" y="207"/>
                </a:cubicBezTo>
                <a:cubicBezTo>
                  <a:pt x="64" y="206"/>
                  <a:pt x="64" y="205"/>
                  <a:pt x="64" y="204"/>
                </a:cubicBezTo>
                <a:cubicBezTo>
                  <a:pt x="64" y="152"/>
                  <a:pt x="64" y="152"/>
                  <a:pt x="64" y="152"/>
                </a:cubicBezTo>
                <a:cubicBezTo>
                  <a:pt x="69" y="151"/>
                  <a:pt x="73" y="148"/>
                  <a:pt x="76" y="144"/>
                </a:cubicBezTo>
                <a:cubicBezTo>
                  <a:pt x="79" y="148"/>
                  <a:pt x="83" y="151"/>
                  <a:pt x="88" y="152"/>
                </a:cubicBezTo>
                <a:cubicBezTo>
                  <a:pt x="88" y="204"/>
                  <a:pt x="88" y="204"/>
                  <a:pt x="88" y="204"/>
                </a:cubicBezTo>
                <a:cubicBezTo>
                  <a:pt x="88" y="205"/>
                  <a:pt x="88" y="206"/>
                  <a:pt x="89" y="207"/>
                </a:cubicBezTo>
                <a:cubicBezTo>
                  <a:pt x="90" y="208"/>
                  <a:pt x="91" y="208"/>
                  <a:pt x="92" y="208"/>
                </a:cubicBezTo>
                <a:cubicBezTo>
                  <a:pt x="132" y="208"/>
                  <a:pt x="132" y="208"/>
                  <a:pt x="132" y="208"/>
                </a:cubicBezTo>
                <a:cubicBezTo>
                  <a:pt x="133" y="208"/>
                  <a:pt x="134" y="208"/>
                  <a:pt x="135" y="207"/>
                </a:cubicBezTo>
                <a:cubicBezTo>
                  <a:pt x="136" y="206"/>
                  <a:pt x="136" y="205"/>
                  <a:pt x="136" y="204"/>
                </a:cubicBezTo>
                <a:cubicBezTo>
                  <a:pt x="136" y="152"/>
                  <a:pt x="136" y="152"/>
                  <a:pt x="136" y="152"/>
                </a:cubicBezTo>
                <a:cubicBezTo>
                  <a:pt x="141" y="151"/>
                  <a:pt x="145" y="148"/>
                  <a:pt x="148" y="144"/>
                </a:cubicBezTo>
                <a:cubicBezTo>
                  <a:pt x="151" y="148"/>
                  <a:pt x="155" y="151"/>
                  <a:pt x="160" y="152"/>
                </a:cubicBezTo>
                <a:cubicBezTo>
                  <a:pt x="160" y="204"/>
                  <a:pt x="160" y="204"/>
                  <a:pt x="160" y="204"/>
                </a:cubicBezTo>
                <a:cubicBezTo>
                  <a:pt x="160" y="205"/>
                  <a:pt x="160" y="206"/>
                  <a:pt x="161" y="207"/>
                </a:cubicBezTo>
                <a:cubicBezTo>
                  <a:pt x="162" y="208"/>
                  <a:pt x="163" y="208"/>
                  <a:pt x="164" y="208"/>
                </a:cubicBezTo>
                <a:cubicBezTo>
                  <a:pt x="204" y="208"/>
                  <a:pt x="204" y="208"/>
                  <a:pt x="204" y="208"/>
                </a:cubicBezTo>
                <a:cubicBezTo>
                  <a:pt x="205" y="208"/>
                  <a:pt x="206" y="208"/>
                  <a:pt x="207" y="207"/>
                </a:cubicBezTo>
                <a:cubicBezTo>
                  <a:pt x="208" y="206"/>
                  <a:pt x="208" y="205"/>
                  <a:pt x="208" y="204"/>
                </a:cubicBezTo>
                <a:cubicBezTo>
                  <a:pt x="208" y="152"/>
                  <a:pt x="208" y="152"/>
                  <a:pt x="208" y="152"/>
                </a:cubicBezTo>
                <a:cubicBezTo>
                  <a:pt x="217" y="150"/>
                  <a:pt x="224" y="142"/>
                  <a:pt x="224" y="132"/>
                </a:cubicBezTo>
                <a:cubicBezTo>
                  <a:pt x="224" y="92"/>
                  <a:pt x="224" y="92"/>
                  <a:pt x="224" y="92"/>
                </a:cubicBezTo>
                <a:cubicBezTo>
                  <a:pt x="224" y="84"/>
                  <a:pt x="219" y="77"/>
                  <a:pt x="212" y="75"/>
                </a:cubicBezTo>
                <a:close/>
                <a:moveTo>
                  <a:pt x="72" y="132"/>
                </a:moveTo>
                <a:cubicBezTo>
                  <a:pt x="72" y="137"/>
                  <a:pt x="69" y="142"/>
                  <a:pt x="64" y="143"/>
                </a:cubicBezTo>
                <a:cubicBezTo>
                  <a:pt x="64" y="100"/>
                  <a:pt x="64" y="100"/>
                  <a:pt x="64" y="100"/>
                </a:cubicBezTo>
                <a:cubicBezTo>
                  <a:pt x="64" y="98"/>
                  <a:pt x="62" y="96"/>
                  <a:pt x="60" y="96"/>
                </a:cubicBezTo>
                <a:cubicBezTo>
                  <a:pt x="58" y="96"/>
                  <a:pt x="56" y="98"/>
                  <a:pt x="56" y="100"/>
                </a:cubicBezTo>
                <a:cubicBezTo>
                  <a:pt x="56" y="200"/>
                  <a:pt x="56" y="200"/>
                  <a:pt x="56" y="200"/>
                </a:cubicBezTo>
                <a:cubicBezTo>
                  <a:pt x="44" y="200"/>
                  <a:pt x="44" y="200"/>
                  <a:pt x="44" y="200"/>
                </a:cubicBezTo>
                <a:cubicBezTo>
                  <a:pt x="44" y="140"/>
                  <a:pt x="44" y="140"/>
                  <a:pt x="44" y="140"/>
                </a:cubicBezTo>
                <a:cubicBezTo>
                  <a:pt x="44" y="138"/>
                  <a:pt x="42" y="136"/>
                  <a:pt x="40" y="136"/>
                </a:cubicBezTo>
                <a:cubicBezTo>
                  <a:pt x="38" y="136"/>
                  <a:pt x="36" y="138"/>
                  <a:pt x="36" y="140"/>
                </a:cubicBezTo>
                <a:cubicBezTo>
                  <a:pt x="36" y="200"/>
                  <a:pt x="36" y="200"/>
                  <a:pt x="36" y="200"/>
                </a:cubicBezTo>
                <a:cubicBezTo>
                  <a:pt x="24" y="200"/>
                  <a:pt x="24" y="200"/>
                  <a:pt x="24" y="200"/>
                </a:cubicBezTo>
                <a:cubicBezTo>
                  <a:pt x="24" y="100"/>
                  <a:pt x="24" y="100"/>
                  <a:pt x="24" y="100"/>
                </a:cubicBezTo>
                <a:cubicBezTo>
                  <a:pt x="24" y="98"/>
                  <a:pt x="22" y="96"/>
                  <a:pt x="20" y="96"/>
                </a:cubicBezTo>
                <a:cubicBezTo>
                  <a:pt x="18" y="96"/>
                  <a:pt x="16" y="98"/>
                  <a:pt x="16" y="100"/>
                </a:cubicBezTo>
                <a:cubicBezTo>
                  <a:pt x="16" y="143"/>
                  <a:pt x="16" y="143"/>
                  <a:pt x="16" y="143"/>
                </a:cubicBezTo>
                <a:cubicBezTo>
                  <a:pt x="11" y="142"/>
                  <a:pt x="8" y="137"/>
                  <a:pt x="8" y="132"/>
                </a:cubicBezTo>
                <a:cubicBezTo>
                  <a:pt x="8" y="92"/>
                  <a:pt x="8" y="92"/>
                  <a:pt x="8" y="92"/>
                </a:cubicBezTo>
                <a:cubicBezTo>
                  <a:pt x="8" y="88"/>
                  <a:pt x="11" y="84"/>
                  <a:pt x="15" y="82"/>
                </a:cubicBezTo>
                <a:cubicBezTo>
                  <a:pt x="23" y="80"/>
                  <a:pt x="23" y="80"/>
                  <a:pt x="23" y="80"/>
                </a:cubicBezTo>
                <a:cubicBezTo>
                  <a:pt x="37" y="95"/>
                  <a:pt x="37" y="95"/>
                  <a:pt x="37" y="95"/>
                </a:cubicBezTo>
                <a:cubicBezTo>
                  <a:pt x="38" y="96"/>
                  <a:pt x="39" y="96"/>
                  <a:pt x="40" y="96"/>
                </a:cubicBezTo>
                <a:cubicBezTo>
                  <a:pt x="41" y="96"/>
                  <a:pt x="42" y="96"/>
                  <a:pt x="43" y="95"/>
                </a:cubicBezTo>
                <a:cubicBezTo>
                  <a:pt x="57" y="80"/>
                  <a:pt x="57" y="80"/>
                  <a:pt x="57" y="80"/>
                </a:cubicBezTo>
                <a:cubicBezTo>
                  <a:pt x="65" y="82"/>
                  <a:pt x="65" y="82"/>
                  <a:pt x="65" y="82"/>
                </a:cubicBezTo>
                <a:cubicBezTo>
                  <a:pt x="69" y="84"/>
                  <a:pt x="72" y="88"/>
                  <a:pt x="72" y="92"/>
                </a:cubicBezTo>
                <a:lnTo>
                  <a:pt x="72" y="132"/>
                </a:lnTo>
                <a:close/>
                <a:moveTo>
                  <a:pt x="144" y="132"/>
                </a:moveTo>
                <a:cubicBezTo>
                  <a:pt x="144" y="137"/>
                  <a:pt x="141" y="142"/>
                  <a:pt x="136" y="143"/>
                </a:cubicBezTo>
                <a:cubicBezTo>
                  <a:pt x="136" y="100"/>
                  <a:pt x="136" y="100"/>
                  <a:pt x="136" y="100"/>
                </a:cubicBezTo>
                <a:cubicBezTo>
                  <a:pt x="136" y="98"/>
                  <a:pt x="134" y="96"/>
                  <a:pt x="132" y="96"/>
                </a:cubicBezTo>
                <a:cubicBezTo>
                  <a:pt x="130" y="96"/>
                  <a:pt x="128" y="98"/>
                  <a:pt x="128" y="100"/>
                </a:cubicBezTo>
                <a:cubicBezTo>
                  <a:pt x="128" y="200"/>
                  <a:pt x="128" y="200"/>
                  <a:pt x="128" y="200"/>
                </a:cubicBezTo>
                <a:cubicBezTo>
                  <a:pt x="116" y="200"/>
                  <a:pt x="116" y="200"/>
                  <a:pt x="116" y="200"/>
                </a:cubicBezTo>
                <a:cubicBezTo>
                  <a:pt x="116" y="140"/>
                  <a:pt x="116" y="140"/>
                  <a:pt x="116" y="140"/>
                </a:cubicBezTo>
                <a:cubicBezTo>
                  <a:pt x="116" y="138"/>
                  <a:pt x="114" y="136"/>
                  <a:pt x="112" y="136"/>
                </a:cubicBezTo>
                <a:cubicBezTo>
                  <a:pt x="110" y="136"/>
                  <a:pt x="108" y="138"/>
                  <a:pt x="108" y="140"/>
                </a:cubicBezTo>
                <a:cubicBezTo>
                  <a:pt x="108" y="200"/>
                  <a:pt x="108" y="200"/>
                  <a:pt x="108" y="200"/>
                </a:cubicBezTo>
                <a:cubicBezTo>
                  <a:pt x="96" y="200"/>
                  <a:pt x="96" y="200"/>
                  <a:pt x="96" y="200"/>
                </a:cubicBezTo>
                <a:cubicBezTo>
                  <a:pt x="96" y="100"/>
                  <a:pt x="96" y="100"/>
                  <a:pt x="96" y="100"/>
                </a:cubicBezTo>
                <a:cubicBezTo>
                  <a:pt x="96" y="98"/>
                  <a:pt x="94" y="96"/>
                  <a:pt x="92" y="96"/>
                </a:cubicBezTo>
                <a:cubicBezTo>
                  <a:pt x="90" y="96"/>
                  <a:pt x="88" y="98"/>
                  <a:pt x="88" y="100"/>
                </a:cubicBezTo>
                <a:cubicBezTo>
                  <a:pt x="88" y="143"/>
                  <a:pt x="88" y="143"/>
                  <a:pt x="88" y="143"/>
                </a:cubicBezTo>
                <a:cubicBezTo>
                  <a:pt x="83" y="142"/>
                  <a:pt x="80" y="137"/>
                  <a:pt x="80" y="132"/>
                </a:cubicBezTo>
                <a:cubicBezTo>
                  <a:pt x="80" y="92"/>
                  <a:pt x="80" y="92"/>
                  <a:pt x="80" y="92"/>
                </a:cubicBezTo>
                <a:cubicBezTo>
                  <a:pt x="80" y="88"/>
                  <a:pt x="83" y="84"/>
                  <a:pt x="87" y="82"/>
                </a:cubicBezTo>
                <a:cubicBezTo>
                  <a:pt x="95" y="80"/>
                  <a:pt x="95" y="80"/>
                  <a:pt x="95" y="80"/>
                </a:cubicBezTo>
                <a:cubicBezTo>
                  <a:pt x="109" y="95"/>
                  <a:pt x="109" y="95"/>
                  <a:pt x="109" y="95"/>
                </a:cubicBezTo>
                <a:cubicBezTo>
                  <a:pt x="110" y="96"/>
                  <a:pt x="111" y="96"/>
                  <a:pt x="112" y="96"/>
                </a:cubicBezTo>
                <a:cubicBezTo>
                  <a:pt x="113" y="96"/>
                  <a:pt x="114" y="96"/>
                  <a:pt x="115" y="95"/>
                </a:cubicBezTo>
                <a:cubicBezTo>
                  <a:pt x="129" y="80"/>
                  <a:pt x="129" y="80"/>
                  <a:pt x="129" y="80"/>
                </a:cubicBezTo>
                <a:cubicBezTo>
                  <a:pt x="137" y="82"/>
                  <a:pt x="137" y="82"/>
                  <a:pt x="137" y="82"/>
                </a:cubicBezTo>
                <a:cubicBezTo>
                  <a:pt x="141" y="84"/>
                  <a:pt x="144" y="88"/>
                  <a:pt x="144" y="92"/>
                </a:cubicBezTo>
                <a:lnTo>
                  <a:pt x="144" y="132"/>
                </a:lnTo>
                <a:close/>
                <a:moveTo>
                  <a:pt x="208" y="143"/>
                </a:moveTo>
                <a:cubicBezTo>
                  <a:pt x="208" y="100"/>
                  <a:pt x="208" y="100"/>
                  <a:pt x="208" y="100"/>
                </a:cubicBezTo>
                <a:cubicBezTo>
                  <a:pt x="208" y="98"/>
                  <a:pt x="206" y="96"/>
                  <a:pt x="204" y="96"/>
                </a:cubicBezTo>
                <a:cubicBezTo>
                  <a:pt x="202" y="96"/>
                  <a:pt x="200" y="98"/>
                  <a:pt x="200" y="100"/>
                </a:cubicBezTo>
                <a:cubicBezTo>
                  <a:pt x="200" y="200"/>
                  <a:pt x="200" y="200"/>
                  <a:pt x="200" y="200"/>
                </a:cubicBezTo>
                <a:cubicBezTo>
                  <a:pt x="188" y="200"/>
                  <a:pt x="188" y="200"/>
                  <a:pt x="188" y="200"/>
                </a:cubicBezTo>
                <a:cubicBezTo>
                  <a:pt x="188" y="140"/>
                  <a:pt x="188" y="140"/>
                  <a:pt x="188" y="140"/>
                </a:cubicBezTo>
                <a:cubicBezTo>
                  <a:pt x="188" y="138"/>
                  <a:pt x="186" y="136"/>
                  <a:pt x="184" y="136"/>
                </a:cubicBezTo>
                <a:cubicBezTo>
                  <a:pt x="182" y="136"/>
                  <a:pt x="180" y="138"/>
                  <a:pt x="180" y="140"/>
                </a:cubicBezTo>
                <a:cubicBezTo>
                  <a:pt x="180" y="200"/>
                  <a:pt x="180" y="200"/>
                  <a:pt x="180" y="200"/>
                </a:cubicBezTo>
                <a:cubicBezTo>
                  <a:pt x="168" y="200"/>
                  <a:pt x="168" y="200"/>
                  <a:pt x="168" y="200"/>
                </a:cubicBezTo>
                <a:cubicBezTo>
                  <a:pt x="168" y="100"/>
                  <a:pt x="168" y="100"/>
                  <a:pt x="168" y="100"/>
                </a:cubicBezTo>
                <a:cubicBezTo>
                  <a:pt x="168" y="98"/>
                  <a:pt x="166" y="96"/>
                  <a:pt x="164" y="96"/>
                </a:cubicBezTo>
                <a:cubicBezTo>
                  <a:pt x="162" y="96"/>
                  <a:pt x="160" y="98"/>
                  <a:pt x="160" y="100"/>
                </a:cubicBezTo>
                <a:cubicBezTo>
                  <a:pt x="160" y="143"/>
                  <a:pt x="160" y="143"/>
                  <a:pt x="160" y="143"/>
                </a:cubicBezTo>
                <a:cubicBezTo>
                  <a:pt x="155" y="142"/>
                  <a:pt x="152" y="137"/>
                  <a:pt x="152" y="132"/>
                </a:cubicBezTo>
                <a:cubicBezTo>
                  <a:pt x="152" y="92"/>
                  <a:pt x="152" y="92"/>
                  <a:pt x="152" y="92"/>
                </a:cubicBezTo>
                <a:cubicBezTo>
                  <a:pt x="152" y="88"/>
                  <a:pt x="155" y="84"/>
                  <a:pt x="159" y="82"/>
                </a:cubicBezTo>
                <a:cubicBezTo>
                  <a:pt x="167" y="80"/>
                  <a:pt x="167" y="80"/>
                  <a:pt x="167" y="80"/>
                </a:cubicBezTo>
                <a:cubicBezTo>
                  <a:pt x="181" y="95"/>
                  <a:pt x="181" y="95"/>
                  <a:pt x="181" y="95"/>
                </a:cubicBezTo>
                <a:cubicBezTo>
                  <a:pt x="182" y="96"/>
                  <a:pt x="183" y="96"/>
                  <a:pt x="184" y="96"/>
                </a:cubicBezTo>
                <a:cubicBezTo>
                  <a:pt x="185" y="96"/>
                  <a:pt x="186" y="96"/>
                  <a:pt x="187" y="95"/>
                </a:cubicBezTo>
                <a:cubicBezTo>
                  <a:pt x="201" y="80"/>
                  <a:pt x="201" y="80"/>
                  <a:pt x="201" y="80"/>
                </a:cubicBezTo>
                <a:cubicBezTo>
                  <a:pt x="209" y="82"/>
                  <a:pt x="209" y="82"/>
                  <a:pt x="209" y="82"/>
                </a:cubicBezTo>
                <a:cubicBezTo>
                  <a:pt x="213" y="84"/>
                  <a:pt x="216" y="88"/>
                  <a:pt x="216" y="92"/>
                </a:cubicBezTo>
                <a:cubicBezTo>
                  <a:pt x="216" y="132"/>
                  <a:pt x="216" y="132"/>
                  <a:pt x="216" y="132"/>
                </a:cubicBezTo>
                <a:cubicBezTo>
                  <a:pt x="216" y="137"/>
                  <a:pt x="213" y="142"/>
                  <a:pt x="208" y="143"/>
                </a:cubicBezTo>
                <a:close/>
                <a:moveTo>
                  <a:pt x="184" y="72"/>
                </a:moveTo>
                <a:cubicBezTo>
                  <a:pt x="195" y="72"/>
                  <a:pt x="204" y="63"/>
                  <a:pt x="204" y="52"/>
                </a:cubicBezTo>
                <a:cubicBezTo>
                  <a:pt x="204" y="41"/>
                  <a:pt x="195" y="32"/>
                  <a:pt x="184" y="32"/>
                </a:cubicBezTo>
                <a:cubicBezTo>
                  <a:pt x="173" y="32"/>
                  <a:pt x="164" y="41"/>
                  <a:pt x="164" y="52"/>
                </a:cubicBezTo>
                <a:cubicBezTo>
                  <a:pt x="164" y="63"/>
                  <a:pt x="173" y="72"/>
                  <a:pt x="184" y="72"/>
                </a:cubicBezTo>
                <a:close/>
                <a:moveTo>
                  <a:pt x="184" y="40"/>
                </a:moveTo>
                <a:cubicBezTo>
                  <a:pt x="191" y="40"/>
                  <a:pt x="196" y="45"/>
                  <a:pt x="196" y="52"/>
                </a:cubicBezTo>
                <a:cubicBezTo>
                  <a:pt x="196" y="59"/>
                  <a:pt x="191" y="64"/>
                  <a:pt x="184" y="64"/>
                </a:cubicBezTo>
                <a:cubicBezTo>
                  <a:pt x="177" y="64"/>
                  <a:pt x="172" y="59"/>
                  <a:pt x="172" y="52"/>
                </a:cubicBezTo>
                <a:cubicBezTo>
                  <a:pt x="172" y="45"/>
                  <a:pt x="177" y="40"/>
                  <a:pt x="184" y="40"/>
                </a:cubicBezTo>
                <a:close/>
              </a:path>
            </a:pathLst>
          </a:custGeom>
          <a:solidFill>
            <a:srgbClr val="EE2F66"/>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3" name="Rektangel: afrundede hjørner 5">
            <a:extLst>
              <a:ext uri="{FF2B5EF4-FFF2-40B4-BE49-F238E27FC236}">
                <a16:creationId xmlns:a16="http://schemas.microsoft.com/office/drawing/2014/main" id="{B7947695-5351-239C-70F6-153E12CFDA6A}"/>
              </a:ext>
            </a:extLst>
          </p:cNvPr>
          <p:cNvSpPr>
            <a:spLocks/>
          </p:cNvSpPr>
          <p:nvPr/>
        </p:nvSpPr>
        <p:spPr>
          <a:xfrm>
            <a:off x="8079609" y="2567649"/>
            <a:ext cx="3453259" cy="540000"/>
          </a:xfrm>
          <a:prstGeom prst="roundRect">
            <a:avLst>
              <a:gd name="adj" fmla="val 7407"/>
            </a:avLst>
          </a:prstGeom>
          <a:solidFill>
            <a:srgbClr val="F3D3DC">
              <a:alpha val="50000"/>
            </a:srgbClr>
          </a:solidFill>
          <a:ln w="12700">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dirty="0">
                <a:solidFill>
                  <a:srgbClr val="EE2F66"/>
                </a:solidFill>
              </a:rPr>
              <a:t>3.1 Strategiske alliancer med europæiske lande</a:t>
            </a:r>
          </a:p>
        </p:txBody>
      </p:sp>
      <p:sp>
        <p:nvSpPr>
          <p:cNvPr id="14" name="Rektangel: afrundede hjørner 6">
            <a:extLst>
              <a:ext uri="{FF2B5EF4-FFF2-40B4-BE49-F238E27FC236}">
                <a16:creationId xmlns:a16="http://schemas.microsoft.com/office/drawing/2014/main" id="{F306CDDC-94A7-72E7-3727-BB359D819F0F}"/>
              </a:ext>
            </a:extLst>
          </p:cNvPr>
          <p:cNvSpPr>
            <a:spLocks/>
          </p:cNvSpPr>
          <p:nvPr/>
        </p:nvSpPr>
        <p:spPr>
          <a:xfrm>
            <a:off x="8079979" y="3191856"/>
            <a:ext cx="3453259" cy="540000"/>
          </a:xfrm>
          <a:prstGeom prst="roundRect">
            <a:avLst>
              <a:gd name="adj" fmla="val 7407"/>
            </a:avLst>
          </a:prstGeom>
          <a:solidFill>
            <a:srgbClr val="F3D3DC">
              <a:alpha val="50000"/>
            </a:srgbClr>
          </a:solidFill>
          <a:ln w="12700">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dirty="0">
                <a:solidFill>
                  <a:srgbClr val="EE2F66"/>
                </a:solidFill>
              </a:rPr>
              <a:t>3.2 Stærkere vidensgrundlag om digitalt suveræne løsninger</a:t>
            </a:r>
          </a:p>
        </p:txBody>
      </p:sp>
      <p:sp>
        <p:nvSpPr>
          <p:cNvPr id="15" name="Rektangel: afrundede hjørner 5">
            <a:extLst>
              <a:ext uri="{FF2B5EF4-FFF2-40B4-BE49-F238E27FC236}">
                <a16:creationId xmlns:a16="http://schemas.microsoft.com/office/drawing/2014/main" id="{251C1A4B-87A4-1195-78ED-0C93DCC45F0F}"/>
              </a:ext>
            </a:extLst>
          </p:cNvPr>
          <p:cNvSpPr>
            <a:spLocks/>
          </p:cNvSpPr>
          <p:nvPr/>
        </p:nvSpPr>
        <p:spPr>
          <a:xfrm>
            <a:off x="8079978" y="3816063"/>
            <a:ext cx="3453259" cy="540000"/>
          </a:xfrm>
          <a:prstGeom prst="roundRect">
            <a:avLst>
              <a:gd name="adj" fmla="val 7407"/>
            </a:avLst>
          </a:prstGeom>
          <a:solidFill>
            <a:srgbClr val="F3D3DC">
              <a:alpha val="50000"/>
            </a:srgbClr>
          </a:solidFill>
          <a:ln w="12700">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a:solidFill>
                  <a:srgbClr val="EE2F66"/>
                </a:solidFill>
              </a:rPr>
              <a:t>3.3 Strategisk indkøbspulje til udviklingsprojekter</a:t>
            </a:r>
          </a:p>
        </p:txBody>
      </p:sp>
      <p:sp>
        <p:nvSpPr>
          <p:cNvPr id="16" name="Rektangel: afrundede hjørner 6">
            <a:extLst>
              <a:ext uri="{FF2B5EF4-FFF2-40B4-BE49-F238E27FC236}">
                <a16:creationId xmlns:a16="http://schemas.microsoft.com/office/drawing/2014/main" id="{930F1B00-3CBC-7797-1063-986A641F7F13}"/>
              </a:ext>
            </a:extLst>
          </p:cNvPr>
          <p:cNvSpPr>
            <a:spLocks/>
          </p:cNvSpPr>
          <p:nvPr/>
        </p:nvSpPr>
        <p:spPr>
          <a:xfrm>
            <a:off x="8079979" y="4440270"/>
            <a:ext cx="3453259" cy="540000"/>
          </a:xfrm>
          <a:prstGeom prst="roundRect">
            <a:avLst>
              <a:gd name="adj" fmla="val 7407"/>
            </a:avLst>
          </a:prstGeom>
          <a:solidFill>
            <a:srgbClr val="F3D3DC">
              <a:alpha val="50000"/>
            </a:srgbClr>
          </a:solidFill>
          <a:ln w="12700">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dirty="0">
                <a:solidFill>
                  <a:srgbClr val="EE2F66"/>
                </a:solidFill>
              </a:rPr>
              <a:t>3.4 Lokal transformationsenhed for digital suverænitet</a:t>
            </a:r>
          </a:p>
        </p:txBody>
      </p:sp>
      <p:sp>
        <p:nvSpPr>
          <p:cNvPr id="21" name="Rektangel: afrundede hjørner 6">
            <a:extLst>
              <a:ext uri="{FF2B5EF4-FFF2-40B4-BE49-F238E27FC236}">
                <a16:creationId xmlns:a16="http://schemas.microsoft.com/office/drawing/2014/main" id="{7D450156-D4BD-713A-DCA8-2B122EF65D4D}"/>
              </a:ext>
            </a:extLst>
          </p:cNvPr>
          <p:cNvSpPr>
            <a:spLocks/>
          </p:cNvSpPr>
          <p:nvPr/>
        </p:nvSpPr>
        <p:spPr>
          <a:xfrm>
            <a:off x="8079609" y="5064477"/>
            <a:ext cx="3453259" cy="540000"/>
          </a:xfrm>
          <a:prstGeom prst="roundRect">
            <a:avLst>
              <a:gd name="adj" fmla="val 7407"/>
            </a:avLst>
          </a:prstGeom>
          <a:solidFill>
            <a:srgbClr val="F3D3DC">
              <a:alpha val="50000"/>
            </a:srgbClr>
          </a:solidFill>
          <a:ln w="12700">
            <a:solidFill>
              <a:srgbClr val="EE2F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200" b="1" noProof="0" dirty="0">
                <a:solidFill>
                  <a:srgbClr val="EE2F66"/>
                </a:solidFill>
              </a:rPr>
              <a:t>3.5 Nationalt center for digital suverænitet og innovation</a:t>
            </a:r>
          </a:p>
        </p:txBody>
      </p:sp>
    </p:spTree>
    <p:extLst>
      <p:ext uri="{BB962C8B-B14F-4D97-AF65-F5344CB8AC3E}">
        <p14:creationId xmlns:p14="http://schemas.microsoft.com/office/powerpoint/2010/main" val="20380360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Placeholder 2">
            <a:extLst>
              <a:ext uri="{FF2B5EF4-FFF2-40B4-BE49-F238E27FC236}">
                <a16:creationId xmlns:a16="http://schemas.microsoft.com/office/drawing/2014/main" id="{D7A459D4-2F21-4CCB-ACEA-CF177DC2D61F}"/>
              </a:ext>
              <a:ext uri="{C183D7F6-B498-43B3-948B-1728B52AA6E4}">
                <adec:decorative xmlns:adec="http://schemas.microsoft.com/office/drawing/2017/decorative" val="1"/>
              </a:ext>
            </a:extLst>
          </p:cNvPr>
          <p:cNvPicPr>
            <a:picLocks noGrp="1" noChangeAspect="1"/>
          </p:cNvPicPr>
          <p:nvPr>
            <p:ph type="pic" sz="quarter" idx="24"/>
          </p:nvPr>
        </p:nvPicPr>
        <p:blipFill>
          <a:blip r:embed="rId4" cstate="print">
            <a:extLst>
              <a:ext uri="{28A0092B-C50C-407E-A947-70E740481C1C}">
                <a14:useLocalDpi xmlns:a14="http://schemas.microsoft.com/office/drawing/2010/main" val="0"/>
              </a:ext>
            </a:extLst>
          </a:blip>
          <a:srcRect l="38943" r="38943"/>
          <a:stretch/>
        </p:blipFill>
        <p:spPr>
          <a:xfrm>
            <a:off x="9913938" y="0"/>
            <a:ext cx="2281237" cy="6859588"/>
          </a:xfrm>
        </p:spPr>
      </p:pic>
      <p:sp>
        <p:nvSpPr>
          <p:cNvPr id="2" name="Title 4">
            <a:extLst>
              <a:ext uri="{FF2B5EF4-FFF2-40B4-BE49-F238E27FC236}">
                <a16:creationId xmlns:a16="http://schemas.microsoft.com/office/drawing/2014/main" id="{32FE7EA1-FCE6-95CD-6C25-F6BAE7C0096E}"/>
              </a:ext>
            </a:extLst>
          </p:cNvPr>
          <p:cNvSpPr>
            <a:spLocks noGrp="1"/>
          </p:cNvSpPr>
          <p:nvPr>
            <p:ph type="title"/>
          </p:nvPr>
        </p:nvSpPr>
        <p:spPr>
          <a:xfrm>
            <a:off x="554355" y="512763"/>
            <a:ext cx="9215120" cy="792465"/>
          </a:xfrm>
        </p:spPr>
        <p:txBody>
          <a:bodyPr/>
          <a:lstStyle/>
          <a:p>
            <a:r>
              <a:rPr lang="da-DK" sz="2400" noProof="0" dirty="0"/>
              <a:t>Resumé</a:t>
            </a:r>
          </a:p>
        </p:txBody>
      </p:sp>
      <p:sp>
        <p:nvSpPr>
          <p:cNvPr id="48" name="Content Placeholder 5">
            <a:extLst>
              <a:ext uri="{FF2B5EF4-FFF2-40B4-BE49-F238E27FC236}">
                <a16:creationId xmlns:a16="http://schemas.microsoft.com/office/drawing/2014/main" id="{E7C55909-8024-5B96-01EF-D58C83ED906D}"/>
              </a:ext>
            </a:extLst>
          </p:cNvPr>
          <p:cNvSpPr>
            <a:spLocks noGrp="1"/>
          </p:cNvSpPr>
          <p:nvPr>
            <p:ph idx="1"/>
          </p:nvPr>
        </p:nvSpPr>
        <p:spPr>
          <a:xfrm>
            <a:off x="556261" y="1507396"/>
            <a:ext cx="3020660" cy="5111801"/>
          </a:xfrm>
        </p:spPr>
        <p:txBody>
          <a:bodyPr/>
          <a:lstStyle/>
          <a:p>
            <a:pPr>
              <a:spcAft>
                <a:spcPts val="300"/>
              </a:spcAft>
            </a:pPr>
            <a:r>
              <a:rPr lang="da-DK" sz="1050" noProof="0" dirty="0">
                <a:solidFill>
                  <a:schemeClr val="accent2"/>
                </a:solidFill>
                <a:latin typeface="+mj-lt"/>
              </a:rPr>
              <a:t>Baggrund og formål</a:t>
            </a:r>
          </a:p>
          <a:p>
            <a:pPr>
              <a:spcAft>
                <a:spcPts val="300"/>
              </a:spcAft>
            </a:pPr>
            <a:r>
              <a:rPr lang="da-DK" sz="1050" b="0" noProof="0" dirty="0">
                <a:latin typeface="+mj-lt"/>
              </a:rPr>
              <a:t>PA Consulting har i perioden oktober 2025 – januar 2026 gennemført en analyse af digital suverænitet for Digitaliseringsministeriet, Digitaliseringsstyrelsen, KL og Danske Regioner. Analysen udspringer af initiativ 12 i den fællesoffentlige digitaliseringsstrategi 2026-29 og har til formål at afdække myndigheders erfaringer med migrering til alternative teknologier.</a:t>
            </a:r>
            <a:endParaRPr lang="da-DK" sz="1050" b="0" noProof="0" dirty="0">
              <a:solidFill>
                <a:schemeClr val="tx1"/>
              </a:solidFill>
              <a:latin typeface="+mj-lt"/>
            </a:endParaRPr>
          </a:p>
          <a:p>
            <a:pPr>
              <a:spcAft>
                <a:spcPts val="300"/>
              </a:spcAft>
            </a:pPr>
            <a:r>
              <a:rPr lang="da-DK" sz="1050" noProof="0" dirty="0">
                <a:solidFill>
                  <a:schemeClr val="accent2"/>
                </a:solidFill>
                <a:latin typeface="+mj-lt"/>
              </a:rPr>
              <a:t>Tilgang og metode</a:t>
            </a:r>
          </a:p>
          <a:p>
            <a:pPr fontAlgn="t">
              <a:spcAft>
                <a:spcPts val="300"/>
              </a:spcAft>
            </a:pPr>
            <a:r>
              <a:rPr lang="da-DK" sz="1050" b="0" noProof="0" dirty="0">
                <a:latin typeface="+mj-lt"/>
              </a:rPr>
              <a:t>Analysen bygger på </a:t>
            </a:r>
            <a:r>
              <a:rPr lang="da-DK" sz="1050" b="0" noProof="0" dirty="0" err="1">
                <a:latin typeface="+mj-lt"/>
              </a:rPr>
              <a:t>desk</a:t>
            </a:r>
            <a:r>
              <a:rPr lang="da-DK" sz="1050" b="0" noProof="0" dirty="0">
                <a:latin typeface="+mj-lt"/>
              </a:rPr>
              <a:t> research og interviews med danske og internationale eksperter og består af tre delanalyser:</a:t>
            </a:r>
          </a:p>
          <a:p>
            <a:pPr marL="228600" indent="-228600" fontAlgn="t">
              <a:spcAft>
                <a:spcPts val="300"/>
              </a:spcAft>
              <a:buFont typeface="Arial" panose="020B0604020202020204" pitchFamily="34" charset="0"/>
              <a:buChar char="•"/>
            </a:pPr>
            <a:r>
              <a:rPr lang="da-DK" sz="1050" b="0" noProof="0" dirty="0">
                <a:latin typeface="+mj-lt"/>
              </a:rPr>
              <a:t>Udfordringsbillede</a:t>
            </a:r>
          </a:p>
          <a:p>
            <a:pPr marL="228600" indent="-228600" fontAlgn="t">
              <a:spcAft>
                <a:spcPts val="300"/>
              </a:spcAft>
              <a:buFont typeface="Arial" panose="020B0604020202020204" pitchFamily="34" charset="0"/>
              <a:buChar char="•"/>
            </a:pPr>
            <a:r>
              <a:rPr lang="da-DK" sz="1050" b="0" noProof="0" dirty="0">
                <a:latin typeface="+mj-lt"/>
              </a:rPr>
              <a:t>Nøgleobservationer fra erfaringsopsamlingen</a:t>
            </a:r>
          </a:p>
          <a:p>
            <a:pPr marL="228600" indent="-228600" fontAlgn="t">
              <a:spcAft>
                <a:spcPts val="300"/>
              </a:spcAft>
              <a:buFont typeface="Arial" panose="020B0604020202020204" pitchFamily="34" charset="0"/>
              <a:buChar char="•"/>
            </a:pPr>
            <a:r>
              <a:rPr lang="da-DK" sz="1050" b="0" noProof="0" dirty="0" err="1">
                <a:latin typeface="+mj-lt"/>
              </a:rPr>
              <a:t>PA’s</a:t>
            </a:r>
            <a:r>
              <a:rPr lang="da-DK" sz="1050" b="0" noProof="0" dirty="0">
                <a:latin typeface="+mj-lt"/>
              </a:rPr>
              <a:t> forslag til løsningsspor</a:t>
            </a:r>
          </a:p>
          <a:p>
            <a:pPr fontAlgn="t">
              <a:spcAft>
                <a:spcPts val="300"/>
              </a:spcAft>
            </a:pPr>
            <a:r>
              <a:rPr lang="da-DK" sz="1050" b="0" noProof="0" dirty="0">
                <a:latin typeface="+mj-lt"/>
              </a:rPr>
              <a:t>Derudover er der udarbejdet et </a:t>
            </a:r>
            <a:r>
              <a:rPr lang="da-DK" sz="1050" b="0" noProof="0" dirty="0" err="1">
                <a:latin typeface="+mj-lt"/>
              </a:rPr>
              <a:t>casekatalog</a:t>
            </a:r>
            <a:r>
              <a:rPr lang="da-DK" sz="1050" b="0" noProof="0" dirty="0">
                <a:latin typeface="+mj-lt"/>
              </a:rPr>
              <a:t> med 15 eksempler på nationale og internationale erfaringer.</a:t>
            </a:r>
          </a:p>
          <a:p>
            <a:pPr>
              <a:spcAft>
                <a:spcPts val="300"/>
              </a:spcAft>
            </a:pPr>
            <a:r>
              <a:rPr lang="da-DK" sz="1050" noProof="0" dirty="0">
                <a:solidFill>
                  <a:schemeClr val="accent2"/>
                </a:solidFill>
                <a:latin typeface="+mj-lt"/>
              </a:rPr>
              <a:t>Kerneudfordringer for øget digital suverænitet</a:t>
            </a:r>
            <a:br>
              <a:rPr lang="da-DK" sz="1050" b="0" noProof="0" dirty="0">
                <a:latin typeface="+mj-lt"/>
              </a:rPr>
            </a:br>
            <a:r>
              <a:rPr lang="da-DK" sz="1050" b="0" noProof="0" dirty="0">
                <a:latin typeface="+mj-lt"/>
              </a:rPr>
              <a:t>Analysen identificerer fire centrale udfordringer:</a:t>
            </a:r>
            <a:endParaRPr lang="da-DK" sz="1050" b="0" noProof="0" dirty="0">
              <a:solidFill>
                <a:schemeClr val="tx1"/>
              </a:solidFill>
              <a:latin typeface="+mj-lt"/>
            </a:endParaRPr>
          </a:p>
          <a:p>
            <a:pPr marL="228600" indent="-228600">
              <a:spcAft>
                <a:spcPts val="300"/>
              </a:spcAft>
              <a:buFont typeface="+mj-lt"/>
              <a:buAutoNum type="arabicPeriod"/>
            </a:pPr>
            <a:r>
              <a:rPr lang="da-DK" sz="1050" b="0" noProof="0" dirty="0">
                <a:solidFill>
                  <a:schemeClr val="tx1"/>
                </a:solidFill>
                <a:latin typeface="+mj-lt"/>
              </a:rPr>
              <a:t>Høj afhængighed af større leverandører og manglende konkurrence</a:t>
            </a:r>
          </a:p>
          <a:p>
            <a:pPr marL="228600" indent="-228600">
              <a:spcAft>
                <a:spcPts val="300"/>
              </a:spcAft>
              <a:buFont typeface="+mj-lt"/>
              <a:buAutoNum type="arabicPeriod"/>
            </a:pPr>
            <a:r>
              <a:rPr lang="da-DK" sz="1050" b="0" noProof="0" dirty="0">
                <a:solidFill>
                  <a:schemeClr val="tx1"/>
                </a:solidFill>
                <a:latin typeface="+mj-lt"/>
              </a:rPr>
              <a:t>Manglende kontrol og transparens over egne data</a:t>
            </a:r>
          </a:p>
          <a:p>
            <a:pPr marL="228600" indent="-228600">
              <a:spcAft>
                <a:spcPts val="300"/>
              </a:spcAft>
              <a:buFont typeface="+mj-lt"/>
              <a:buAutoNum type="arabicPeriod"/>
            </a:pPr>
            <a:r>
              <a:rPr lang="da-DK" sz="1050" b="0" noProof="0" dirty="0">
                <a:solidFill>
                  <a:schemeClr val="tx1"/>
                </a:solidFill>
                <a:latin typeface="+mj-lt"/>
              </a:rPr>
              <a:t>Begrænset kontrol og styring af digitale løsninger</a:t>
            </a:r>
          </a:p>
          <a:p>
            <a:pPr marL="228600" indent="-228600">
              <a:spcAft>
                <a:spcPts val="300"/>
              </a:spcAft>
              <a:buFont typeface="+mj-lt"/>
              <a:buAutoNum type="arabicPeriod"/>
            </a:pPr>
            <a:r>
              <a:rPr lang="da-DK" sz="1050" b="0" noProof="0" dirty="0">
                <a:solidFill>
                  <a:schemeClr val="tx1"/>
                </a:solidFill>
                <a:latin typeface="+mj-lt"/>
              </a:rPr>
              <a:t>Sårbarheder i den digitale forsyningssikkerhed</a:t>
            </a:r>
          </a:p>
        </p:txBody>
      </p:sp>
      <p:sp>
        <p:nvSpPr>
          <p:cNvPr id="49" name="Text Placeholder 14">
            <a:extLst>
              <a:ext uri="{FF2B5EF4-FFF2-40B4-BE49-F238E27FC236}">
                <a16:creationId xmlns:a16="http://schemas.microsoft.com/office/drawing/2014/main" id="{B4A02E39-F8EB-B9ED-54A6-5758E9096F78}"/>
              </a:ext>
            </a:extLst>
          </p:cNvPr>
          <p:cNvSpPr txBox="1">
            <a:spLocks/>
          </p:cNvSpPr>
          <p:nvPr/>
        </p:nvSpPr>
        <p:spPr>
          <a:xfrm>
            <a:off x="3814987" y="1507396"/>
            <a:ext cx="5706085" cy="5034806"/>
          </a:xfrm>
          <a:prstGeom prst="rect">
            <a:avLst/>
          </a:prstGeom>
        </p:spPr>
        <p:txBody>
          <a:bodyPr vert="horz" lIns="0" tIns="0" rIns="0" bIns="0" rtlCol="0">
            <a:noAutofit/>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rgbClr val="49BED8"/>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0" kern="1200" cap="none" baseline="0">
                <a:solidFill>
                  <a:schemeClr val="accent3"/>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000" kern="1200">
                <a:solidFill>
                  <a:schemeClr val="tx1"/>
                </a:solidFill>
                <a:latin typeface="+mn-lt"/>
                <a:ea typeface="+mn-ea"/>
                <a:cs typeface="+mn-cs"/>
              </a:defRPr>
            </a:lvl3pPr>
            <a:lvl4pPr marL="204588" indent="-207501" algn="l" defTabSz="203892" rtl="0" eaLnBrk="1" latinLnBrk="0" hangingPunct="1">
              <a:lnSpc>
                <a:spcPct val="100000"/>
              </a:lnSpc>
              <a:spcBef>
                <a:spcPts val="0"/>
              </a:spcBef>
              <a:spcAft>
                <a:spcPts val="600"/>
              </a:spcAft>
              <a:buClrTx/>
              <a:buFont typeface="Arial" panose="020B0604020202020204" pitchFamily="34" charset="0"/>
              <a:buChar char="•"/>
              <a:defRPr sz="1000" kern="1200">
                <a:solidFill>
                  <a:schemeClr val="tx1"/>
                </a:solidFill>
                <a:latin typeface="+mn-lt"/>
                <a:ea typeface="+mn-ea"/>
                <a:cs typeface="+mn-cs"/>
              </a:defRPr>
            </a:lvl4pPr>
            <a:lvl5pPr marL="407784" indent="-208680" algn="l" defTabSz="203892" rtl="0" eaLnBrk="1" latinLnBrk="0" hangingPunct="1">
              <a:lnSpc>
                <a:spcPct val="100000"/>
              </a:lnSpc>
              <a:spcBef>
                <a:spcPts val="0"/>
              </a:spcBef>
              <a:spcAft>
                <a:spcPts val="600"/>
              </a:spcAft>
              <a:buClrTx/>
              <a:buSzPct val="100000"/>
              <a:buFont typeface="Arial" panose="020B0604020202020204" pitchFamily="34" charset="0"/>
              <a:buChar char="-"/>
              <a:defRPr sz="1000" kern="1200">
                <a:solidFill>
                  <a:schemeClr val="tx1"/>
                </a:solidFill>
                <a:latin typeface="+mn-lt"/>
                <a:ea typeface="+mn-ea"/>
                <a:cs typeface="+mn-cs"/>
              </a:defRPr>
            </a:lvl5pPr>
            <a:lvl6pPr marL="615285" indent="-207501" algn="l" defTabSz="203892" rtl="0" eaLnBrk="1" latinLnBrk="0" hangingPunct="1">
              <a:lnSpc>
                <a:spcPct val="100000"/>
              </a:lnSpc>
              <a:spcBef>
                <a:spcPts val="0"/>
              </a:spcBef>
              <a:spcAft>
                <a:spcPts val="600"/>
              </a:spcAft>
              <a:buClrTx/>
              <a:buSzPct val="80000"/>
              <a:buFont typeface="Wingdings" panose="05000000000000000000" pitchFamily="2" charset="2"/>
              <a:buChar char="§"/>
              <a:defRPr sz="1000" kern="1200">
                <a:solidFill>
                  <a:schemeClr val="tx1"/>
                </a:solidFill>
                <a:latin typeface="+mn-lt"/>
                <a:ea typeface="+mn-ea"/>
                <a:cs typeface="+mn-cs"/>
              </a:defRPr>
            </a:lvl6pPr>
            <a:lvl7pPr marL="818352" indent="-208680" algn="l" defTabSz="203892" rtl="0" eaLnBrk="1" latinLnBrk="0" hangingPunct="1">
              <a:lnSpc>
                <a:spcPct val="100000"/>
              </a:lnSpc>
              <a:spcBef>
                <a:spcPts val="0"/>
              </a:spcBef>
              <a:spcAft>
                <a:spcPts val="600"/>
              </a:spcAft>
              <a:buClrTx/>
              <a:buFont typeface="Arial" panose="020B0604020202020204" pitchFamily="34" charset="0"/>
              <a:buChar char="•"/>
              <a:defRPr sz="1000" kern="1200">
                <a:solidFill>
                  <a:schemeClr val="tx1"/>
                </a:solidFill>
                <a:latin typeface="+mn-lt"/>
                <a:ea typeface="+mn-ea"/>
                <a:cs typeface="+mn-cs"/>
              </a:defRPr>
            </a:lvl7pPr>
            <a:lvl8pPr marL="1021264" indent="-207501" algn="l" defTabSz="203892" rtl="0" eaLnBrk="1" latinLnBrk="0" hangingPunct="1">
              <a:lnSpc>
                <a:spcPct val="100000"/>
              </a:lnSpc>
              <a:spcBef>
                <a:spcPts val="0"/>
              </a:spcBef>
              <a:spcAft>
                <a:spcPts val="600"/>
              </a:spcAft>
              <a:buClrTx/>
              <a:buFont typeface="Arial" panose="020B0604020202020204" pitchFamily="34" charset="0"/>
              <a:buChar char="-"/>
              <a:defRPr sz="1000" kern="1200">
                <a:solidFill>
                  <a:schemeClr val="tx1"/>
                </a:solidFill>
                <a:latin typeface="+mn-lt"/>
                <a:ea typeface="+mn-ea"/>
                <a:cs typeface="+mn-cs"/>
              </a:defRPr>
            </a:lvl8pPr>
            <a:lvl9pPr marL="203892" indent="0" algn="l" defTabSz="203892" rtl="0" eaLnBrk="1" latinLnBrk="0" hangingPunct="1">
              <a:lnSpc>
                <a:spcPct val="100000"/>
              </a:lnSpc>
              <a:spcBef>
                <a:spcPts val="0"/>
              </a:spcBef>
              <a:spcAft>
                <a:spcPts val="600"/>
              </a:spcAft>
              <a:buClrTx/>
              <a:buSzPct val="80000"/>
              <a:buFont typeface="Wingdings" panose="05000000000000000000" pitchFamily="2" charset="2"/>
              <a:buNone/>
              <a:defRPr sz="1000" kern="1200">
                <a:solidFill>
                  <a:schemeClr val="tx1"/>
                </a:solidFill>
                <a:latin typeface="+mn-lt"/>
                <a:ea typeface="+mn-ea"/>
                <a:cs typeface="+mn-cs"/>
              </a:defRPr>
            </a:lvl9pPr>
          </a:lstStyle>
          <a:p>
            <a:pPr lvl="2">
              <a:spcAft>
                <a:spcPts val="300"/>
              </a:spcAft>
            </a:pPr>
            <a:r>
              <a:rPr lang="da-DK" sz="1050" b="1" noProof="0" dirty="0">
                <a:solidFill>
                  <a:schemeClr val="accent2"/>
                </a:solidFill>
                <a:latin typeface="+mj-lt"/>
              </a:rPr>
              <a:t>Nøgleobservationer fra erfaringsopsamlingen </a:t>
            </a:r>
            <a:endParaRPr lang="da-DK" sz="1050" noProof="0" dirty="0">
              <a:solidFill>
                <a:schemeClr val="accent2"/>
              </a:solidFill>
              <a:latin typeface="+mj-lt"/>
            </a:endParaRPr>
          </a:p>
          <a:p>
            <a:pPr lvl="2">
              <a:spcAft>
                <a:spcPts val="300"/>
              </a:spcAft>
            </a:pPr>
            <a:r>
              <a:rPr lang="da-DK" sz="1050" noProof="0" dirty="0">
                <a:latin typeface="+mj-lt"/>
              </a:rPr>
              <a:t>Myndighedernes arbejde med digital suverænitet udspringer i høj grad af et ønske om øget uafhængighed, øget kontrol og større digital valgfrihed. Det er ikke ambitionen at opnå fuld digital suverænitet, fordi det ikke anses som realistisk. Økonomiske besparelser er ikke en hovedprioritet, fordi øget kontrol og styring samt migrering til alternative teknologivalg kræver omstilling og investeringer – både teknisk og organisatorisk. </a:t>
            </a:r>
          </a:p>
          <a:p>
            <a:pPr lvl="2">
              <a:spcAft>
                <a:spcPts val="300"/>
              </a:spcAft>
            </a:pPr>
            <a:r>
              <a:rPr lang="da-DK" sz="1050" noProof="0" dirty="0">
                <a:latin typeface="+mj-lt"/>
              </a:rPr>
              <a:t>Erfaringsopsamlingen viser, at der findes reelle europæiske alternativer til software (AI, fagsystemer, kontorpakker mv.) samt cloud.</a:t>
            </a:r>
          </a:p>
          <a:p>
            <a:pPr lvl="2">
              <a:spcAft>
                <a:spcPts val="300"/>
              </a:spcAft>
            </a:pPr>
            <a:r>
              <a:rPr lang="da-DK" sz="1050" b="0" noProof="0" dirty="0">
                <a:solidFill>
                  <a:schemeClr val="tx1"/>
                </a:solidFill>
                <a:latin typeface="+mj-lt"/>
              </a:rPr>
              <a:t>Der ses i mindre grad europæiske alternativer til fysisk it-infrastruktur som fx </a:t>
            </a:r>
            <a:r>
              <a:rPr lang="da-DK" sz="1050" b="0" noProof="0" dirty="0" err="1">
                <a:solidFill>
                  <a:schemeClr val="tx1"/>
                </a:solidFill>
                <a:latin typeface="+mj-lt"/>
              </a:rPr>
              <a:t>devices</a:t>
            </a:r>
            <a:r>
              <a:rPr lang="da-DK" sz="1050" b="0" noProof="0" dirty="0">
                <a:solidFill>
                  <a:schemeClr val="tx1"/>
                </a:solidFill>
                <a:latin typeface="+mj-lt"/>
              </a:rPr>
              <a:t>, servere og netværk, som i høj grad produceres og leveres af virksomheder uden for Europa.</a:t>
            </a:r>
          </a:p>
          <a:p>
            <a:pPr>
              <a:spcAft>
                <a:spcPts val="300"/>
              </a:spcAft>
            </a:pPr>
            <a:r>
              <a:rPr lang="da-DK" sz="1050" b="0" noProof="0" dirty="0">
                <a:solidFill>
                  <a:schemeClr val="tx1"/>
                </a:solidFill>
                <a:latin typeface="+mj-lt"/>
              </a:rPr>
              <a:t>Der er identificeret to hovedtyper af virkemidler til at opnå øget digital suverænitet:</a:t>
            </a:r>
          </a:p>
          <a:p>
            <a:pPr marL="228600" indent="-228600">
              <a:spcAft>
                <a:spcPts val="300"/>
              </a:spcAft>
              <a:buFont typeface="Arial" panose="020B0604020202020204" pitchFamily="34" charset="0"/>
              <a:buChar char="•"/>
            </a:pPr>
            <a:r>
              <a:rPr lang="da-DK" sz="1050" noProof="0" dirty="0">
                <a:solidFill>
                  <a:schemeClr val="tx1"/>
                </a:solidFill>
                <a:latin typeface="+mj-lt"/>
              </a:rPr>
              <a:t>Virkemidler, som skaber transparens og robusthed </a:t>
            </a:r>
            <a:r>
              <a:rPr lang="da-DK" sz="1050" b="0" noProof="0" dirty="0">
                <a:solidFill>
                  <a:schemeClr val="tx1"/>
                </a:solidFill>
                <a:latin typeface="+mj-lt"/>
              </a:rPr>
              <a:t>i form af bl.a. risikobaseret </a:t>
            </a:r>
            <a:r>
              <a:rPr lang="da-DK" sz="1050" b="0" noProof="0" dirty="0" err="1">
                <a:solidFill>
                  <a:schemeClr val="tx1"/>
                </a:solidFill>
                <a:latin typeface="+mj-lt"/>
              </a:rPr>
              <a:t>strying</a:t>
            </a:r>
            <a:r>
              <a:rPr lang="da-DK" sz="1050" b="0" noProof="0" dirty="0">
                <a:solidFill>
                  <a:schemeClr val="tx1"/>
                </a:solidFill>
                <a:latin typeface="+mj-lt"/>
              </a:rPr>
              <a:t>, exit-strategier og beredskabsplaner</a:t>
            </a:r>
          </a:p>
          <a:p>
            <a:pPr marL="228600" indent="-228600">
              <a:spcAft>
                <a:spcPts val="300"/>
              </a:spcAft>
              <a:buFont typeface="Arial" panose="020B0604020202020204" pitchFamily="34" charset="0"/>
              <a:buChar char="•"/>
            </a:pPr>
            <a:r>
              <a:rPr lang="da-DK" sz="1050" noProof="0" dirty="0">
                <a:solidFill>
                  <a:schemeClr val="tx1"/>
                </a:solidFill>
                <a:latin typeface="+mj-lt"/>
              </a:rPr>
              <a:t>Virkemidler, som skaber forandring og handlekraft </a:t>
            </a:r>
            <a:r>
              <a:rPr lang="da-DK" sz="1050" b="0" noProof="0" dirty="0">
                <a:solidFill>
                  <a:schemeClr val="tx1"/>
                </a:solidFill>
                <a:latin typeface="+mj-lt"/>
              </a:rPr>
              <a:t>i form af bl.a. indkøb og </a:t>
            </a:r>
            <a:r>
              <a:rPr lang="da-DK" sz="1050" b="0" noProof="0" dirty="0" err="1">
                <a:solidFill>
                  <a:schemeClr val="tx1"/>
                </a:solidFill>
                <a:latin typeface="+mj-lt"/>
              </a:rPr>
              <a:t>kravstillelse</a:t>
            </a:r>
            <a:r>
              <a:rPr lang="da-DK" sz="1050" b="0" noProof="0" dirty="0">
                <a:solidFill>
                  <a:schemeClr val="tx1"/>
                </a:solidFill>
                <a:latin typeface="+mj-lt"/>
              </a:rPr>
              <a:t>, alternative løsninger, parallelle løsninger og ejerskab til løsninger og data.</a:t>
            </a:r>
            <a:endParaRPr lang="da-DK" sz="1050" noProof="0" dirty="0">
              <a:solidFill>
                <a:schemeClr val="tx1"/>
              </a:solidFill>
              <a:latin typeface="+mj-lt"/>
            </a:endParaRPr>
          </a:p>
          <a:p>
            <a:pPr lvl="2">
              <a:spcAft>
                <a:spcPts val="300"/>
              </a:spcAft>
            </a:pPr>
            <a:r>
              <a:rPr lang="da-DK" sz="1050" noProof="0" dirty="0">
                <a:latin typeface="+mj-lt"/>
              </a:rPr>
              <a:t>På tværs af de undersøgte cases er open source software et gennemgående og centralt greb til at sikre en øget grad af digital suverænitet.</a:t>
            </a:r>
            <a:endParaRPr lang="da-DK" sz="1050" b="1" noProof="0" dirty="0">
              <a:latin typeface="+mj-lt"/>
            </a:endParaRPr>
          </a:p>
          <a:p>
            <a:pPr lvl="2">
              <a:spcAft>
                <a:spcPts val="300"/>
              </a:spcAft>
            </a:pPr>
            <a:r>
              <a:rPr lang="da-DK" sz="1050" b="1" noProof="0" dirty="0" err="1">
                <a:solidFill>
                  <a:schemeClr val="accent2"/>
                </a:solidFill>
                <a:latin typeface="+mj-lt"/>
              </a:rPr>
              <a:t>PA’s</a:t>
            </a:r>
            <a:r>
              <a:rPr lang="da-DK" sz="1050" b="1" noProof="0" dirty="0">
                <a:solidFill>
                  <a:schemeClr val="accent2"/>
                </a:solidFill>
                <a:latin typeface="+mj-lt"/>
              </a:rPr>
              <a:t> forslag til løsningsspor</a:t>
            </a:r>
            <a:endParaRPr lang="da-DK" sz="1050" noProof="0" dirty="0">
              <a:solidFill>
                <a:schemeClr val="accent2"/>
              </a:solidFill>
              <a:latin typeface="+mj-lt"/>
            </a:endParaRPr>
          </a:p>
          <a:p>
            <a:pPr lvl="2">
              <a:spcAft>
                <a:spcPts val="300"/>
              </a:spcAft>
            </a:pPr>
            <a:r>
              <a:rPr lang="da-DK" sz="1050" noProof="0" dirty="0">
                <a:latin typeface="+mj-lt"/>
              </a:rPr>
              <a:t>PA foreslår tre løsningsspor i form af:</a:t>
            </a:r>
          </a:p>
          <a:p>
            <a:pPr marL="228600" indent="-228600">
              <a:spcAft>
                <a:spcPts val="300"/>
              </a:spcAft>
              <a:buAutoNum type="arabicPeriod"/>
            </a:pPr>
            <a:r>
              <a:rPr lang="da-DK" sz="1050" noProof="0" dirty="0">
                <a:solidFill>
                  <a:schemeClr val="tx1"/>
                </a:solidFill>
                <a:latin typeface="+mj-lt"/>
              </a:rPr>
              <a:t>Risikobaseret prioritering og styring af afhængigheder </a:t>
            </a:r>
            <a:r>
              <a:rPr lang="da-DK" sz="1050" b="0" noProof="0" dirty="0">
                <a:solidFill>
                  <a:schemeClr val="tx1"/>
                </a:solidFill>
                <a:latin typeface="+mj-lt"/>
              </a:rPr>
              <a:t>med forslag om </a:t>
            </a:r>
            <a:r>
              <a:rPr lang="da-DK" sz="1050" b="0" noProof="0" dirty="0" err="1">
                <a:solidFill>
                  <a:schemeClr val="tx1"/>
                </a:solidFill>
                <a:latin typeface="+mj-lt"/>
              </a:rPr>
              <a:t>risiko-vurdering</a:t>
            </a:r>
            <a:r>
              <a:rPr lang="da-DK" sz="1050" b="0" noProof="0" dirty="0">
                <a:solidFill>
                  <a:schemeClr val="tx1"/>
                </a:solidFill>
                <a:latin typeface="+mj-lt"/>
              </a:rPr>
              <a:t> af digitale løsninger og it-infrastruktur, exit-strategier og stærkere audit-mekanismer.</a:t>
            </a:r>
          </a:p>
          <a:p>
            <a:pPr marL="228600" indent="-228600">
              <a:spcAft>
                <a:spcPts val="300"/>
              </a:spcAft>
              <a:buAutoNum type="arabicPeriod"/>
            </a:pPr>
            <a:r>
              <a:rPr lang="da-DK" sz="1050" noProof="0" dirty="0">
                <a:solidFill>
                  <a:schemeClr val="tx1"/>
                </a:solidFill>
                <a:latin typeface="+mj-lt"/>
              </a:rPr>
              <a:t>Indkøb, krav og arkitektur </a:t>
            </a:r>
            <a:r>
              <a:rPr lang="da-DK" sz="1050" b="0" noProof="0" dirty="0">
                <a:solidFill>
                  <a:schemeClr val="tx1"/>
                </a:solidFill>
                <a:latin typeface="+mj-lt"/>
              </a:rPr>
              <a:t>med forslag om markedsafdækning med danske it-leverandører, revurdering af it- og arkitekturstrategier, ”suverænitetspakke” til offentlige it-udbud samt fælles indkøb af suveræne cloud-ydelser.</a:t>
            </a:r>
          </a:p>
          <a:p>
            <a:pPr marL="228600" indent="-228600">
              <a:spcAft>
                <a:spcPts val="300"/>
              </a:spcAft>
              <a:buFont typeface="+mj-lt"/>
              <a:buAutoNum type="arabicPeriod"/>
            </a:pPr>
            <a:r>
              <a:rPr lang="da-DK" sz="1050" noProof="0" dirty="0">
                <a:solidFill>
                  <a:schemeClr val="tx1"/>
                </a:solidFill>
                <a:latin typeface="+mj-lt"/>
              </a:rPr>
              <a:t>Organisation, finansiering og kompetencer </a:t>
            </a:r>
            <a:r>
              <a:rPr lang="da-DK" sz="1050" b="0" noProof="0" dirty="0">
                <a:solidFill>
                  <a:schemeClr val="tx1"/>
                </a:solidFill>
                <a:latin typeface="+mj-lt"/>
              </a:rPr>
              <a:t>med forslag om at etablere et stærkere vidensgrundlag og puljer til finansiering af indsatser samt lokale og centrale organisatoriske tiltag, som kan være en central drivkraft i udbredelsen af alternative digitale løsninger og open source software.</a:t>
            </a:r>
          </a:p>
        </p:txBody>
      </p:sp>
    </p:spTree>
    <p:custDataLst>
      <p:custData r:id="rId1"/>
      <p:custData r:id="rId2"/>
    </p:custDataLst>
    <p:extLst>
      <p:ext uri="{BB962C8B-B14F-4D97-AF65-F5344CB8AC3E}">
        <p14:creationId xmlns:p14="http://schemas.microsoft.com/office/powerpoint/2010/main" val="80740944"/>
      </p:ext>
    </p:extLst>
  </p:cSld>
  <p:clrMapOvr>
    <a:masterClrMapping/>
  </p:clrMapOvr>
  <p:transition>
    <p:fade/>
  </p:transition>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FD85D0-9BAF-A259-7C58-7673A1DDB5C0}"/>
            </a:ext>
          </a:extLst>
        </p:cNvPr>
        <p:cNvGrpSpPr/>
        <p:nvPr/>
      </p:nvGrpSpPr>
      <p:grpSpPr>
        <a:xfrm>
          <a:off x="0" y="0"/>
          <a:ext cx="0" cy="0"/>
          <a:chOff x="0" y="0"/>
          <a:chExt cx="0" cy="0"/>
        </a:xfrm>
      </p:grpSpPr>
      <p:sp>
        <p:nvSpPr>
          <p:cNvPr id="12" name="Rectangle: Rounded Corners 11">
            <a:extLst>
              <a:ext uri="{FF2B5EF4-FFF2-40B4-BE49-F238E27FC236}">
                <a16:creationId xmlns:a16="http://schemas.microsoft.com/office/drawing/2014/main" id="{962607C5-AC0A-4471-EC56-FDDCD869F762}"/>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chemeClr val="bg2"/>
                </a:solidFill>
              </a:rPr>
              <a:t>Spor 1 | Risikobaseret prioritering og styring af afhængigheder</a:t>
            </a:r>
            <a:endParaRPr lang="da-DK" sz="1600" b="1" noProof="0" dirty="0">
              <a:solidFill>
                <a:srgbClr val="36465A"/>
              </a:solidFill>
              <a:latin typeface="Arial" panose="020B0604020202020204"/>
            </a:endParaRPr>
          </a:p>
        </p:txBody>
      </p:sp>
      <p:sp>
        <p:nvSpPr>
          <p:cNvPr id="8" name="Title 2">
            <a:extLst>
              <a:ext uri="{FF2B5EF4-FFF2-40B4-BE49-F238E27FC236}">
                <a16:creationId xmlns:a16="http://schemas.microsoft.com/office/drawing/2014/main" id="{D2EA92E5-329D-B337-7D40-1EE496647762}"/>
              </a:ext>
            </a:extLst>
          </p:cNvPr>
          <p:cNvSpPr>
            <a:spLocks noGrp="1"/>
          </p:cNvSpPr>
          <p:nvPr>
            <p:ph type="title"/>
          </p:nvPr>
        </p:nvSpPr>
        <p:spPr>
          <a:xfrm>
            <a:off x="554355" y="512763"/>
            <a:ext cx="11088000" cy="792465"/>
          </a:xfrm>
        </p:spPr>
        <p:txBody>
          <a:bodyPr/>
          <a:lstStyle/>
          <a:p>
            <a:r>
              <a:rPr lang="da-DK" sz="2200" b="1" noProof="0" dirty="0">
                <a:solidFill>
                  <a:schemeClr val="bg2"/>
                </a:solidFill>
              </a:rPr>
              <a:t>1.1 </a:t>
            </a:r>
            <a:r>
              <a:rPr lang="da-DK" sz="2200" b="1" noProof="0" dirty="0">
                <a:solidFill>
                  <a:srgbClr val="0580A7"/>
                </a:solidFill>
              </a:rPr>
              <a:t>Analyse og risikovurdering af digitale løsninger </a:t>
            </a:r>
            <a:endParaRPr lang="da-DK" sz="2200" b="1" noProof="0" dirty="0">
              <a:solidFill>
                <a:schemeClr val="bg2"/>
              </a:solidFill>
            </a:endParaRPr>
          </a:p>
        </p:txBody>
      </p:sp>
      <p:sp>
        <p:nvSpPr>
          <p:cNvPr id="22" name="Rectangle: Rounded Corners 21">
            <a:extLst>
              <a:ext uri="{FF2B5EF4-FFF2-40B4-BE49-F238E27FC236}">
                <a16:creationId xmlns:a16="http://schemas.microsoft.com/office/drawing/2014/main" id="{68C225C6-3424-E2B3-35F3-0714D75A05C7}"/>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CDECF2"/>
          </a:solidFill>
          <a:ln w="12700" cap="flat" cmpd="sng" algn="ctr">
            <a:solidFill>
              <a:srgbClr val="0580A7"/>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855AC967-EB94-1393-25AD-BAE98B01F57E}"/>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CAC64C39-A31D-BD64-3259-B38FF55D71AF}"/>
              </a:ext>
            </a:extLst>
          </p:cNvPr>
          <p:cNvSpPr/>
          <p:nvPr/>
        </p:nvSpPr>
        <p:spPr>
          <a:xfrm>
            <a:off x="566629" y="1764045"/>
            <a:ext cx="6077214" cy="2353183"/>
          </a:xfrm>
          <a:prstGeom prst="roundRect">
            <a:avLst>
              <a:gd name="adj" fmla="val 6523"/>
            </a:avLst>
          </a:prstGeom>
          <a:no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b="1" noProof="0" dirty="0">
              <a:solidFill>
                <a:schemeClr val="tx1"/>
              </a:solidFill>
            </a:endParaRPr>
          </a:p>
          <a:p>
            <a:r>
              <a:rPr lang="da-DK" sz="1000" b="1" noProof="0" dirty="0">
                <a:solidFill>
                  <a:schemeClr val="tx1"/>
                </a:solidFill>
              </a:rPr>
              <a:t>Formål: </a:t>
            </a:r>
            <a:r>
              <a:rPr lang="da-DK" sz="1000" noProof="0" dirty="0">
                <a:solidFill>
                  <a:schemeClr val="tx1"/>
                </a:solidFill>
              </a:rPr>
              <a:t>At understøtte myndighedernes identifikation af egne afhængigheder og risici mhp. prioritering af lokale indsatser for at øge den digitale suverænitet.</a:t>
            </a:r>
          </a:p>
          <a:p>
            <a:pPr>
              <a:spcBef>
                <a:spcPts val="300"/>
              </a:spcBef>
            </a:pPr>
            <a:r>
              <a:rPr lang="da-DK" sz="1000" b="1" noProof="0" dirty="0">
                <a:solidFill>
                  <a:schemeClr val="tx1"/>
                </a:solidFill>
              </a:rPr>
              <a:t>Indhold: </a:t>
            </a:r>
            <a:r>
              <a:rPr lang="da-DK" sz="1000" noProof="0" dirty="0">
                <a:solidFill>
                  <a:schemeClr val="tx1"/>
                </a:solidFill>
              </a:rPr>
              <a:t>Myndighederne gennemfører analyser af egen teknologistak, herunder adgang til data. Der foretages dybdegående analyse på teknologier, som enten er samfundskritiske eller forretningskritiske*. </a:t>
            </a:r>
          </a:p>
          <a:p>
            <a:pPr>
              <a:spcBef>
                <a:spcPts val="300"/>
              </a:spcBef>
            </a:pPr>
            <a:r>
              <a:rPr lang="da-DK" sz="1000" noProof="0" dirty="0">
                <a:solidFill>
                  <a:schemeClr val="tx1"/>
                </a:solidFill>
              </a:rPr>
              <a:t>Der etableres et fælles analyse- og ”suverænitetstjek”-værktøj med </a:t>
            </a:r>
            <a:r>
              <a:rPr lang="da-DK" sz="1000" noProof="0" dirty="0" err="1">
                <a:solidFill>
                  <a:schemeClr val="tx1"/>
                </a:solidFill>
              </a:rPr>
              <a:t>scorecard</a:t>
            </a:r>
            <a:r>
              <a:rPr lang="da-DK" sz="1000" noProof="0" dirty="0">
                <a:solidFill>
                  <a:schemeClr val="tx1"/>
                </a:solidFill>
              </a:rPr>
              <a:t> og modenhedsvurdering, som tager afsæt i eksisterende værktøjer (fx statens rammeværk for it-porteføljestyring, NIS2 mv.). </a:t>
            </a:r>
          </a:p>
          <a:p>
            <a:pPr>
              <a:spcBef>
                <a:spcPts val="300"/>
              </a:spcBef>
            </a:pPr>
            <a:r>
              <a:rPr lang="da-DK" sz="1000" noProof="0" dirty="0">
                <a:solidFill>
                  <a:schemeClr val="tx1"/>
                </a:solidFill>
              </a:rPr>
              <a:t>Der vil være brug for et tilpasset rammeværk, som er målrettet problematikker og kritiske afhængigheder i relation til digital suverænitet, hvor der sikres synergi mellem øvrige risikovurderinger drevet af krav til </a:t>
            </a:r>
            <a:r>
              <a:rPr lang="da-DK" sz="1000" noProof="0" dirty="0" err="1">
                <a:solidFill>
                  <a:schemeClr val="tx1"/>
                </a:solidFill>
              </a:rPr>
              <a:t>cyber</a:t>
            </a:r>
            <a:r>
              <a:rPr lang="da-DK" sz="1000" noProof="0" dirty="0">
                <a:solidFill>
                  <a:schemeClr val="tx1"/>
                </a:solidFill>
              </a:rPr>
              <a:t>- og informationssikkerhed.</a:t>
            </a:r>
          </a:p>
          <a:p>
            <a:pPr>
              <a:spcBef>
                <a:spcPts val="300"/>
              </a:spcBef>
            </a:pPr>
            <a:r>
              <a:rPr lang="da-DK" sz="1000" b="1" noProof="0" dirty="0">
                <a:solidFill>
                  <a:schemeClr val="tx1"/>
                </a:solidFill>
              </a:rPr>
              <a:t>Erfaringsgrundlag: </a:t>
            </a:r>
            <a:r>
              <a:rPr lang="da-DK" sz="1000" noProof="0" dirty="0">
                <a:solidFill>
                  <a:schemeClr val="tx1"/>
                </a:solidFill>
              </a:rPr>
              <a:t>Finansiel sektor, Københavns Kommune, telesektor, Økonomistyrelsen og Statens It-Råd med fokus på it-styring i staten.</a:t>
            </a:r>
          </a:p>
        </p:txBody>
      </p:sp>
      <p:sp>
        <p:nvSpPr>
          <p:cNvPr id="51" name="TextBox 50">
            <a:extLst>
              <a:ext uri="{FF2B5EF4-FFF2-40B4-BE49-F238E27FC236}">
                <a16:creationId xmlns:a16="http://schemas.microsoft.com/office/drawing/2014/main" id="{4FC09AF0-2F44-E642-D14D-73DA2AEF053F}"/>
              </a:ext>
            </a:extLst>
          </p:cNvPr>
          <p:cNvSpPr txBox="1"/>
          <p:nvPr/>
        </p:nvSpPr>
        <p:spPr>
          <a:xfrm>
            <a:off x="612348" y="5253913"/>
            <a:ext cx="3721145" cy="1092607"/>
          </a:xfrm>
          <a:prstGeom prst="rect">
            <a:avLst/>
          </a:prstGeom>
          <a:noFill/>
        </p:spPr>
        <p:txBody>
          <a:bodyPr wrap="square">
            <a:spAutoFit/>
          </a:bodyPr>
          <a:lstStyle/>
          <a:p>
            <a:r>
              <a:rPr lang="da-DK" sz="1000" b="1" noProof="0" dirty="0">
                <a:solidFill>
                  <a:srgbClr val="00172D"/>
                </a:solidFill>
              </a:rPr>
              <a:t>Niveau: </a:t>
            </a:r>
            <a:r>
              <a:rPr lang="da-DK" sz="1000" noProof="0" dirty="0">
                <a:solidFill>
                  <a:srgbClr val="00172D"/>
                </a:solidFill>
              </a:rPr>
              <a:t>Den enkelte </a:t>
            </a:r>
            <a:r>
              <a:rPr lang="da-DK" sz="1000" noProof="0" dirty="0">
                <a:solidFill>
                  <a:srgbClr val="00172D"/>
                </a:solidFill>
                <a:latin typeface="Arial" panose="020B0604020202020204" pitchFamily="34" charset="0"/>
              </a:rPr>
              <a:t>myndighed, hvor analyseramme udvikles fællesoffentligt.</a:t>
            </a:r>
            <a:endParaRPr lang="da-DK" sz="1000" b="1" noProof="0" dirty="0">
              <a:latin typeface="Arial" panose="020B0604020202020204" pitchFamily="34" charset="0"/>
            </a:endParaRP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Kan gennemføres på &lt;12 måneder for den enkelte myndighed.</a:t>
            </a:r>
          </a:p>
          <a:p>
            <a:pPr>
              <a:spcBef>
                <a:spcPts val="300"/>
              </a:spcBef>
            </a:pPr>
            <a:r>
              <a:rPr lang="da-DK" sz="1000" b="1" noProof="0" dirty="0">
                <a:latin typeface="Arial" panose="020B0604020202020204" pitchFamily="34" charset="0"/>
              </a:rPr>
              <a:t>Afhængigheder:</a:t>
            </a:r>
            <a:r>
              <a:rPr lang="da-DK" sz="1000" noProof="0" dirty="0">
                <a:latin typeface="Arial" panose="020B0604020202020204" pitchFamily="34" charset="0"/>
              </a:rPr>
              <a:t> Kobling til myndighedens organisering af indsatser, der fremmer digital suverænitet, jf. indsats. 3.4.</a:t>
            </a:r>
          </a:p>
        </p:txBody>
      </p:sp>
      <p:sp>
        <p:nvSpPr>
          <p:cNvPr id="45" name="Rounded Rectangle 127">
            <a:extLst>
              <a:ext uri="{FF2B5EF4-FFF2-40B4-BE49-F238E27FC236}">
                <a16:creationId xmlns:a16="http://schemas.microsoft.com/office/drawing/2014/main" id="{E839C9FE-A505-6F14-F7C4-4E61DD7510A7}"/>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CDECF2"/>
          </a:solid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006E94"/>
                </a:solidFill>
              </a:rPr>
              <a:t>Formål og indhold</a:t>
            </a:r>
          </a:p>
        </p:txBody>
      </p:sp>
      <p:sp>
        <p:nvSpPr>
          <p:cNvPr id="65" name="Rounded Rectangle 127">
            <a:extLst>
              <a:ext uri="{FF2B5EF4-FFF2-40B4-BE49-F238E27FC236}">
                <a16:creationId xmlns:a16="http://schemas.microsoft.com/office/drawing/2014/main" id="{88178BEB-8B13-37D7-66A9-F1AF9FCB3AF3}"/>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0AA81100-43AC-E0DF-09E9-CD8ABF7D04FC}"/>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CDECF2"/>
          </a:solid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006E94"/>
                </a:solidFill>
              </a:rPr>
              <a:t>Vurdering</a:t>
            </a:r>
          </a:p>
        </p:txBody>
      </p:sp>
      <p:grpSp>
        <p:nvGrpSpPr>
          <p:cNvPr id="10" name="Group 9" descr="Samlet komleksitetsvurdering, 3.5 ud af 10">
            <a:extLst>
              <a:ext uri="{FF2B5EF4-FFF2-40B4-BE49-F238E27FC236}">
                <a16:creationId xmlns:a16="http://schemas.microsoft.com/office/drawing/2014/main" id="{E94D54CD-18C5-672B-92F2-FE3FE35B0447}"/>
              </a:ext>
            </a:extLst>
          </p:cNvPr>
          <p:cNvGrpSpPr/>
          <p:nvPr/>
        </p:nvGrpSpPr>
        <p:grpSpPr>
          <a:xfrm>
            <a:off x="649826" y="4555473"/>
            <a:ext cx="3279436" cy="592559"/>
            <a:chOff x="1383755" y="4555473"/>
            <a:chExt cx="3279436" cy="592559"/>
          </a:xfrm>
        </p:grpSpPr>
        <p:sp>
          <p:nvSpPr>
            <p:cNvPr id="181" name="TextBox 180">
              <a:extLst>
                <a:ext uri="{FF2B5EF4-FFF2-40B4-BE49-F238E27FC236}">
                  <a16:creationId xmlns:a16="http://schemas.microsoft.com/office/drawing/2014/main" id="{1C065F81-8B13-2E98-C7D9-23D7A840238D}"/>
                </a:ext>
              </a:extLst>
            </p:cNvPr>
            <p:cNvSpPr txBox="1"/>
            <p:nvPr/>
          </p:nvSpPr>
          <p:spPr>
            <a:xfrm>
              <a:off x="2431748" y="4555473"/>
              <a:ext cx="1191621" cy="261610"/>
            </a:xfrm>
            <a:prstGeom prst="rect">
              <a:avLst/>
            </a:prstGeom>
            <a:noFill/>
          </p:spPr>
          <p:txBody>
            <a:bodyPr wrap="square">
              <a:spAutoFit/>
            </a:bodyPr>
            <a:lstStyle/>
            <a:p>
              <a:pPr algn="ctr"/>
              <a:r>
                <a:rPr lang="da-DK" sz="1100" b="1" noProof="0"/>
                <a:t>Kompleksitet</a:t>
              </a:r>
            </a:p>
          </p:txBody>
        </p:sp>
        <p:grpSp>
          <p:nvGrpSpPr>
            <p:cNvPr id="182" name="Group 181">
              <a:extLst>
                <a:ext uri="{FF2B5EF4-FFF2-40B4-BE49-F238E27FC236}">
                  <a16:creationId xmlns:a16="http://schemas.microsoft.com/office/drawing/2014/main" id="{5F2F05AA-47B4-8467-AA9C-1B79E0AF6299}"/>
                </a:ext>
              </a:extLst>
            </p:cNvPr>
            <p:cNvGrpSpPr>
              <a:grpSpLocks noChangeAspect="1"/>
            </p:cNvGrpSpPr>
            <p:nvPr/>
          </p:nvGrpSpPr>
          <p:grpSpPr>
            <a:xfrm>
              <a:off x="1383755" y="4900479"/>
              <a:ext cx="3279436" cy="247553"/>
              <a:chOff x="-110432" y="4916533"/>
              <a:chExt cx="2858415" cy="215770"/>
            </a:xfrm>
          </p:grpSpPr>
          <p:grpSp>
            <p:nvGrpSpPr>
              <p:cNvPr id="183" name="Group 182">
                <a:extLst>
                  <a:ext uri="{FF2B5EF4-FFF2-40B4-BE49-F238E27FC236}">
                    <a16:creationId xmlns:a16="http://schemas.microsoft.com/office/drawing/2014/main" id="{FB63227E-1633-4CE8-718E-07F1D7DEB266}"/>
                  </a:ext>
                </a:extLst>
              </p:cNvPr>
              <p:cNvGrpSpPr/>
              <p:nvPr/>
            </p:nvGrpSpPr>
            <p:grpSpPr>
              <a:xfrm>
                <a:off x="-110432" y="4916533"/>
                <a:ext cx="2858415" cy="180194"/>
                <a:chOff x="4280723" y="3040512"/>
                <a:chExt cx="3161620" cy="171957"/>
              </a:xfrm>
            </p:grpSpPr>
            <p:grpSp>
              <p:nvGrpSpPr>
                <p:cNvPr id="185" name="Group 184">
                  <a:extLst>
                    <a:ext uri="{FF2B5EF4-FFF2-40B4-BE49-F238E27FC236}">
                      <a16:creationId xmlns:a16="http://schemas.microsoft.com/office/drawing/2014/main" id="{F26D2F20-231A-C90C-35BD-1AE2D85B0359}"/>
                    </a:ext>
                  </a:extLst>
                </p:cNvPr>
                <p:cNvGrpSpPr/>
                <p:nvPr/>
              </p:nvGrpSpPr>
              <p:grpSpPr>
                <a:xfrm>
                  <a:off x="4383394" y="3153610"/>
                  <a:ext cx="2961649" cy="45719"/>
                  <a:chOff x="4383394" y="3153610"/>
                  <a:chExt cx="2961649" cy="45719"/>
                </a:xfrm>
              </p:grpSpPr>
              <p:cxnSp>
                <p:nvCxnSpPr>
                  <p:cNvPr id="189" name="Straight Connector 188">
                    <a:extLst>
                      <a:ext uri="{FF2B5EF4-FFF2-40B4-BE49-F238E27FC236}">
                        <a16:creationId xmlns:a16="http://schemas.microsoft.com/office/drawing/2014/main" id="{70E4A4D8-61DE-0CCC-55A9-C2AD96D931F5}"/>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90" name="Oval 189">
                    <a:extLst>
                      <a:ext uri="{FF2B5EF4-FFF2-40B4-BE49-F238E27FC236}">
                        <a16:creationId xmlns:a16="http://schemas.microsoft.com/office/drawing/2014/main" id="{90BAFC9C-DD5B-3F00-E71D-D9316CB956E4}"/>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91" name="Oval 190">
                    <a:extLst>
                      <a:ext uri="{FF2B5EF4-FFF2-40B4-BE49-F238E27FC236}">
                        <a16:creationId xmlns:a16="http://schemas.microsoft.com/office/drawing/2014/main" id="{F242B531-2008-72B0-35B8-E2081F2DB96A}"/>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86" name="Straight Connector 185">
                  <a:extLst>
                    <a:ext uri="{FF2B5EF4-FFF2-40B4-BE49-F238E27FC236}">
                      <a16:creationId xmlns:a16="http://schemas.microsoft.com/office/drawing/2014/main" id="{6E4CDC41-A568-00F0-780C-BF1D7B022A15}"/>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87" name="TextBox 186">
                  <a:extLst>
                    <a:ext uri="{FF2B5EF4-FFF2-40B4-BE49-F238E27FC236}">
                      <a16:creationId xmlns:a16="http://schemas.microsoft.com/office/drawing/2014/main" id="{72F53247-E43D-33A2-43EA-651D7BBEAE99}"/>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188" name="TextBox 187">
                  <a:extLst>
                    <a:ext uri="{FF2B5EF4-FFF2-40B4-BE49-F238E27FC236}">
                      <a16:creationId xmlns:a16="http://schemas.microsoft.com/office/drawing/2014/main" id="{997300CE-25A7-E5F7-54E8-92EB4B475999}"/>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sp>
            <p:nvSpPr>
              <p:cNvPr id="184" name="Oval 183">
                <a:extLst>
                  <a:ext uri="{FF2B5EF4-FFF2-40B4-BE49-F238E27FC236}">
                    <a16:creationId xmlns:a16="http://schemas.microsoft.com/office/drawing/2014/main" id="{8F5F00EA-25E0-F633-28FE-12EE587EF275}"/>
                  </a:ext>
                </a:extLst>
              </p:cNvPr>
              <p:cNvSpPr/>
              <p:nvPr/>
            </p:nvSpPr>
            <p:spPr>
              <a:xfrm>
                <a:off x="677373" y="4988303"/>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sp>
        <p:nvSpPr>
          <p:cNvPr id="230" name="TextBox 229">
            <a:extLst>
              <a:ext uri="{FF2B5EF4-FFF2-40B4-BE49-F238E27FC236}">
                <a16:creationId xmlns:a16="http://schemas.microsoft.com/office/drawing/2014/main" id="{1FC8971A-7611-4B76-1784-4313C7ED9823}"/>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a:t>Teknisk</a:t>
            </a:r>
            <a:endParaRPr lang="da-DK" sz="1100" b="1" i="1" noProof="0"/>
          </a:p>
        </p:txBody>
      </p:sp>
      <p:grpSp>
        <p:nvGrpSpPr>
          <p:cNvPr id="229" name="Group 228" descr="Vurdering af teknisk kompleksitet, 4 ud af 10">
            <a:extLst>
              <a:ext uri="{FF2B5EF4-FFF2-40B4-BE49-F238E27FC236}">
                <a16:creationId xmlns:a16="http://schemas.microsoft.com/office/drawing/2014/main" id="{3214738E-704E-C092-8656-B14D552E1265}"/>
              </a:ext>
            </a:extLst>
          </p:cNvPr>
          <p:cNvGrpSpPr/>
          <p:nvPr/>
        </p:nvGrpSpPr>
        <p:grpSpPr>
          <a:xfrm>
            <a:off x="4755594" y="4883930"/>
            <a:ext cx="1707066" cy="248033"/>
            <a:chOff x="860772" y="4916533"/>
            <a:chExt cx="1487909" cy="216189"/>
          </a:xfrm>
        </p:grpSpPr>
        <p:grpSp>
          <p:nvGrpSpPr>
            <p:cNvPr id="231" name="Group 230">
              <a:extLst>
                <a:ext uri="{FF2B5EF4-FFF2-40B4-BE49-F238E27FC236}">
                  <a16:creationId xmlns:a16="http://schemas.microsoft.com/office/drawing/2014/main" id="{E03BD38B-1612-3693-29A7-A8210F8B78C4}"/>
                </a:ext>
              </a:extLst>
            </p:cNvPr>
            <p:cNvGrpSpPr/>
            <p:nvPr/>
          </p:nvGrpSpPr>
          <p:grpSpPr>
            <a:xfrm>
              <a:off x="860772" y="4916533"/>
              <a:ext cx="1487909" cy="180194"/>
              <a:chOff x="5354949" y="3040512"/>
              <a:chExt cx="1645739" cy="171957"/>
            </a:xfrm>
          </p:grpSpPr>
          <p:grpSp>
            <p:nvGrpSpPr>
              <p:cNvPr id="233" name="Group 232">
                <a:extLst>
                  <a:ext uri="{FF2B5EF4-FFF2-40B4-BE49-F238E27FC236}">
                    <a16:creationId xmlns:a16="http://schemas.microsoft.com/office/drawing/2014/main" id="{B9A2AE30-3F57-E15A-73B1-512131DCF4B4}"/>
                  </a:ext>
                </a:extLst>
              </p:cNvPr>
              <p:cNvGrpSpPr/>
              <p:nvPr/>
            </p:nvGrpSpPr>
            <p:grpSpPr>
              <a:xfrm>
                <a:off x="5458296" y="3153610"/>
                <a:ext cx="1445092" cy="45719"/>
                <a:chOff x="5458296" y="3153610"/>
                <a:chExt cx="1445092" cy="45719"/>
              </a:xfrm>
            </p:grpSpPr>
            <p:cxnSp>
              <p:nvCxnSpPr>
                <p:cNvPr id="237" name="Straight Connector 236">
                  <a:extLst>
                    <a:ext uri="{FF2B5EF4-FFF2-40B4-BE49-F238E27FC236}">
                      <a16:creationId xmlns:a16="http://schemas.microsoft.com/office/drawing/2014/main" id="{51A92FEF-B701-74C8-A0BB-D31FC4D2100B}"/>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38" name="Oval 237">
                  <a:extLst>
                    <a:ext uri="{FF2B5EF4-FFF2-40B4-BE49-F238E27FC236}">
                      <a16:creationId xmlns:a16="http://schemas.microsoft.com/office/drawing/2014/main" id="{76213C28-AB44-D7DB-7D1D-F533FC36935D}"/>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39" name="Oval 238">
                  <a:extLst>
                    <a:ext uri="{FF2B5EF4-FFF2-40B4-BE49-F238E27FC236}">
                      <a16:creationId xmlns:a16="http://schemas.microsoft.com/office/drawing/2014/main" id="{16D03420-1B35-E424-7087-EB89B7D65368}"/>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34" name="Straight Connector 233">
                <a:extLst>
                  <a:ext uri="{FF2B5EF4-FFF2-40B4-BE49-F238E27FC236}">
                    <a16:creationId xmlns:a16="http://schemas.microsoft.com/office/drawing/2014/main" id="{F2139852-CC34-CDC9-8C55-2033BEE00D1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35" name="TextBox 234">
                <a:extLst>
                  <a:ext uri="{FF2B5EF4-FFF2-40B4-BE49-F238E27FC236}">
                    <a16:creationId xmlns:a16="http://schemas.microsoft.com/office/drawing/2014/main" id="{297A1F03-A450-595A-D461-B2C530B00B63}"/>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236" name="TextBox 235">
                <a:extLst>
                  <a:ext uri="{FF2B5EF4-FFF2-40B4-BE49-F238E27FC236}">
                    <a16:creationId xmlns:a16="http://schemas.microsoft.com/office/drawing/2014/main" id="{256F10BD-8E44-56C5-3CA5-6AF420695C6D}"/>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232" name="Oval 231">
              <a:extLst>
                <a:ext uri="{FF2B5EF4-FFF2-40B4-BE49-F238E27FC236}">
                  <a16:creationId xmlns:a16="http://schemas.microsoft.com/office/drawing/2014/main" id="{E69AA712-0311-16F9-BFDC-7B1FBD0B4A50}"/>
                </a:ext>
              </a:extLst>
            </p:cNvPr>
            <p:cNvSpPr/>
            <p:nvPr/>
          </p:nvSpPr>
          <p:spPr>
            <a:xfrm>
              <a:off x="1400540"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242" name="TextBox 241">
            <a:extLst>
              <a:ext uri="{FF2B5EF4-FFF2-40B4-BE49-F238E27FC236}">
                <a16:creationId xmlns:a16="http://schemas.microsoft.com/office/drawing/2014/main" id="{82BAA869-CD9F-E951-48DE-1B79A37D6DF1}"/>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241" name="Group 240" descr="Vurdering af organisatorisk kompleksitet, 2 ud af 10">
            <a:extLst>
              <a:ext uri="{FF2B5EF4-FFF2-40B4-BE49-F238E27FC236}">
                <a16:creationId xmlns:a16="http://schemas.microsoft.com/office/drawing/2014/main" id="{A15FDDD5-D70B-3D19-7B2B-ECB30D04782C}"/>
              </a:ext>
            </a:extLst>
          </p:cNvPr>
          <p:cNvGrpSpPr/>
          <p:nvPr/>
        </p:nvGrpSpPr>
        <p:grpSpPr>
          <a:xfrm>
            <a:off x="4756737" y="5395827"/>
            <a:ext cx="1707066" cy="248033"/>
            <a:chOff x="860772" y="4916533"/>
            <a:chExt cx="1487909" cy="216189"/>
          </a:xfrm>
        </p:grpSpPr>
        <p:grpSp>
          <p:nvGrpSpPr>
            <p:cNvPr id="243" name="Group 242">
              <a:extLst>
                <a:ext uri="{FF2B5EF4-FFF2-40B4-BE49-F238E27FC236}">
                  <a16:creationId xmlns:a16="http://schemas.microsoft.com/office/drawing/2014/main" id="{92A67BE2-FA24-3CD4-CFE8-A8E9E7690521}"/>
                </a:ext>
              </a:extLst>
            </p:cNvPr>
            <p:cNvGrpSpPr/>
            <p:nvPr/>
          </p:nvGrpSpPr>
          <p:grpSpPr>
            <a:xfrm>
              <a:off x="860772" y="4916533"/>
              <a:ext cx="1487909" cy="180194"/>
              <a:chOff x="5354949" y="3040512"/>
              <a:chExt cx="1645739" cy="171957"/>
            </a:xfrm>
          </p:grpSpPr>
          <p:grpSp>
            <p:nvGrpSpPr>
              <p:cNvPr id="245" name="Group 244">
                <a:extLst>
                  <a:ext uri="{FF2B5EF4-FFF2-40B4-BE49-F238E27FC236}">
                    <a16:creationId xmlns:a16="http://schemas.microsoft.com/office/drawing/2014/main" id="{4857AF1A-DF91-119F-DC9C-4181EA984512}"/>
                  </a:ext>
                </a:extLst>
              </p:cNvPr>
              <p:cNvGrpSpPr/>
              <p:nvPr/>
            </p:nvGrpSpPr>
            <p:grpSpPr>
              <a:xfrm>
                <a:off x="5458296" y="3153610"/>
                <a:ext cx="1445092" cy="45719"/>
                <a:chOff x="5458296" y="3153610"/>
                <a:chExt cx="1445092" cy="45719"/>
              </a:xfrm>
            </p:grpSpPr>
            <p:cxnSp>
              <p:nvCxnSpPr>
                <p:cNvPr id="249" name="Straight Connector 248">
                  <a:extLst>
                    <a:ext uri="{FF2B5EF4-FFF2-40B4-BE49-F238E27FC236}">
                      <a16:creationId xmlns:a16="http://schemas.microsoft.com/office/drawing/2014/main" id="{1B20401D-463F-4665-F43D-2EC7840A3906}"/>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50" name="Oval 249">
                  <a:extLst>
                    <a:ext uri="{FF2B5EF4-FFF2-40B4-BE49-F238E27FC236}">
                      <a16:creationId xmlns:a16="http://schemas.microsoft.com/office/drawing/2014/main" id="{2CF88FF0-3A6E-E23D-EBDC-E1A6438E0367}"/>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51" name="Oval 250">
                  <a:extLst>
                    <a:ext uri="{FF2B5EF4-FFF2-40B4-BE49-F238E27FC236}">
                      <a16:creationId xmlns:a16="http://schemas.microsoft.com/office/drawing/2014/main" id="{8C722131-A452-E761-7957-ACD3CB2DE7CD}"/>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46" name="Straight Connector 245">
                <a:extLst>
                  <a:ext uri="{FF2B5EF4-FFF2-40B4-BE49-F238E27FC236}">
                    <a16:creationId xmlns:a16="http://schemas.microsoft.com/office/drawing/2014/main" id="{5FFAC175-D47F-DC84-D22E-F7AFEA06BE82}"/>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47" name="TextBox 246">
                <a:extLst>
                  <a:ext uri="{FF2B5EF4-FFF2-40B4-BE49-F238E27FC236}">
                    <a16:creationId xmlns:a16="http://schemas.microsoft.com/office/drawing/2014/main" id="{649343A3-572B-2146-2443-F151B4B15A9A}"/>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248" name="TextBox 247">
                <a:extLst>
                  <a:ext uri="{FF2B5EF4-FFF2-40B4-BE49-F238E27FC236}">
                    <a16:creationId xmlns:a16="http://schemas.microsoft.com/office/drawing/2014/main" id="{DC57E28E-DA59-A067-9F98-2DA598041B39}"/>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244" name="Oval 243">
              <a:extLst>
                <a:ext uri="{FF2B5EF4-FFF2-40B4-BE49-F238E27FC236}">
                  <a16:creationId xmlns:a16="http://schemas.microsoft.com/office/drawing/2014/main" id="{849C6447-99A3-608E-E0FF-0FA8A1E93D7A}"/>
                </a:ext>
              </a:extLst>
            </p:cNvPr>
            <p:cNvSpPr/>
            <p:nvPr/>
          </p:nvSpPr>
          <p:spPr>
            <a:xfrm>
              <a:off x="1170109"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254" name="TextBox 253">
            <a:extLst>
              <a:ext uri="{FF2B5EF4-FFF2-40B4-BE49-F238E27FC236}">
                <a16:creationId xmlns:a16="http://schemas.microsoft.com/office/drawing/2014/main" id="{DCCF0A8C-246D-90B4-A568-8FDD710A5C42}"/>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grpSp>
        <p:nvGrpSpPr>
          <p:cNvPr id="253" name="Group 252" descr="Vurdering af juridisk kompleksitet, 4 ud af 10">
            <a:extLst>
              <a:ext uri="{FF2B5EF4-FFF2-40B4-BE49-F238E27FC236}">
                <a16:creationId xmlns:a16="http://schemas.microsoft.com/office/drawing/2014/main" id="{4E474083-AC45-2E3D-F5B5-4B62FF1E6087}"/>
              </a:ext>
            </a:extLst>
          </p:cNvPr>
          <p:cNvGrpSpPr/>
          <p:nvPr/>
        </p:nvGrpSpPr>
        <p:grpSpPr>
          <a:xfrm>
            <a:off x="4754048" y="5907971"/>
            <a:ext cx="1707066" cy="248033"/>
            <a:chOff x="860772" y="4916533"/>
            <a:chExt cx="1487909" cy="216189"/>
          </a:xfrm>
        </p:grpSpPr>
        <p:grpSp>
          <p:nvGrpSpPr>
            <p:cNvPr id="255" name="Group 254">
              <a:extLst>
                <a:ext uri="{FF2B5EF4-FFF2-40B4-BE49-F238E27FC236}">
                  <a16:creationId xmlns:a16="http://schemas.microsoft.com/office/drawing/2014/main" id="{FB44AAFF-3776-5C32-9522-52859D6C5235}"/>
                </a:ext>
              </a:extLst>
            </p:cNvPr>
            <p:cNvGrpSpPr/>
            <p:nvPr/>
          </p:nvGrpSpPr>
          <p:grpSpPr>
            <a:xfrm>
              <a:off x="860772" y="4916533"/>
              <a:ext cx="1487909" cy="180194"/>
              <a:chOff x="5354949" y="3040512"/>
              <a:chExt cx="1645739" cy="171957"/>
            </a:xfrm>
          </p:grpSpPr>
          <p:grpSp>
            <p:nvGrpSpPr>
              <p:cNvPr id="257" name="Group 256">
                <a:extLst>
                  <a:ext uri="{FF2B5EF4-FFF2-40B4-BE49-F238E27FC236}">
                    <a16:creationId xmlns:a16="http://schemas.microsoft.com/office/drawing/2014/main" id="{34862444-7A9C-1CB0-011B-7582A752479A}"/>
                  </a:ext>
                </a:extLst>
              </p:cNvPr>
              <p:cNvGrpSpPr/>
              <p:nvPr/>
            </p:nvGrpSpPr>
            <p:grpSpPr>
              <a:xfrm>
                <a:off x="5458296" y="3153610"/>
                <a:ext cx="1445092" cy="45719"/>
                <a:chOff x="5458296" y="3153610"/>
                <a:chExt cx="1445092" cy="45719"/>
              </a:xfrm>
            </p:grpSpPr>
            <p:cxnSp>
              <p:nvCxnSpPr>
                <p:cNvPr id="261" name="Straight Connector 260">
                  <a:extLst>
                    <a:ext uri="{FF2B5EF4-FFF2-40B4-BE49-F238E27FC236}">
                      <a16:creationId xmlns:a16="http://schemas.microsoft.com/office/drawing/2014/main" id="{6E67C2F1-03DE-8264-363B-26F10B82251E}"/>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62" name="Oval 261">
                  <a:extLst>
                    <a:ext uri="{FF2B5EF4-FFF2-40B4-BE49-F238E27FC236}">
                      <a16:creationId xmlns:a16="http://schemas.microsoft.com/office/drawing/2014/main" id="{B3F09F59-C591-EAE6-7F1A-FCE54B16643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263" name="Oval 262">
                  <a:extLst>
                    <a:ext uri="{FF2B5EF4-FFF2-40B4-BE49-F238E27FC236}">
                      <a16:creationId xmlns:a16="http://schemas.microsoft.com/office/drawing/2014/main" id="{BB963E06-1C13-6661-640A-C4B7F219E792}"/>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258" name="Straight Connector 257">
                <a:extLst>
                  <a:ext uri="{FF2B5EF4-FFF2-40B4-BE49-F238E27FC236}">
                    <a16:creationId xmlns:a16="http://schemas.microsoft.com/office/drawing/2014/main" id="{D57DB316-1E76-82CA-41F5-00676071CB41}"/>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259" name="TextBox 258">
                <a:extLst>
                  <a:ext uri="{FF2B5EF4-FFF2-40B4-BE49-F238E27FC236}">
                    <a16:creationId xmlns:a16="http://schemas.microsoft.com/office/drawing/2014/main" id="{968907A6-CB54-AD42-36DE-80C1C4B06635}"/>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260" name="TextBox 259">
                <a:extLst>
                  <a:ext uri="{FF2B5EF4-FFF2-40B4-BE49-F238E27FC236}">
                    <a16:creationId xmlns:a16="http://schemas.microsoft.com/office/drawing/2014/main" id="{1C3A5967-3742-0E2A-465D-70DF997CB74A}"/>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256" name="Oval 255">
              <a:extLst>
                <a:ext uri="{FF2B5EF4-FFF2-40B4-BE49-F238E27FC236}">
                  <a16:creationId xmlns:a16="http://schemas.microsoft.com/office/drawing/2014/main" id="{446A64C7-ACF4-BF62-CF65-91BECD98A169}"/>
                </a:ext>
              </a:extLst>
            </p:cNvPr>
            <p:cNvSpPr/>
            <p:nvPr/>
          </p:nvSpPr>
          <p:spPr>
            <a:xfrm>
              <a:off x="1404669"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264" name="Left Brace 263">
            <a:extLst>
              <a:ext uri="{FF2B5EF4-FFF2-40B4-BE49-F238E27FC236}">
                <a16:creationId xmlns:a16="http://schemas.microsoft.com/office/drawing/2014/main" id="{77CD0314-8D87-585C-7252-85EC92AD4DD2}"/>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64" name="Rectangle: Top Corners Rounded 63">
            <a:extLst>
              <a:ext uri="{FF2B5EF4-FFF2-40B4-BE49-F238E27FC236}">
                <a16:creationId xmlns:a16="http://schemas.microsoft.com/office/drawing/2014/main" id="{03CB6B6E-1B7E-F82E-BCA8-FD4ABC966FEE}"/>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4" name="Rektangel: afrundede hjørner 10">
            <a:extLst>
              <a:ext uri="{FF2B5EF4-FFF2-40B4-BE49-F238E27FC236}">
                <a16:creationId xmlns:a16="http://schemas.microsoft.com/office/drawing/2014/main" id="{E7484CF0-BC7E-3025-FBC9-C8BD534E1CAB}"/>
              </a:ext>
              <a:ext uri="{C183D7F6-B498-43B3-948B-1728B52AA6E4}">
                <adec:decorative xmlns:adec="http://schemas.microsoft.com/office/drawing/2017/decorative" val="1"/>
              </a:ext>
            </a:extLst>
          </p:cNvPr>
          <p:cNvSpPr>
            <a:spLocks/>
          </p:cNvSpPr>
          <p:nvPr/>
        </p:nvSpPr>
        <p:spPr>
          <a:xfrm>
            <a:off x="7242764" y="222872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D7AD2297-9422-F058-CE9E-B3AD64F57CCF}"/>
              </a:ext>
              <a:ext uri="{C183D7F6-B498-43B3-948B-1728B52AA6E4}">
                <adec:decorative xmlns:adec="http://schemas.microsoft.com/office/drawing/2017/decorative" val="1"/>
              </a:ext>
            </a:extLst>
          </p:cNvPr>
          <p:cNvSpPr>
            <a:spLocks noEditPoints="1"/>
          </p:cNvSpPr>
          <p:nvPr/>
        </p:nvSpPr>
        <p:spPr bwMode="auto">
          <a:xfrm>
            <a:off x="7289024" y="229402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7" name="Rektangel: afrundede hjørner 5">
            <a:extLst>
              <a:ext uri="{FF2B5EF4-FFF2-40B4-BE49-F238E27FC236}">
                <a16:creationId xmlns:a16="http://schemas.microsoft.com/office/drawing/2014/main" id="{71B49C80-736D-AE66-59A0-ED4932CE4D60}"/>
              </a:ext>
              <a:ext uri="{C183D7F6-B498-43B3-948B-1728B52AA6E4}">
                <adec:decorative xmlns:adec="http://schemas.microsoft.com/office/drawing/2017/decorative" val="1"/>
              </a:ext>
            </a:extLst>
          </p:cNvPr>
          <p:cNvSpPr>
            <a:spLocks/>
          </p:cNvSpPr>
          <p:nvPr/>
        </p:nvSpPr>
        <p:spPr>
          <a:xfrm>
            <a:off x="7242764" y="2651061"/>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grpSp>
        <p:nvGrpSpPr>
          <p:cNvPr id="29" name="Group 45">
            <a:extLst>
              <a:ext uri="{FF2B5EF4-FFF2-40B4-BE49-F238E27FC236}">
                <a16:creationId xmlns:a16="http://schemas.microsoft.com/office/drawing/2014/main" id="{FE06B22E-0C67-4952-6B20-2535BD270CEC}"/>
              </a:ext>
              <a:ext uri="{C183D7F6-B498-43B3-948B-1728B52AA6E4}">
                <adec:decorative xmlns:adec="http://schemas.microsoft.com/office/drawing/2017/decorative" val="1"/>
              </a:ext>
            </a:extLst>
          </p:cNvPr>
          <p:cNvGrpSpPr>
            <a:grpSpLocks/>
          </p:cNvGrpSpPr>
          <p:nvPr/>
        </p:nvGrpSpPr>
        <p:grpSpPr>
          <a:xfrm>
            <a:off x="7310599" y="2707229"/>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2A3A7DCD-CB54-018F-C907-6928737AAD3F}"/>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7D2310F1-2CBE-A0C1-1FAA-233B2D479563}"/>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1D1DF6E4-9860-4EE2-F007-22DBC3D30A76}"/>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1BAAF4B1-0C25-3F79-1939-2FE631F5768B}"/>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30" name="Rektangel: afrundede hjørner 9">
            <a:extLst>
              <a:ext uri="{FF2B5EF4-FFF2-40B4-BE49-F238E27FC236}">
                <a16:creationId xmlns:a16="http://schemas.microsoft.com/office/drawing/2014/main" id="{41619E5C-975A-26DF-B606-C11B7E714DF2}"/>
              </a:ext>
              <a:ext uri="{C183D7F6-B498-43B3-948B-1728B52AA6E4}">
                <adec:decorative xmlns:adec="http://schemas.microsoft.com/office/drawing/2017/decorative" val="1"/>
              </a:ext>
            </a:extLst>
          </p:cNvPr>
          <p:cNvSpPr>
            <a:spLocks/>
          </p:cNvSpPr>
          <p:nvPr/>
        </p:nvSpPr>
        <p:spPr>
          <a:xfrm>
            <a:off x="7242991" y="3073402"/>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2" name="Freeform 6">
            <a:extLst>
              <a:ext uri="{FF2B5EF4-FFF2-40B4-BE49-F238E27FC236}">
                <a16:creationId xmlns:a16="http://schemas.microsoft.com/office/drawing/2014/main" id="{57BC4C16-9BAB-9DAA-305E-3CE9B9523A46}"/>
              </a:ext>
              <a:ext uri="{C183D7F6-B498-43B3-948B-1728B52AA6E4}">
                <adec:decorative xmlns:adec="http://schemas.microsoft.com/office/drawing/2017/decorative" val="1"/>
              </a:ext>
            </a:extLst>
          </p:cNvPr>
          <p:cNvSpPr>
            <a:spLocks noChangeAspect="1" noEditPoints="1"/>
          </p:cNvSpPr>
          <p:nvPr/>
        </p:nvSpPr>
        <p:spPr bwMode="auto">
          <a:xfrm>
            <a:off x="7298989" y="3133958"/>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33" name="Rektangel: afrundede hjørner 39">
            <a:extLst>
              <a:ext uri="{FF2B5EF4-FFF2-40B4-BE49-F238E27FC236}">
                <a16:creationId xmlns:a16="http://schemas.microsoft.com/office/drawing/2014/main" id="{F7AE54D0-0939-0237-E80C-EC463B6FC840}"/>
              </a:ext>
              <a:ext uri="{C183D7F6-B498-43B3-948B-1728B52AA6E4}">
                <adec:decorative xmlns:adec="http://schemas.microsoft.com/office/drawing/2017/decorative" val="1"/>
              </a:ext>
            </a:extLst>
          </p:cNvPr>
          <p:cNvSpPr>
            <a:spLocks/>
          </p:cNvSpPr>
          <p:nvPr/>
        </p:nvSpPr>
        <p:spPr>
          <a:xfrm>
            <a:off x="7242991" y="3495743"/>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6" name="Freeform 8">
            <a:extLst>
              <a:ext uri="{FF2B5EF4-FFF2-40B4-BE49-F238E27FC236}">
                <a16:creationId xmlns:a16="http://schemas.microsoft.com/office/drawing/2014/main" id="{39A934D6-A2A7-E32E-8898-147E085EF9CE}"/>
              </a:ext>
              <a:ext uri="{C183D7F6-B498-43B3-948B-1728B52AA6E4}">
                <adec:decorative xmlns:adec="http://schemas.microsoft.com/office/drawing/2017/decorative" val="1"/>
              </a:ext>
            </a:extLst>
          </p:cNvPr>
          <p:cNvSpPr>
            <a:spLocks noChangeAspect="1" noEditPoints="1"/>
          </p:cNvSpPr>
          <p:nvPr/>
        </p:nvSpPr>
        <p:spPr bwMode="auto">
          <a:xfrm>
            <a:off x="7311666" y="3561636"/>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96" name="Free-form: Shape 1">
            <a:extLst>
              <a:ext uri="{FF2B5EF4-FFF2-40B4-BE49-F238E27FC236}">
                <a16:creationId xmlns:a16="http://schemas.microsoft.com/office/drawing/2014/main" id="{8EAD6692-9072-99B7-4F99-7665630CEBE1}"/>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F6F0409A-970B-B129-8F3F-DAEEA17A358C}"/>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44DB57FA-EDD2-B68D-7955-9891D16F23DF}"/>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6A915AEF-A561-968A-B4CE-BD91CBB59674}"/>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4A1B39ED-8357-ED8E-D316-913C7D380942}"/>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5C4C96F0-30B9-22FE-14C2-2172910287BF}"/>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34" name="TextBox 133">
            <a:extLst>
              <a:ext uri="{FF2B5EF4-FFF2-40B4-BE49-F238E27FC236}">
                <a16:creationId xmlns:a16="http://schemas.microsoft.com/office/drawing/2014/main" id="{AB0BB896-1006-0951-F1DB-C46D504252A8}"/>
              </a:ext>
            </a:extLst>
          </p:cNvPr>
          <p:cNvSpPr txBox="1"/>
          <p:nvPr/>
        </p:nvSpPr>
        <p:spPr>
          <a:xfrm>
            <a:off x="7249102" y="1874760"/>
            <a:ext cx="2162754" cy="246221"/>
          </a:xfrm>
          <a:prstGeom prst="rect">
            <a:avLst/>
          </a:prstGeom>
          <a:noFill/>
        </p:spPr>
        <p:txBody>
          <a:bodyPr wrap="square" lIns="0">
            <a:spAutoFit/>
          </a:bodyPr>
          <a:lstStyle/>
          <a:p>
            <a:r>
              <a:rPr lang="da-DK" sz="1000" b="1" noProof="0">
                <a:solidFill>
                  <a:srgbClr val="36465A"/>
                </a:solidFill>
              </a:rPr>
              <a:t>Udfordringer adresseret</a:t>
            </a:r>
            <a:endParaRPr lang="da-DK" sz="1000" noProof="0">
              <a:solidFill>
                <a:srgbClr val="36465A"/>
              </a:solidFill>
            </a:endParaRPr>
          </a:p>
        </p:txBody>
      </p:sp>
      <p:sp>
        <p:nvSpPr>
          <p:cNvPr id="26" name="TextBox 4">
            <a:extLst>
              <a:ext uri="{FF2B5EF4-FFF2-40B4-BE49-F238E27FC236}">
                <a16:creationId xmlns:a16="http://schemas.microsoft.com/office/drawing/2014/main" id="{94B8A07F-5BD1-DB71-3639-D1BD749D08FB}"/>
              </a:ext>
              <a:ext uri="{C183D7F6-B498-43B3-948B-1728B52AA6E4}">
                <adec:decorative xmlns:adec="http://schemas.microsoft.com/office/drawing/2017/decorative" val="0"/>
              </a:ext>
            </a:extLst>
          </p:cNvPr>
          <p:cNvSpPr txBox="1">
            <a:spLocks/>
          </p:cNvSpPr>
          <p:nvPr/>
        </p:nvSpPr>
        <p:spPr>
          <a:xfrm>
            <a:off x="7527006" y="2244023"/>
            <a:ext cx="1931343" cy="296832"/>
          </a:xfrm>
          <a:prstGeom prst="rect">
            <a:avLst/>
          </a:prstGeom>
          <a:noFill/>
        </p:spPr>
        <p:txBody>
          <a:bodyPr wrap="square" rtlCol="0" anchor="ctr">
            <a:noAutofit/>
          </a:bodyPr>
          <a:lstStyle/>
          <a:p>
            <a:r>
              <a:rPr lang="da-DK" sz="700" b="1" noProof="0" dirty="0">
                <a:solidFill>
                  <a:srgbClr val="024D78"/>
                </a:solidFill>
              </a:rPr>
              <a:t>01 | Høj afhængighed af større leverandører og manglende konkurrence</a:t>
            </a:r>
          </a:p>
        </p:txBody>
      </p:sp>
      <p:sp>
        <p:nvSpPr>
          <p:cNvPr id="28" name="TextBox 11">
            <a:extLst>
              <a:ext uri="{FF2B5EF4-FFF2-40B4-BE49-F238E27FC236}">
                <a16:creationId xmlns:a16="http://schemas.microsoft.com/office/drawing/2014/main" id="{3AFD6AD8-6A96-59D6-20DA-3D6D8072A981}"/>
              </a:ext>
              <a:ext uri="{C183D7F6-B498-43B3-948B-1728B52AA6E4}">
                <adec:decorative xmlns:adec="http://schemas.microsoft.com/office/drawing/2017/decorative" val="0"/>
              </a:ext>
            </a:extLst>
          </p:cNvPr>
          <p:cNvSpPr txBox="1">
            <a:spLocks/>
          </p:cNvSpPr>
          <p:nvPr/>
        </p:nvSpPr>
        <p:spPr>
          <a:xfrm>
            <a:off x="7527006" y="2671796"/>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dirty="0"/>
              <a:t>02 | Manglende kontrol og transparens over egne data</a:t>
            </a:r>
          </a:p>
        </p:txBody>
      </p:sp>
      <p:sp>
        <p:nvSpPr>
          <p:cNvPr id="31" name="TextBox 23">
            <a:extLst>
              <a:ext uri="{FF2B5EF4-FFF2-40B4-BE49-F238E27FC236}">
                <a16:creationId xmlns:a16="http://schemas.microsoft.com/office/drawing/2014/main" id="{DD6E5A41-8A38-340A-20CC-5E8C7354579A}"/>
              </a:ext>
              <a:ext uri="{C183D7F6-B498-43B3-948B-1728B52AA6E4}">
                <adec:decorative xmlns:adec="http://schemas.microsoft.com/office/drawing/2017/decorative" val="0"/>
              </a:ext>
            </a:extLst>
          </p:cNvPr>
          <p:cNvSpPr txBox="1">
            <a:spLocks/>
          </p:cNvSpPr>
          <p:nvPr/>
        </p:nvSpPr>
        <p:spPr>
          <a:xfrm>
            <a:off x="7526779" y="3094137"/>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dirty="0"/>
              <a:t>03 | Begrænset kontrol og styring af digitale løsninger</a:t>
            </a:r>
          </a:p>
        </p:txBody>
      </p:sp>
      <p:sp>
        <p:nvSpPr>
          <p:cNvPr id="34" name="TextBox 27">
            <a:extLst>
              <a:ext uri="{FF2B5EF4-FFF2-40B4-BE49-F238E27FC236}">
                <a16:creationId xmlns:a16="http://schemas.microsoft.com/office/drawing/2014/main" id="{7CB19A86-2857-128B-85A3-7B89AAEECE68}"/>
              </a:ext>
              <a:ext uri="{C183D7F6-B498-43B3-948B-1728B52AA6E4}">
                <adec:decorative xmlns:adec="http://schemas.microsoft.com/office/drawing/2017/decorative" val="0"/>
              </a:ext>
            </a:extLst>
          </p:cNvPr>
          <p:cNvSpPr txBox="1">
            <a:spLocks/>
          </p:cNvSpPr>
          <p:nvPr/>
        </p:nvSpPr>
        <p:spPr>
          <a:xfrm>
            <a:off x="7526779" y="3516753"/>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dirty="0"/>
              <a:t>04 | Sårbarheder i den digitale forsyningssikkerhed</a:t>
            </a:r>
          </a:p>
        </p:txBody>
      </p:sp>
      <p:sp>
        <p:nvSpPr>
          <p:cNvPr id="138" name="TextBox 137">
            <a:extLst>
              <a:ext uri="{FF2B5EF4-FFF2-40B4-BE49-F238E27FC236}">
                <a16:creationId xmlns:a16="http://schemas.microsoft.com/office/drawing/2014/main" id="{260D7854-9FC8-C61F-72A6-2127F86E71C0}"/>
              </a:ext>
            </a:extLst>
          </p:cNvPr>
          <p:cNvSpPr txBox="1"/>
          <p:nvPr/>
        </p:nvSpPr>
        <p:spPr>
          <a:xfrm>
            <a:off x="9469157" y="1874760"/>
            <a:ext cx="1931344" cy="246221"/>
          </a:xfrm>
          <a:prstGeom prst="rect">
            <a:avLst/>
          </a:prstGeom>
          <a:noFill/>
        </p:spPr>
        <p:txBody>
          <a:bodyPr wrap="square" lIns="72000">
            <a:spAutoFit/>
          </a:bodyPr>
          <a:lstStyle/>
          <a:p>
            <a:r>
              <a:rPr lang="da-DK" sz="1000" b="1" noProof="0" dirty="0">
                <a:solidFill>
                  <a:srgbClr val="36465A"/>
                </a:solidFill>
              </a:rPr>
              <a:t>Gevinster</a:t>
            </a:r>
            <a:endParaRPr lang="da-DK" sz="1000" noProof="0" dirty="0">
              <a:solidFill>
                <a:srgbClr val="36465A"/>
              </a:solidFill>
            </a:endParaRPr>
          </a:p>
        </p:txBody>
      </p:sp>
      <p:sp>
        <p:nvSpPr>
          <p:cNvPr id="198" name="TextBox 197">
            <a:extLst>
              <a:ext uri="{FF2B5EF4-FFF2-40B4-BE49-F238E27FC236}">
                <a16:creationId xmlns:a16="http://schemas.microsoft.com/office/drawing/2014/main" id="{0C6D91EC-53E2-F3FD-A49F-7AB926B4000F}"/>
              </a:ext>
            </a:extLst>
          </p:cNvPr>
          <p:cNvSpPr txBox="1"/>
          <p:nvPr/>
        </p:nvSpPr>
        <p:spPr>
          <a:xfrm>
            <a:off x="9857248" y="2233094"/>
            <a:ext cx="1495241"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Øget transparens over kritiske afhængigheder og risici.</a:t>
            </a:r>
          </a:p>
        </p:txBody>
      </p:sp>
      <p:sp>
        <p:nvSpPr>
          <p:cNvPr id="199" name="TextBox 198">
            <a:extLst>
              <a:ext uri="{FF2B5EF4-FFF2-40B4-BE49-F238E27FC236}">
                <a16:creationId xmlns:a16="http://schemas.microsoft.com/office/drawing/2014/main" id="{313BA117-2924-EEF4-3FEB-24A2D7DEA950}"/>
              </a:ext>
            </a:extLst>
          </p:cNvPr>
          <p:cNvSpPr txBox="1"/>
          <p:nvPr/>
        </p:nvSpPr>
        <p:spPr>
          <a:xfrm>
            <a:off x="9857248" y="2788337"/>
            <a:ext cx="1436160" cy="661720"/>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lang="da-DK" sz="1000" noProof="0">
                <a:solidFill>
                  <a:srgbClr val="000000"/>
                </a:solidFill>
                <a:latin typeface="Arial" panose="020B0604020202020204" pitchFamily="34" charset="0"/>
              </a:rPr>
              <a:t>Bedre</a:t>
            </a:r>
            <a:r>
              <a:rPr kumimoji="0" lang="da-DK" sz="1000" b="0" i="0" u="none" strike="noStrike" kern="1200" cap="none" spc="0" normalizeH="0" baseline="0" noProof="0">
                <a:ln>
                  <a:noFill/>
                </a:ln>
                <a:solidFill>
                  <a:srgbClr val="000000"/>
                </a:solidFill>
                <a:effectLst/>
                <a:uLnTx/>
                <a:uFillTx/>
                <a:latin typeface="Arial" panose="020B0604020202020204" pitchFamily="34" charset="0"/>
                <a:ea typeface="+mn-ea"/>
                <a:cs typeface="+mn-cs"/>
              </a:rPr>
              <a:t> risikobaseret prioritering af indsatser for øget digital suverænitet.</a:t>
            </a:r>
          </a:p>
        </p:txBody>
      </p:sp>
      <p:sp>
        <p:nvSpPr>
          <p:cNvPr id="5" name="TextBox 4">
            <a:extLst>
              <a:ext uri="{FF2B5EF4-FFF2-40B4-BE49-F238E27FC236}">
                <a16:creationId xmlns:a16="http://schemas.microsoft.com/office/drawing/2014/main" id="{D7B1A848-92C0-7D0E-05FD-3E6EA56A0573}"/>
              </a:ext>
            </a:extLst>
          </p:cNvPr>
          <p:cNvSpPr txBox="1"/>
          <p:nvPr/>
        </p:nvSpPr>
        <p:spPr>
          <a:xfrm>
            <a:off x="7135196" y="4384984"/>
            <a:ext cx="4080640" cy="246221"/>
          </a:xfrm>
          <a:prstGeom prst="rect">
            <a:avLst/>
          </a:prstGeom>
          <a:noFill/>
        </p:spPr>
        <p:txBody>
          <a:bodyPr wrap="square">
            <a:spAutoFit/>
          </a:bodyPr>
          <a:lstStyle/>
          <a:p>
            <a:r>
              <a:rPr lang="da-DK" sz="1000" b="1" noProof="0"/>
              <a:t>Forudsætninger for effektiv implementering</a:t>
            </a:r>
            <a:endParaRPr lang="da-DK" sz="1000" noProof="0"/>
          </a:p>
        </p:txBody>
      </p:sp>
      <p:sp>
        <p:nvSpPr>
          <p:cNvPr id="300" name="Rounded Rectangle 127">
            <a:extLst>
              <a:ext uri="{FF2B5EF4-FFF2-40B4-BE49-F238E27FC236}">
                <a16:creationId xmlns:a16="http://schemas.microsoft.com/office/drawing/2014/main" id="{9DF8FB29-FB4B-C35F-7323-909D26BD75F0}"/>
              </a:ext>
              <a:ext uri="{C183D7F6-B498-43B3-948B-1728B52AA6E4}">
                <adec:decorative xmlns:adec="http://schemas.microsoft.com/office/drawing/2017/decorative" val="0"/>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dirty="0">
                <a:solidFill>
                  <a:schemeClr val="tx1"/>
                </a:solidFill>
                <a:latin typeface="Arial" panose="020B0604020202020204" pitchFamily="34" charset="0"/>
              </a:rPr>
              <a:t>Ressourcer og økonomi til fælles udvikling af analyseværktøj med dimensioner og risikoscore baseret på digital suverænitet.</a:t>
            </a:r>
          </a:p>
        </p:txBody>
      </p:sp>
      <p:sp>
        <p:nvSpPr>
          <p:cNvPr id="18" name="Rounded Rectangle 127">
            <a:extLst>
              <a:ext uri="{FF2B5EF4-FFF2-40B4-BE49-F238E27FC236}">
                <a16:creationId xmlns:a16="http://schemas.microsoft.com/office/drawing/2014/main" id="{AF6468EE-160B-FE90-6AED-AAAD4CDA3F81}"/>
              </a:ext>
              <a:ext uri="{C183D7F6-B498-43B3-948B-1728B52AA6E4}">
                <adec:decorative xmlns:adec="http://schemas.microsoft.com/office/drawing/2017/decorative" val="0"/>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Fællesoffentlig eller sektorbaseret målsætning og evt. forpligtende aftale om at gennemføre analysen hos alle myndigheder. </a:t>
            </a:r>
          </a:p>
        </p:txBody>
      </p:sp>
      <p:sp>
        <p:nvSpPr>
          <p:cNvPr id="40" name="Rounded Rectangle 127">
            <a:extLst>
              <a:ext uri="{FF2B5EF4-FFF2-40B4-BE49-F238E27FC236}">
                <a16:creationId xmlns:a16="http://schemas.microsoft.com/office/drawing/2014/main" id="{4A1B3CFF-FB51-8C00-CD43-A098147F1E79}"/>
              </a:ext>
              <a:ext uri="{C183D7F6-B498-43B3-948B-1728B52AA6E4}">
                <adec:decorative xmlns:adec="http://schemas.microsoft.com/office/drawing/2017/decorative" val="0"/>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Prioritering af ressourcer i den enkelte myndighed til at gennemføre analysen.</a:t>
            </a:r>
          </a:p>
        </p:txBody>
      </p:sp>
      <p:grpSp>
        <p:nvGrpSpPr>
          <p:cNvPr id="301" name="Group 300">
            <a:extLst>
              <a:ext uri="{FF2B5EF4-FFF2-40B4-BE49-F238E27FC236}">
                <a16:creationId xmlns:a16="http://schemas.microsoft.com/office/drawing/2014/main" id="{7B647108-B0E6-70B9-AB3A-B90DFBB9F817}"/>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302" name="Oval 301">
              <a:extLst>
                <a:ext uri="{FF2B5EF4-FFF2-40B4-BE49-F238E27FC236}">
                  <a16:creationId xmlns:a16="http://schemas.microsoft.com/office/drawing/2014/main" id="{26E15774-4DA2-1A74-BA2C-D0AEF2AB288C}"/>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03" name="Oval 302">
              <a:extLst>
                <a:ext uri="{FF2B5EF4-FFF2-40B4-BE49-F238E27FC236}">
                  <a16:creationId xmlns:a16="http://schemas.microsoft.com/office/drawing/2014/main" id="{54614544-CA4C-4E4B-B67D-80F4A3A74EE5}"/>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grpSp>
        <p:nvGrpSpPr>
          <p:cNvPr id="47" name="Group 46">
            <a:extLst>
              <a:ext uri="{FF2B5EF4-FFF2-40B4-BE49-F238E27FC236}">
                <a16:creationId xmlns:a16="http://schemas.microsoft.com/office/drawing/2014/main" id="{F3C7194A-7AB7-675D-D4EB-842E9ECD5664}"/>
              </a:ext>
              <a:ext uri="{C183D7F6-B498-43B3-948B-1728B52AA6E4}">
                <adec:decorative xmlns:adec="http://schemas.microsoft.com/office/drawing/2017/decorative" val="1"/>
              </a:ext>
            </a:extLst>
          </p:cNvPr>
          <p:cNvGrpSpPr/>
          <p:nvPr/>
        </p:nvGrpSpPr>
        <p:grpSpPr>
          <a:xfrm>
            <a:off x="9565600" y="2233094"/>
            <a:ext cx="218250" cy="210236"/>
            <a:chOff x="9564973" y="2233094"/>
            <a:chExt cx="218250" cy="210236"/>
          </a:xfrm>
        </p:grpSpPr>
        <p:sp>
          <p:nvSpPr>
            <p:cNvPr id="132" name="Oval 131">
              <a:extLst>
                <a:ext uri="{FF2B5EF4-FFF2-40B4-BE49-F238E27FC236}">
                  <a16:creationId xmlns:a16="http://schemas.microsoft.com/office/drawing/2014/main" id="{FA5F1E46-2C61-EED6-B313-A054BC5C2B49}"/>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6" name="Freeform 24">
              <a:extLst>
                <a:ext uri="{FF2B5EF4-FFF2-40B4-BE49-F238E27FC236}">
                  <a16:creationId xmlns:a16="http://schemas.microsoft.com/office/drawing/2014/main" id="{A9E78D4A-AB2B-BC1D-0B06-5D9B813B2ECF}"/>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48" name="Group 47">
            <a:extLst>
              <a:ext uri="{FF2B5EF4-FFF2-40B4-BE49-F238E27FC236}">
                <a16:creationId xmlns:a16="http://schemas.microsoft.com/office/drawing/2014/main" id="{A08C8120-3AF0-A063-52FF-15F2A17C05DC}"/>
              </a:ext>
              <a:ext uri="{C183D7F6-B498-43B3-948B-1728B52AA6E4}">
                <adec:decorative xmlns:adec="http://schemas.microsoft.com/office/drawing/2017/decorative" val="1"/>
              </a:ext>
            </a:extLst>
          </p:cNvPr>
          <p:cNvGrpSpPr/>
          <p:nvPr/>
        </p:nvGrpSpPr>
        <p:grpSpPr>
          <a:xfrm>
            <a:off x="9565600" y="2788337"/>
            <a:ext cx="218250" cy="210236"/>
            <a:chOff x="9564973" y="2233094"/>
            <a:chExt cx="218250" cy="210236"/>
          </a:xfrm>
        </p:grpSpPr>
        <p:sp>
          <p:nvSpPr>
            <p:cNvPr id="49" name="Oval 48">
              <a:extLst>
                <a:ext uri="{FF2B5EF4-FFF2-40B4-BE49-F238E27FC236}">
                  <a16:creationId xmlns:a16="http://schemas.microsoft.com/office/drawing/2014/main" id="{B2988FF9-FD5F-1A93-AF2F-4FAF2F2D8859}"/>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0" name="Freeform 24">
              <a:extLst>
                <a:ext uri="{FF2B5EF4-FFF2-40B4-BE49-F238E27FC236}">
                  <a16:creationId xmlns:a16="http://schemas.microsoft.com/office/drawing/2014/main" id="{22360A3B-3DB2-0169-DBFD-01209D8C6715}"/>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61" name="Group 60">
            <a:extLst>
              <a:ext uri="{FF2B5EF4-FFF2-40B4-BE49-F238E27FC236}">
                <a16:creationId xmlns:a16="http://schemas.microsoft.com/office/drawing/2014/main" id="{8821D39C-40F8-E92C-77EE-C748B3C18B77}"/>
              </a:ext>
              <a:ext uri="{C183D7F6-B498-43B3-948B-1728B52AA6E4}">
                <adec:decorative xmlns:adec="http://schemas.microsoft.com/office/drawing/2017/decorative" val="1"/>
              </a:ext>
            </a:extLst>
          </p:cNvPr>
          <p:cNvGrpSpPr/>
          <p:nvPr/>
        </p:nvGrpSpPr>
        <p:grpSpPr>
          <a:xfrm>
            <a:off x="11616145" y="218164"/>
            <a:ext cx="390155" cy="391051"/>
            <a:chOff x="854516" y="1720217"/>
            <a:chExt cx="606872" cy="608266"/>
          </a:xfrm>
        </p:grpSpPr>
        <p:sp>
          <p:nvSpPr>
            <p:cNvPr id="62" name="Freeform 291">
              <a:extLst>
                <a:ext uri="{FF2B5EF4-FFF2-40B4-BE49-F238E27FC236}">
                  <a16:creationId xmlns:a16="http://schemas.microsoft.com/office/drawing/2014/main" id="{2B5585E3-83DE-C3E3-1B91-609D01A7DACC}"/>
                </a:ext>
              </a:extLst>
            </p:cNvPr>
            <p:cNvSpPr>
              <a:spLocks/>
            </p:cNvSpPr>
            <p:nvPr/>
          </p:nvSpPr>
          <p:spPr bwMode="auto">
            <a:xfrm>
              <a:off x="1028906" y="1720217"/>
              <a:ext cx="432482" cy="538512"/>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6" name="Freeform 292">
              <a:extLst>
                <a:ext uri="{FF2B5EF4-FFF2-40B4-BE49-F238E27FC236}">
                  <a16:creationId xmlns:a16="http://schemas.microsoft.com/office/drawing/2014/main" id="{A2DD681A-F276-863E-E9C7-E386444DC5BD}"/>
                </a:ext>
              </a:extLst>
            </p:cNvPr>
            <p:cNvSpPr>
              <a:spLocks/>
            </p:cNvSpPr>
            <p:nvPr/>
          </p:nvSpPr>
          <p:spPr bwMode="auto">
            <a:xfrm>
              <a:off x="854516" y="1791370"/>
              <a:ext cx="432482" cy="537113"/>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7" name="Freeform 293">
              <a:extLst>
                <a:ext uri="{FF2B5EF4-FFF2-40B4-BE49-F238E27FC236}">
                  <a16:creationId xmlns:a16="http://schemas.microsoft.com/office/drawing/2014/main" id="{B61F4A2D-65C6-22BE-6BA4-11C077513571}"/>
                </a:ext>
              </a:extLst>
            </p:cNvPr>
            <p:cNvSpPr>
              <a:spLocks noEditPoints="1"/>
            </p:cNvSpPr>
            <p:nvPr/>
          </p:nvSpPr>
          <p:spPr bwMode="auto">
            <a:xfrm>
              <a:off x="1017745" y="1861123"/>
              <a:ext cx="280415" cy="351568"/>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4" name="Rectangle 3">
            <a:extLst>
              <a:ext uri="{FF2B5EF4-FFF2-40B4-BE49-F238E27FC236}">
                <a16:creationId xmlns:a16="http://schemas.microsoft.com/office/drawing/2014/main" id="{B0B2E0CD-1AD6-1576-3292-94E9897E7ACA}"/>
              </a:ext>
            </a:extLst>
          </p:cNvPr>
          <p:cNvSpPr/>
          <p:nvPr/>
        </p:nvSpPr>
        <p:spPr>
          <a:xfrm>
            <a:off x="581956" y="6334578"/>
            <a:ext cx="11496500" cy="27059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da-DK" sz="700" i="1" noProof="0">
                <a:solidFill>
                  <a:schemeClr val="tx1"/>
                </a:solidFill>
              </a:rPr>
              <a:t>*</a:t>
            </a:r>
            <a:r>
              <a:rPr lang="da-DK" sz="700" i="1" noProof="0" dirty="0" err="1">
                <a:solidFill>
                  <a:schemeClr val="tx1"/>
                </a:solidFill>
              </a:rPr>
              <a:t>Samfundskritisk</a:t>
            </a:r>
            <a:r>
              <a:rPr lang="da-DK" sz="700" i="1" noProof="0">
                <a:solidFill>
                  <a:schemeClr val="tx1"/>
                </a:solidFill>
              </a:rPr>
              <a:t>: I</a:t>
            </a:r>
            <a:r>
              <a:rPr lang="da-DK" sz="700" i="1" noProof="0">
                <a:solidFill>
                  <a:srgbClr val="00172D"/>
                </a:solidFill>
              </a:rPr>
              <a:t>t-system, hvor større driftsforstyrrelser resulterer i væsentlige udfordringer for samfundet som helhed i form af økonomiske tab hos stat, virksomheder eller borgere, større misbrug af personfølsomme data og rettigheder, længerevarende nedbrud af kritisk infrastruktur eller reelle trusler for den nationale sikkerhed. Forretningskritisk: It-system, hvor driftsforstyrrelser kan medføre, at størstedelen af myndighedens medarbejdere ikke kan arbejde, eller at myndigheden vanskeligt kan overholde sine forvaltningsmæssige forpligtelser.</a:t>
            </a:r>
            <a:endParaRPr lang="da-DK" sz="700" i="1" noProof="0">
              <a:solidFill>
                <a:schemeClr val="tx1"/>
              </a:solidFill>
            </a:endParaRPr>
          </a:p>
        </p:txBody>
      </p:sp>
      <p:grpSp>
        <p:nvGrpSpPr>
          <p:cNvPr id="19" name="Group 18">
            <a:extLst>
              <a:ext uri="{FF2B5EF4-FFF2-40B4-BE49-F238E27FC236}">
                <a16:creationId xmlns:a16="http://schemas.microsoft.com/office/drawing/2014/main" id="{6C083B90-72DB-D763-77A1-86F3F0D31049}"/>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35" name="Oval 34">
              <a:extLst>
                <a:ext uri="{FF2B5EF4-FFF2-40B4-BE49-F238E27FC236}">
                  <a16:creationId xmlns:a16="http://schemas.microsoft.com/office/drawing/2014/main" id="{F84C7BD1-B0A6-2FB5-F23C-470517594929}"/>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7" name="Oval 36">
              <a:extLst>
                <a:ext uri="{FF2B5EF4-FFF2-40B4-BE49-F238E27FC236}">
                  <a16:creationId xmlns:a16="http://schemas.microsoft.com/office/drawing/2014/main" id="{94704641-A6D0-A699-755F-00F9EE4CE5ED}"/>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grpSp>
        <p:nvGrpSpPr>
          <p:cNvPr id="41" name="Group 40">
            <a:extLst>
              <a:ext uri="{FF2B5EF4-FFF2-40B4-BE49-F238E27FC236}">
                <a16:creationId xmlns:a16="http://schemas.microsoft.com/office/drawing/2014/main" id="{3056909F-DCC8-6373-530E-7859EFA36D55}"/>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42" name="Oval 41">
              <a:extLst>
                <a:ext uri="{FF2B5EF4-FFF2-40B4-BE49-F238E27FC236}">
                  <a16:creationId xmlns:a16="http://schemas.microsoft.com/office/drawing/2014/main" id="{73BC29F1-BFB5-5EAF-CF35-E8EF13BB9D48}"/>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43" name="Oval 42">
              <a:extLst>
                <a:ext uri="{FF2B5EF4-FFF2-40B4-BE49-F238E27FC236}">
                  <a16:creationId xmlns:a16="http://schemas.microsoft.com/office/drawing/2014/main" id="{529C8694-406E-5F2A-76D5-381A9757F32F}"/>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Tree>
    <p:extLst>
      <p:ext uri="{BB962C8B-B14F-4D97-AF65-F5344CB8AC3E}">
        <p14:creationId xmlns:p14="http://schemas.microsoft.com/office/powerpoint/2010/main" val="160529385"/>
      </p:ext>
    </p:extLst>
  </p:cSld>
  <p:clrMapOvr>
    <a:masterClrMapping/>
  </p:clrMapOvr>
  <p:transition>
    <p:fade/>
  </p:transition>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744EEAE-7DE7-5847-E2A7-6AD7EC007945}"/>
            </a:ext>
          </a:extLst>
        </p:cNvPr>
        <p:cNvGrpSpPr/>
        <p:nvPr/>
      </p:nvGrpSpPr>
      <p:grpSpPr>
        <a:xfrm>
          <a:off x="0" y="0"/>
          <a:ext cx="0" cy="0"/>
          <a:chOff x="0" y="0"/>
          <a:chExt cx="0" cy="0"/>
        </a:xfrm>
      </p:grpSpPr>
      <p:sp>
        <p:nvSpPr>
          <p:cNvPr id="4" name="Rectangle: Rounded Corners 3">
            <a:extLst>
              <a:ext uri="{FF2B5EF4-FFF2-40B4-BE49-F238E27FC236}">
                <a16:creationId xmlns:a16="http://schemas.microsoft.com/office/drawing/2014/main" id="{FF9B62F6-BA62-AD90-3BB3-FEB67D4D9754}"/>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chemeClr val="bg2"/>
                </a:solidFill>
              </a:rPr>
              <a:t>Spor 1 | Risikobaseret prioritering og styring af afhængigheder</a:t>
            </a:r>
            <a:endParaRPr lang="da-DK" sz="1600" b="1" noProof="0" dirty="0">
              <a:solidFill>
                <a:srgbClr val="36465A"/>
              </a:solidFill>
              <a:latin typeface="Arial" panose="020B0604020202020204"/>
            </a:endParaRPr>
          </a:p>
        </p:txBody>
      </p:sp>
      <p:sp>
        <p:nvSpPr>
          <p:cNvPr id="8" name="Title 2">
            <a:extLst>
              <a:ext uri="{FF2B5EF4-FFF2-40B4-BE49-F238E27FC236}">
                <a16:creationId xmlns:a16="http://schemas.microsoft.com/office/drawing/2014/main" id="{45796646-0E12-9BD1-CE8C-63FB5AA2DB40}"/>
              </a:ext>
            </a:extLst>
          </p:cNvPr>
          <p:cNvSpPr>
            <a:spLocks noGrp="1"/>
          </p:cNvSpPr>
          <p:nvPr>
            <p:ph type="title"/>
          </p:nvPr>
        </p:nvSpPr>
        <p:spPr>
          <a:xfrm>
            <a:off x="554355" y="512763"/>
            <a:ext cx="11088000" cy="792465"/>
          </a:xfrm>
        </p:spPr>
        <p:txBody>
          <a:bodyPr/>
          <a:lstStyle/>
          <a:p>
            <a:r>
              <a:rPr lang="da-DK" sz="2200" b="1" noProof="0" dirty="0">
                <a:solidFill>
                  <a:schemeClr val="bg2"/>
                </a:solidFill>
              </a:rPr>
              <a:t>1.2 </a:t>
            </a:r>
            <a:r>
              <a:rPr lang="da-DK" sz="2200" b="1" noProof="0" dirty="0">
                <a:solidFill>
                  <a:srgbClr val="0580A7"/>
                </a:solidFill>
              </a:rPr>
              <a:t>Exit-strategier og beredskabsplaner</a:t>
            </a:r>
            <a:endParaRPr lang="da-DK" sz="2200" b="1" noProof="0" dirty="0">
              <a:solidFill>
                <a:schemeClr val="bg2"/>
              </a:solidFill>
            </a:endParaRPr>
          </a:p>
        </p:txBody>
      </p:sp>
      <p:sp>
        <p:nvSpPr>
          <p:cNvPr id="22" name="Rectangle: Rounded Corners 21">
            <a:extLst>
              <a:ext uri="{FF2B5EF4-FFF2-40B4-BE49-F238E27FC236}">
                <a16:creationId xmlns:a16="http://schemas.microsoft.com/office/drawing/2014/main" id="{53FFC10B-A8AF-FA28-4E76-17E11A901503}"/>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CDECF2"/>
          </a:solidFill>
          <a:ln w="12700" cap="flat" cmpd="sng" algn="ctr">
            <a:solidFill>
              <a:srgbClr val="0580A7"/>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DD4FF888-91F4-C92B-6D6F-B0811765A555}"/>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38B90A30-7F76-F89B-B135-E857CAD96DD0}"/>
              </a:ext>
            </a:extLst>
          </p:cNvPr>
          <p:cNvSpPr/>
          <p:nvPr/>
        </p:nvSpPr>
        <p:spPr>
          <a:xfrm>
            <a:off x="566629" y="1764045"/>
            <a:ext cx="6077214" cy="2353183"/>
          </a:xfrm>
          <a:prstGeom prst="roundRect">
            <a:avLst>
              <a:gd name="adj" fmla="val 6523"/>
            </a:avLst>
          </a:prstGeom>
          <a:no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b="1" noProof="0" dirty="0">
              <a:solidFill>
                <a:schemeClr val="tx1"/>
              </a:solidFill>
            </a:endParaRPr>
          </a:p>
          <a:p>
            <a:r>
              <a:rPr lang="da-DK" sz="1000" b="1" noProof="0" dirty="0">
                <a:solidFill>
                  <a:schemeClr val="tx1"/>
                </a:solidFill>
              </a:rPr>
              <a:t>Formål: </a:t>
            </a:r>
            <a:r>
              <a:rPr lang="da-DK" sz="1000" noProof="0" dirty="0">
                <a:solidFill>
                  <a:schemeClr val="tx1"/>
                </a:solidFill>
              </a:rPr>
              <a:t>At understøtte myndighedernes arbejde med at udarbejde exit-strategier og identificere konkrete handlemuligheder de steder, hvor myndigheden har de største digitale sårbarheder.</a:t>
            </a:r>
            <a:endParaRPr lang="da-DK" sz="1000" b="1" noProof="0" dirty="0">
              <a:solidFill>
                <a:schemeClr val="tx1"/>
              </a:solidFill>
            </a:endParaRPr>
          </a:p>
          <a:p>
            <a:pPr>
              <a:spcBef>
                <a:spcPts val="300"/>
              </a:spcBef>
            </a:pPr>
            <a:r>
              <a:rPr lang="da-DK" sz="1000" b="1" noProof="0" dirty="0">
                <a:solidFill>
                  <a:schemeClr val="tx1"/>
                </a:solidFill>
              </a:rPr>
              <a:t>Indhold: </a:t>
            </a:r>
            <a:r>
              <a:rPr lang="da-DK" sz="1000" noProof="0" dirty="0">
                <a:solidFill>
                  <a:schemeClr val="tx1"/>
                </a:solidFill>
              </a:rPr>
              <a:t>For områder med størst sårbarhed udarbejder den enkelte myndighed konkrete exit-strategier og/eller kontinuitets- og beredskabsplaner, afhængig af myndighedens konkrete vurderinger af forholdet mellem risikoeksponering, egne kapabiliteter og investeringsmuligheder. </a:t>
            </a:r>
          </a:p>
          <a:p>
            <a:pPr>
              <a:spcBef>
                <a:spcPts val="300"/>
              </a:spcBef>
            </a:pPr>
            <a:r>
              <a:rPr lang="da-DK" sz="1000" noProof="0" dirty="0">
                <a:solidFill>
                  <a:schemeClr val="tx1"/>
                </a:solidFill>
              </a:rPr>
              <a:t>Planerne kan fx omfatte ”lagerstrategier” med tilgængelige alternative løsninger, hybrid/</a:t>
            </a:r>
            <a:r>
              <a:rPr lang="da-DK" sz="1000" noProof="0" dirty="0" err="1">
                <a:solidFill>
                  <a:schemeClr val="tx1"/>
                </a:solidFill>
              </a:rPr>
              <a:t>multi</a:t>
            </a:r>
            <a:r>
              <a:rPr lang="da-DK" sz="1000" noProof="0" dirty="0">
                <a:solidFill>
                  <a:schemeClr val="tx1"/>
                </a:solidFill>
              </a:rPr>
              <a:t>-cloud-miljøer, der kan give fleksibilitet ifm. dataflyt samt drift og udvikling af digitale løsninger eller egentlige exit-strategier inkl. konkrete implementeringsplaner, der giver mulighed for at igangsætte udskiftninger af løsninger og komponenter. Indsatsen tilrettelægges efter </a:t>
            </a:r>
            <a:r>
              <a:rPr lang="da-DK" sz="1000" noProof="0" dirty="0" err="1">
                <a:solidFill>
                  <a:schemeClr val="tx1"/>
                </a:solidFill>
              </a:rPr>
              <a:t>kritikalitet</a:t>
            </a:r>
            <a:r>
              <a:rPr lang="da-DK" sz="1000" noProof="0" dirty="0">
                <a:solidFill>
                  <a:schemeClr val="tx1"/>
                </a:solidFill>
              </a:rPr>
              <a:t> med fokus på samfundskritiske og forretningskritiske løsninger. Audits kan gennemføres af myndigheden selv, i samarbejde med eksterne specialister eller i samarbejde mellem myndigheder. </a:t>
            </a:r>
          </a:p>
          <a:p>
            <a:pPr>
              <a:spcBef>
                <a:spcPts val="300"/>
              </a:spcBef>
            </a:pPr>
            <a:r>
              <a:rPr lang="da-DK" sz="1000" b="1" noProof="0" dirty="0">
                <a:solidFill>
                  <a:schemeClr val="tx1"/>
                </a:solidFill>
              </a:rPr>
              <a:t>Erfaringsgrundlag: </a:t>
            </a:r>
            <a:r>
              <a:rPr lang="da-DK" sz="1000" noProof="0" dirty="0">
                <a:solidFill>
                  <a:schemeClr val="tx1"/>
                </a:solidFill>
              </a:rPr>
              <a:t>Finansiel sektor, Statens IT, STIL.</a:t>
            </a:r>
          </a:p>
          <a:p>
            <a:pPr>
              <a:spcBef>
                <a:spcPts val="300"/>
              </a:spcBef>
            </a:pPr>
            <a:endParaRPr lang="da-DK" sz="1000" noProof="0" dirty="0">
              <a:solidFill>
                <a:schemeClr val="tx1"/>
              </a:solidFill>
            </a:endParaRPr>
          </a:p>
        </p:txBody>
      </p:sp>
      <p:sp>
        <p:nvSpPr>
          <p:cNvPr id="45" name="Rounded Rectangle 127">
            <a:extLst>
              <a:ext uri="{FF2B5EF4-FFF2-40B4-BE49-F238E27FC236}">
                <a16:creationId xmlns:a16="http://schemas.microsoft.com/office/drawing/2014/main" id="{DD1C8C67-6E8A-A825-C423-53A5488DC417}"/>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CDECF2"/>
          </a:solid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006E94"/>
                </a:solidFill>
              </a:rPr>
              <a:t>Formål og indhold</a:t>
            </a:r>
          </a:p>
        </p:txBody>
      </p:sp>
      <p:sp>
        <p:nvSpPr>
          <p:cNvPr id="65" name="Rounded Rectangle 127">
            <a:extLst>
              <a:ext uri="{FF2B5EF4-FFF2-40B4-BE49-F238E27FC236}">
                <a16:creationId xmlns:a16="http://schemas.microsoft.com/office/drawing/2014/main" id="{6870BD5B-3413-3B96-5116-13C3B3DA334E}"/>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636B2B4C-6159-DC0D-4157-018BB5E9322F}"/>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CDECF2"/>
          </a:solid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006E94"/>
                </a:solidFill>
              </a:rPr>
              <a:t>Vurdering</a:t>
            </a:r>
          </a:p>
        </p:txBody>
      </p:sp>
      <p:sp>
        <p:nvSpPr>
          <p:cNvPr id="64" name="Rectangle: Top Corners Rounded 63">
            <a:extLst>
              <a:ext uri="{FF2B5EF4-FFF2-40B4-BE49-F238E27FC236}">
                <a16:creationId xmlns:a16="http://schemas.microsoft.com/office/drawing/2014/main" id="{319498DA-F3D5-0F19-9147-65C63C8B1437}"/>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77" name="TextBox 176">
            <a:extLst>
              <a:ext uri="{FF2B5EF4-FFF2-40B4-BE49-F238E27FC236}">
                <a16:creationId xmlns:a16="http://schemas.microsoft.com/office/drawing/2014/main" id="{B6E6C7DD-3062-9897-23A6-8192290D809B}"/>
              </a:ext>
            </a:extLst>
          </p:cNvPr>
          <p:cNvSpPr txBox="1"/>
          <p:nvPr/>
        </p:nvSpPr>
        <p:spPr>
          <a:xfrm>
            <a:off x="612348" y="5253913"/>
            <a:ext cx="3721145" cy="1092607"/>
          </a:xfrm>
          <a:prstGeom prst="rect">
            <a:avLst/>
          </a:prstGeom>
          <a:noFill/>
        </p:spPr>
        <p:txBody>
          <a:bodyPr wrap="square">
            <a:spAutoFit/>
          </a:bodyPr>
          <a:lstStyle/>
          <a:p>
            <a:pPr>
              <a:spcBef>
                <a:spcPts val="300"/>
              </a:spcBef>
            </a:pPr>
            <a:r>
              <a:rPr lang="da-DK" sz="1000" b="1" noProof="0" dirty="0">
                <a:solidFill>
                  <a:srgbClr val="00172D"/>
                </a:solidFill>
              </a:rPr>
              <a:t>Niveau: </a:t>
            </a:r>
            <a:r>
              <a:rPr lang="da-DK" sz="1000" noProof="0" dirty="0">
                <a:solidFill>
                  <a:srgbClr val="00172D"/>
                </a:solidFill>
              </a:rPr>
              <a:t>Den enkelte </a:t>
            </a:r>
            <a:r>
              <a:rPr lang="da-DK" sz="1000" noProof="0" dirty="0">
                <a:solidFill>
                  <a:srgbClr val="00172D"/>
                </a:solidFill>
                <a:latin typeface="Arial" panose="020B0604020202020204" pitchFamily="34" charset="0"/>
              </a:rPr>
              <a:t>m</a:t>
            </a:r>
            <a:r>
              <a:rPr lang="da-DK" sz="1000" noProof="0" dirty="0">
                <a:latin typeface="Arial" panose="020B0604020202020204" pitchFamily="34" charset="0"/>
              </a:rPr>
              <a:t>yndighed – evt. via samarbejder som fx Det Fælleskommunale Databehandlingssekretariat.</a:t>
            </a: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Kan gennemføres på &lt;12 måneder for den enkelte myndighed.</a:t>
            </a:r>
          </a:p>
          <a:p>
            <a:pPr>
              <a:spcBef>
                <a:spcPts val="300"/>
              </a:spcBef>
            </a:pPr>
            <a:r>
              <a:rPr lang="da-DK" sz="1000" b="1" noProof="0" dirty="0">
                <a:latin typeface="Arial" panose="020B0604020202020204" pitchFamily="34" charset="0"/>
              </a:rPr>
              <a:t>Afhængigheder:</a:t>
            </a:r>
            <a:r>
              <a:rPr lang="da-DK" sz="1000" noProof="0" dirty="0">
                <a:latin typeface="Arial" panose="020B0604020202020204" pitchFamily="34" charset="0"/>
              </a:rPr>
              <a:t> Kan gennemføres i forlængelse af indsats 1.1. Kobling til myndighedens organisering, jf. indsats 3.4.</a:t>
            </a:r>
          </a:p>
        </p:txBody>
      </p:sp>
      <p:grpSp>
        <p:nvGrpSpPr>
          <p:cNvPr id="41" name="Group 40" descr="Samlet kompleksitetsvurdering, 3.5 ud af 10">
            <a:extLst>
              <a:ext uri="{FF2B5EF4-FFF2-40B4-BE49-F238E27FC236}">
                <a16:creationId xmlns:a16="http://schemas.microsoft.com/office/drawing/2014/main" id="{57A16183-28F3-3EA8-C537-B0E27B2BCB73}"/>
              </a:ext>
            </a:extLst>
          </p:cNvPr>
          <p:cNvGrpSpPr/>
          <p:nvPr/>
        </p:nvGrpSpPr>
        <p:grpSpPr>
          <a:xfrm>
            <a:off x="649827" y="4555473"/>
            <a:ext cx="3279437" cy="592559"/>
            <a:chOff x="1383756" y="4555473"/>
            <a:chExt cx="3279437" cy="592559"/>
          </a:xfrm>
        </p:grpSpPr>
        <p:sp>
          <p:nvSpPr>
            <p:cNvPr id="97" name="TextBox 96">
              <a:extLst>
                <a:ext uri="{FF2B5EF4-FFF2-40B4-BE49-F238E27FC236}">
                  <a16:creationId xmlns:a16="http://schemas.microsoft.com/office/drawing/2014/main" id="{81A061F6-493E-08C2-9DA5-3D31E0C9ABCC}"/>
                </a:ext>
              </a:extLst>
            </p:cNvPr>
            <p:cNvSpPr txBox="1"/>
            <p:nvPr/>
          </p:nvSpPr>
          <p:spPr>
            <a:xfrm>
              <a:off x="2431748" y="4555473"/>
              <a:ext cx="1191621" cy="261610"/>
            </a:xfrm>
            <a:prstGeom prst="rect">
              <a:avLst/>
            </a:prstGeom>
            <a:noFill/>
          </p:spPr>
          <p:txBody>
            <a:bodyPr wrap="square">
              <a:spAutoFit/>
            </a:bodyPr>
            <a:lstStyle/>
            <a:p>
              <a:pPr algn="ctr"/>
              <a:r>
                <a:rPr lang="da-DK" sz="1100" b="1" noProof="0"/>
                <a:t>Kompleksitet</a:t>
              </a:r>
            </a:p>
          </p:txBody>
        </p:sp>
        <p:grpSp>
          <p:nvGrpSpPr>
            <p:cNvPr id="102" name="Group 101">
              <a:extLst>
                <a:ext uri="{FF2B5EF4-FFF2-40B4-BE49-F238E27FC236}">
                  <a16:creationId xmlns:a16="http://schemas.microsoft.com/office/drawing/2014/main" id="{45BFF488-373E-1898-9A33-4D2BEFFC79F7}"/>
                </a:ext>
              </a:extLst>
            </p:cNvPr>
            <p:cNvGrpSpPr>
              <a:grpSpLocks noChangeAspect="1"/>
            </p:cNvGrpSpPr>
            <p:nvPr/>
          </p:nvGrpSpPr>
          <p:grpSpPr>
            <a:xfrm>
              <a:off x="1383756" y="4900479"/>
              <a:ext cx="3279437" cy="247553"/>
              <a:chOff x="-110431" y="4916533"/>
              <a:chExt cx="2858416" cy="215770"/>
            </a:xfrm>
          </p:grpSpPr>
          <p:grpSp>
            <p:nvGrpSpPr>
              <p:cNvPr id="103" name="Group 102">
                <a:extLst>
                  <a:ext uri="{FF2B5EF4-FFF2-40B4-BE49-F238E27FC236}">
                    <a16:creationId xmlns:a16="http://schemas.microsoft.com/office/drawing/2014/main" id="{8CA42A16-BFBD-D52F-59E1-4BD5CAE2CA65}"/>
                  </a:ext>
                </a:extLst>
              </p:cNvPr>
              <p:cNvGrpSpPr/>
              <p:nvPr/>
            </p:nvGrpSpPr>
            <p:grpSpPr>
              <a:xfrm>
                <a:off x="-110431" y="4916533"/>
                <a:ext cx="2858416" cy="180194"/>
                <a:chOff x="4280723" y="3040512"/>
                <a:chExt cx="3161620" cy="171957"/>
              </a:xfrm>
            </p:grpSpPr>
            <p:grpSp>
              <p:nvGrpSpPr>
                <p:cNvPr id="105" name="Group 104">
                  <a:extLst>
                    <a:ext uri="{FF2B5EF4-FFF2-40B4-BE49-F238E27FC236}">
                      <a16:creationId xmlns:a16="http://schemas.microsoft.com/office/drawing/2014/main" id="{C1EF36FB-A19F-107F-0CEF-97304A874D84}"/>
                    </a:ext>
                  </a:extLst>
                </p:cNvPr>
                <p:cNvGrpSpPr/>
                <p:nvPr/>
              </p:nvGrpSpPr>
              <p:grpSpPr>
                <a:xfrm>
                  <a:off x="4383394" y="3153610"/>
                  <a:ext cx="2961649" cy="45719"/>
                  <a:chOff x="4383394" y="3153610"/>
                  <a:chExt cx="2961649" cy="45719"/>
                </a:xfrm>
              </p:grpSpPr>
              <p:cxnSp>
                <p:nvCxnSpPr>
                  <p:cNvPr id="109" name="Straight Connector 108">
                    <a:extLst>
                      <a:ext uri="{FF2B5EF4-FFF2-40B4-BE49-F238E27FC236}">
                        <a16:creationId xmlns:a16="http://schemas.microsoft.com/office/drawing/2014/main" id="{66FB04DB-2ACA-082A-E07C-A9AC41C8BA00}"/>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10" name="Oval 109">
                    <a:extLst>
                      <a:ext uri="{FF2B5EF4-FFF2-40B4-BE49-F238E27FC236}">
                        <a16:creationId xmlns:a16="http://schemas.microsoft.com/office/drawing/2014/main" id="{F4D96FD0-B685-68D0-146B-3801ADB335CA}"/>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11" name="Oval 110">
                    <a:extLst>
                      <a:ext uri="{FF2B5EF4-FFF2-40B4-BE49-F238E27FC236}">
                        <a16:creationId xmlns:a16="http://schemas.microsoft.com/office/drawing/2014/main" id="{0D81C368-4437-F2AD-E6E1-0990A6BF3ECF}"/>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06" name="Straight Connector 105">
                  <a:extLst>
                    <a:ext uri="{FF2B5EF4-FFF2-40B4-BE49-F238E27FC236}">
                      <a16:creationId xmlns:a16="http://schemas.microsoft.com/office/drawing/2014/main" id="{11CB752E-ECED-0376-C836-AA3B029AB2F4}"/>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07" name="TextBox 106">
                  <a:extLst>
                    <a:ext uri="{FF2B5EF4-FFF2-40B4-BE49-F238E27FC236}">
                      <a16:creationId xmlns:a16="http://schemas.microsoft.com/office/drawing/2014/main" id="{5D12A973-2A58-B7F1-40CE-9C0246E5A3CA}"/>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108" name="TextBox 107">
                  <a:extLst>
                    <a:ext uri="{FF2B5EF4-FFF2-40B4-BE49-F238E27FC236}">
                      <a16:creationId xmlns:a16="http://schemas.microsoft.com/office/drawing/2014/main" id="{5B3D0BC6-017D-B0DB-8985-5918E4FAC5FD}"/>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sp>
            <p:nvSpPr>
              <p:cNvPr id="104" name="Oval 103">
                <a:extLst>
                  <a:ext uri="{FF2B5EF4-FFF2-40B4-BE49-F238E27FC236}">
                    <a16:creationId xmlns:a16="http://schemas.microsoft.com/office/drawing/2014/main" id="{910ED54B-1A55-79D3-1E53-6A4C56FEA90E}"/>
                  </a:ext>
                </a:extLst>
              </p:cNvPr>
              <p:cNvSpPr/>
              <p:nvPr/>
            </p:nvSpPr>
            <p:spPr>
              <a:xfrm>
                <a:off x="576282" y="4988303"/>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sp>
        <p:nvSpPr>
          <p:cNvPr id="70" name="TextBox 69">
            <a:extLst>
              <a:ext uri="{FF2B5EF4-FFF2-40B4-BE49-F238E27FC236}">
                <a16:creationId xmlns:a16="http://schemas.microsoft.com/office/drawing/2014/main" id="{C31163AF-D56A-A6D5-F933-40266805DCC7}"/>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a:t>Teknisk</a:t>
            </a:r>
            <a:endParaRPr lang="da-DK" sz="1100" b="1" i="1" noProof="0"/>
          </a:p>
        </p:txBody>
      </p:sp>
      <p:grpSp>
        <p:nvGrpSpPr>
          <p:cNvPr id="42" name="Group 41" descr="Vurdering af teknisk kompleksitet, 4 ud af 10">
            <a:extLst>
              <a:ext uri="{FF2B5EF4-FFF2-40B4-BE49-F238E27FC236}">
                <a16:creationId xmlns:a16="http://schemas.microsoft.com/office/drawing/2014/main" id="{72E64480-2F4C-F56D-845A-AC8C95408479}"/>
              </a:ext>
            </a:extLst>
          </p:cNvPr>
          <p:cNvGrpSpPr/>
          <p:nvPr/>
        </p:nvGrpSpPr>
        <p:grpSpPr>
          <a:xfrm>
            <a:off x="4755592" y="4883930"/>
            <a:ext cx="1707066" cy="248033"/>
            <a:chOff x="860772" y="4916533"/>
            <a:chExt cx="1487909" cy="216189"/>
          </a:xfrm>
        </p:grpSpPr>
        <p:grpSp>
          <p:nvGrpSpPr>
            <p:cNvPr id="43" name="Group 42">
              <a:extLst>
                <a:ext uri="{FF2B5EF4-FFF2-40B4-BE49-F238E27FC236}">
                  <a16:creationId xmlns:a16="http://schemas.microsoft.com/office/drawing/2014/main" id="{D6607281-AA69-5826-5040-825CE0A434EF}"/>
                </a:ext>
              </a:extLst>
            </p:cNvPr>
            <p:cNvGrpSpPr/>
            <p:nvPr/>
          </p:nvGrpSpPr>
          <p:grpSpPr>
            <a:xfrm>
              <a:off x="860772" y="4916533"/>
              <a:ext cx="1487909" cy="180194"/>
              <a:chOff x="5354949" y="3040512"/>
              <a:chExt cx="1645739" cy="171957"/>
            </a:xfrm>
          </p:grpSpPr>
          <p:grpSp>
            <p:nvGrpSpPr>
              <p:cNvPr id="52" name="Group 51">
                <a:extLst>
                  <a:ext uri="{FF2B5EF4-FFF2-40B4-BE49-F238E27FC236}">
                    <a16:creationId xmlns:a16="http://schemas.microsoft.com/office/drawing/2014/main" id="{D9071760-FC75-3610-56D6-80AF7D05A822}"/>
                  </a:ext>
                </a:extLst>
              </p:cNvPr>
              <p:cNvGrpSpPr/>
              <p:nvPr/>
            </p:nvGrpSpPr>
            <p:grpSpPr>
              <a:xfrm>
                <a:off x="5458296" y="3153610"/>
                <a:ext cx="1445092" cy="45719"/>
                <a:chOff x="5458296" y="3153610"/>
                <a:chExt cx="1445092" cy="45719"/>
              </a:xfrm>
            </p:grpSpPr>
            <p:cxnSp>
              <p:nvCxnSpPr>
                <p:cNvPr id="57" name="Straight Connector 56">
                  <a:extLst>
                    <a:ext uri="{FF2B5EF4-FFF2-40B4-BE49-F238E27FC236}">
                      <a16:creationId xmlns:a16="http://schemas.microsoft.com/office/drawing/2014/main" id="{AF8D73D7-7388-9404-EEA3-3FE0A19DE37E}"/>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8" name="Oval 67">
                  <a:extLst>
                    <a:ext uri="{FF2B5EF4-FFF2-40B4-BE49-F238E27FC236}">
                      <a16:creationId xmlns:a16="http://schemas.microsoft.com/office/drawing/2014/main" id="{4CA6D1E0-E7F9-8558-07C9-5EA38F7E6854}"/>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69" name="Oval 68">
                  <a:extLst>
                    <a:ext uri="{FF2B5EF4-FFF2-40B4-BE49-F238E27FC236}">
                      <a16:creationId xmlns:a16="http://schemas.microsoft.com/office/drawing/2014/main" id="{042FB955-BD13-CA63-2B1E-8C10FECF0B74}"/>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53" name="Straight Connector 52">
                <a:extLst>
                  <a:ext uri="{FF2B5EF4-FFF2-40B4-BE49-F238E27FC236}">
                    <a16:creationId xmlns:a16="http://schemas.microsoft.com/office/drawing/2014/main" id="{2E2ABD6A-CA11-4358-BB29-46C311C267C3}"/>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55" name="TextBox 54">
                <a:extLst>
                  <a:ext uri="{FF2B5EF4-FFF2-40B4-BE49-F238E27FC236}">
                    <a16:creationId xmlns:a16="http://schemas.microsoft.com/office/drawing/2014/main" id="{ECDA6708-5235-10AA-B7BE-48193DA21B6B}"/>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56" name="TextBox 55">
                <a:extLst>
                  <a:ext uri="{FF2B5EF4-FFF2-40B4-BE49-F238E27FC236}">
                    <a16:creationId xmlns:a16="http://schemas.microsoft.com/office/drawing/2014/main" id="{3A649FB9-1E35-B32C-F851-63465AAC70DC}"/>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51" name="Oval 50">
              <a:extLst>
                <a:ext uri="{FF2B5EF4-FFF2-40B4-BE49-F238E27FC236}">
                  <a16:creationId xmlns:a16="http://schemas.microsoft.com/office/drawing/2014/main" id="{A8CFD6C6-0D5D-5AF7-509F-311403C5AE64}"/>
                </a:ext>
              </a:extLst>
            </p:cNvPr>
            <p:cNvSpPr/>
            <p:nvPr/>
          </p:nvSpPr>
          <p:spPr>
            <a:xfrm>
              <a:off x="1407030"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81" name="TextBox 80">
            <a:extLst>
              <a:ext uri="{FF2B5EF4-FFF2-40B4-BE49-F238E27FC236}">
                <a16:creationId xmlns:a16="http://schemas.microsoft.com/office/drawing/2014/main" id="{2CDDA52F-B1C5-748C-A14F-27153E55247A}"/>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71" name="Group 70" descr="Vurdering af organisatorisk kompleksitet, 2 ud af 10">
            <a:extLst>
              <a:ext uri="{FF2B5EF4-FFF2-40B4-BE49-F238E27FC236}">
                <a16:creationId xmlns:a16="http://schemas.microsoft.com/office/drawing/2014/main" id="{191EAEB6-1DE3-6956-A079-EED25E4B5EC7}"/>
              </a:ext>
            </a:extLst>
          </p:cNvPr>
          <p:cNvGrpSpPr/>
          <p:nvPr/>
        </p:nvGrpSpPr>
        <p:grpSpPr>
          <a:xfrm>
            <a:off x="4756735" y="5395827"/>
            <a:ext cx="1707066" cy="248033"/>
            <a:chOff x="860772" y="4916533"/>
            <a:chExt cx="1487909" cy="216189"/>
          </a:xfrm>
        </p:grpSpPr>
        <p:grpSp>
          <p:nvGrpSpPr>
            <p:cNvPr id="72" name="Group 71">
              <a:extLst>
                <a:ext uri="{FF2B5EF4-FFF2-40B4-BE49-F238E27FC236}">
                  <a16:creationId xmlns:a16="http://schemas.microsoft.com/office/drawing/2014/main" id="{5D09309C-4D1A-230A-DD1B-1A95CC7A8A94}"/>
                </a:ext>
              </a:extLst>
            </p:cNvPr>
            <p:cNvGrpSpPr/>
            <p:nvPr/>
          </p:nvGrpSpPr>
          <p:grpSpPr>
            <a:xfrm>
              <a:off x="860772" y="4916533"/>
              <a:ext cx="1487909" cy="180194"/>
              <a:chOff x="5354949" y="3040512"/>
              <a:chExt cx="1645739" cy="171957"/>
            </a:xfrm>
          </p:grpSpPr>
          <p:grpSp>
            <p:nvGrpSpPr>
              <p:cNvPr id="74" name="Group 73">
                <a:extLst>
                  <a:ext uri="{FF2B5EF4-FFF2-40B4-BE49-F238E27FC236}">
                    <a16:creationId xmlns:a16="http://schemas.microsoft.com/office/drawing/2014/main" id="{C580DAEB-9051-183A-43DE-B9B76B5521FF}"/>
                  </a:ext>
                </a:extLst>
              </p:cNvPr>
              <p:cNvGrpSpPr/>
              <p:nvPr/>
            </p:nvGrpSpPr>
            <p:grpSpPr>
              <a:xfrm>
                <a:off x="5458296" y="3153610"/>
                <a:ext cx="1445092" cy="45719"/>
                <a:chOff x="5458296" y="3153610"/>
                <a:chExt cx="1445092" cy="45719"/>
              </a:xfrm>
            </p:grpSpPr>
            <p:cxnSp>
              <p:nvCxnSpPr>
                <p:cNvPr id="78" name="Straight Connector 77">
                  <a:extLst>
                    <a:ext uri="{FF2B5EF4-FFF2-40B4-BE49-F238E27FC236}">
                      <a16:creationId xmlns:a16="http://schemas.microsoft.com/office/drawing/2014/main" id="{0CE44DAD-0690-2C9B-A20B-BC6CB15835B7}"/>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9" name="Oval 78">
                  <a:extLst>
                    <a:ext uri="{FF2B5EF4-FFF2-40B4-BE49-F238E27FC236}">
                      <a16:creationId xmlns:a16="http://schemas.microsoft.com/office/drawing/2014/main" id="{D36B1682-332C-6D78-7180-728500F19184}"/>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0" name="Oval 79">
                  <a:extLst>
                    <a:ext uri="{FF2B5EF4-FFF2-40B4-BE49-F238E27FC236}">
                      <a16:creationId xmlns:a16="http://schemas.microsoft.com/office/drawing/2014/main" id="{194E69F9-41C4-7C2C-4C15-6E621A68BC5C}"/>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75" name="Straight Connector 74">
                <a:extLst>
                  <a:ext uri="{FF2B5EF4-FFF2-40B4-BE49-F238E27FC236}">
                    <a16:creationId xmlns:a16="http://schemas.microsoft.com/office/drawing/2014/main" id="{BBA2F8EA-9523-A8E4-72C5-8C65D68E8F3F}"/>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6" name="TextBox 75">
                <a:extLst>
                  <a:ext uri="{FF2B5EF4-FFF2-40B4-BE49-F238E27FC236}">
                    <a16:creationId xmlns:a16="http://schemas.microsoft.com/office/drawing/2014/main" id="{290C700C-BE29-D748-AEAD-D064931F6F78}"/>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77" name="TextBox 76">
                <a:extLst>
                  <a:ext uri="{FF2B5EF4-FFF2-40B4-BE49-F238E27FC236}">
                    <a16:creationId xmlns:a16="http://schemas.microsoft.com/office/drawing/2014/main" id="{793F1AE8-F131-A82A-B809-0B10740C0BBA}"/>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73" name="Oval 72">
              <a:extLst>
                <a:ext uri="{FF2B5EF4-FFF2-40B4-BE49-F238E27FC236}">
                  <a16:creationId xmlns:a16="http://schemas.microsoft.com/office/drawing/2014/main" id="{33783E8B-5A26-9F47-617C-3612729DE60B}"/>
                </a:ext>
              </a:extLst>
            </p:cNvPr>
            <p:cNvSpPr/>
            <p:nvPr/>
          </p:nvSpPr>
          <p:spPr>
            <a:xfrm>
              <a:off x="1201291"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93" name="TextBox 92">
            <a:extLst>
              <a:ext uri="{FF2B5EF4-FFF2-40B4-BE49-F238E27FC236}">
                <a16:creationId xmlns:a16="http://schemas.microsoft.com/office/drawing/2014/main" id="{871980C9-632A-7B09-805C-EC6563A5A856}"/>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grpSp>
        <p:nvGrpSpPr>
          <p:cNvPr id="82" name="Group 81" descr="Vurdering af juridisk kompleksitet, 4 ud af 10">
            <a:extLst>
              <a:ext uri="{FF2B5EF4-FFF2-40B4-BE49-F238E27FC236}">
                <a16:creationId xmlns:a16="http://schemas.microsoft.com/office/drawing/2014/main" id="{887AB8AD-62A9-F027-8DF8-D01A4337E894}"/>
              </a:ext>
            </a:extLst>
          </p:cNvPr>
          <p:cNvGrpSpPr/>
          <p:nvPr/>
        </p:nvGrpSpPr>
        <p:grpSpPr>
          <a:xfrm>
            <a:off x="4754046" y="5907971"/>
            <a:ext cx="1707066" cy="248033"/>
            <a:chOff x="860772" y="4916533"/>
            <a:chExt cx="1487909" cy="216189"/>
          </a:xfrm>
        </p:grpSpPr>
        <p:grpSp>
          <p:nvGrpSpPr>
            <p:cNvPr id="83" name="Group 82">
              <a:extLst>
                <a:ext uri="{FF2B5EF4-FFF2-40B4-BE49-F238E27FC236}">
                  <a16:creationId xmlns:a16="http://schemas.microsoft.com/office/drawing/2014/main" id="{587BD2BF-E0D4-9568-79F8-9D8D01574E8D}"/>
                </a:ext>
              </a:extLst>
            </p:cNvPr>
            <p:cNvGrpSpPr/>
            <p:nvPr/>
          </p:nvGrpSpPr>
          <p:grpSpPr>
            <a:xfrm>
              <a:off x="860772" y="4916533"/>
              <a:ext cx="1487909" cy="180194"/>
              <a:chOff x="5354949" y="3040512"/>
              <a:chExt cx="1645739" cy="171957"/>
            </a:xfrm>
          </p:grpSpPr>
          <p:grpSp>
            <p:nvGrpSpPr>
              <p:cNvPr id="86" name="Group 85">
                <a:extLst>
                  <a:ext uri="{FF2B5EF4-FFF2-40B4-BE49-F238E27FC236}">
                    <a16:creationId xmlns:a16="http://schemas.microsoft.com/office/drawing/2014/main" id="{5DCE3B01-039D-6B23-3138-D482D6B3D7C6}"/>
                  </a:ext>
                </a:extLst>
              </p:cNvPr>
              <p:cNvGrpSpPr/>
              <p:nvPr/>
            </p:nvGrpSpPr>
            <p:grpSpPr>
              <a:xfrm>
                <a:off x="5458296" y="3153610"/>
                <a:ext cx="1445092" cy="45719"/>
                <a:chOff x="5458296" y="3153610"/>
                <a:chExt cx="1445092" cy="45719"/>
              </a:xfrm>
            </p:grpSpPr>
            <p:cxnSp>
              <p:nvCxnSpPr>
                <p:cNvPr id="90" name="Straight Connector 89">
                  <a:extLst>
                    <a:ext uri="{FF2B5EF4-FFF2-40B4-BE49-F238E27FC236}">
                      <a16:creationId xmlns:a16="http://schemas.microsoft.com/office/drawing/2014/main" id="{8A483D16-4144-FACA-7FF3-336FB7B54F07}"/>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1" name="Oval 90">
                  <a:extLst>
                    <a:ext uri="{FF2B5EF4-FFF2-40B4-BE49-F238E27FC236}">
                      <a16:creationId xmlns:a16="http://schemas.microsoft.com/office/drawing/2014/main" id="{5EAE37BA-8D2A-67E8-511C-F3E2636B2C55}"/>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92" name="Oval 91">
                  <a:extLst>
                    <a:ext uri="{FF2B5EF4-FFF2-40B4-BE49-F238E27FC236}">
                      <a16:creationId xmlns:a16="http://schemas.microsoft.com/office/drawing/2014/main" id="{C8CD9739-62A3-8731-03D4-2CE3B503E8C1}"/>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87" name="Straight Connector 86">
                <a:extLst>
                  <a:ext uri="{FF2B5EF4-FFF2-40B4-BE49-F238E27FC236}">
                    <a16:creationId xmlns:a16="http://schemas.microsoft.com/office/drawing/2014/main" id="{89143AFA-5602-7401-CC72-872E6B41299A}"/>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72AB5009-94A9-D35F-E4EE-86D643BBB4EC}"/>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89" name="TextBox 88">
                <a:extLst>
                  <a:ext uri="{FF2B5EF4-FFF2-40B4-BE49-F238E27FC236}">
                    <a16:creationId xmlns:a16="http://schemas.microsoft.com/office/drawing/2014/main" id="{FA612155-1670-820B-3C1D-793998196F0F}"/>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85" name="Oval 84">
              <a:extLst>
                <a:ext uri="{FF2B5EF4-FFF2-40B4-BE49-F238E27FC236}">
                  <a16:creationId xmlns:a16="http://schemas.microsoft.com/office/drawing/2014/main" id="{04A7CDBA-301F-AF28-FAAF-905303359B0C}"/>
                </a:ext>
              </a:extLst>
            </p:cNvPr>
            <p:cNvSpPr/>
            <p:nvPr/>
          </p:nvSpPr>
          <p:spPr>
            <a:xfrm>
              <a:off x="1399844"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34" name="TextBox 133">
            <a:extLst>
              <a:ext uri="{FF2B5EF4-FFF2-40B4-BE49-F238E27FC236}">
                <a16:creationId xmlns:a16="http://schemas.microsoft.com/office/drawing/2014/main" id="{7FB5CD4B-93FD-7387-3ED1-F721D87CBEED}"/>
              </a:ext>
            </a:extLst>
          </p:cNvPr>
          <p:cNvSpPr txBox="1"/>
          <p:nvPr/>
        </p:nvSpPr>
        <p:spPr>
          <a:xfrm>
            <a:off x="7249102" y="1874760"/>
            <a:ext cx="2162754" cy="246221"/>
          </a:xfrm>
          <a:prstGeom prst="rect">
            <a:avLst/>
          </a:prstGeom>
          <a:noFill/>
        </p:spPr>
        <p:txBody>
          <a:bodyPr wrap="square" lIns="0">
            <a:spAutoFit/>
          </a:bodyPr>
          <a:lstStyle/>
          <a:p>
            <a:r>
              <a:rPr lang="da-DK" sz="1000" b="1" noProof="0" dirty="0">
                <a:solidFill>
                  <a:srgbClr val="36465A"/>
                </a:solidFill>
              </a:rPr>
              <a:t>Udfordringer adresseret</a:t>
            </a:r>
            <a:endParaRPr lang="da-DK" sz="1000" noProof="0" dirty="0">
              <a:solidFill>
                <a:srgbClr val="36465A"/>
              </a:solidFill>
            </a:endParaRPr>
          </a:p>
        </p:txBody>
      </p:sp>
      <p:sp>
        <p:nvSpPr>
          <p:cNvPr id="24" name="Rektangel: afrundede hjørner 10">
            <a:extLst>
              <a:ext uri="{FF2B5EF4-FFF2-40B4-BE49-F238E27FC236}">
                <a16:creationId xmlns:a16="http://schemas.microsoft.com/office/drawing/2014/main" id="{4CD10B8C-4B6D-7639-423B-7F4DAB14FFA0}"/>
              </a:ext>
              <a:ext uri="{C183D7F6-B498-43B3-948B-1728B52AA6E4}">
                <adec:decorative xmlns:adec="http://schemas.microsoft.com/office/drawing/2017/decorative" val="1"/>
              </a:ext>
            </a:extLst>
          </p:cNvPr>
          <p:cNvSpPr>
            <a:spLocks/>
          </p:cNvSpPr>
          <p:nvPr/>
        </p:nvSpPr>
        <p:spPr>
          <a:xfrm>
            <a:off x="7242764" y="222872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B1B83125-3F63-0F31-A639-0419662B95C2}"/>
              </a:ext>
              <a:ext uri="{C183D7F6-B498-43B3-948B-1728B52AA6E4}">
                <adec:decorative xmlns:adec="http://schemas.microsoft.com/office/drawing/2017/decorative" val="1"/>
              </a:ext>
            </a:extLst>
          </p:cNvPr>
          <p:cNvSpPr>
            <a:spLocks noEditPoints="1"/>
          </p:cNvSpPr>
          <p:nvPr/>
        </p:nvSpPr>
        <p:spPr bwMode="auto">
          <a:xfrm>
            <a:off x="7289024" y="229402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6" name="TextBox 4">
            <a:extLst>
              <a:ext uri="{FF2B5EF4-FFF2-40B4-BE49-F238E27FC236}">
                <a16:creationId xmlns:a16="http://schemas.microsoft.com/office/drawing/2014/main" id="{1F1F1172-AFDB-DBAC-A9BF-8DD93D88F963}"/>
              </a:ext>
              <a:ext uri="{C183D7F6-B498-43B3-948B-1728B52AA6E4}">
                <adec:decorative xmlns:adec="http://schemas.microsoft.com/office/drawing/2017/decorative" val="0"/>
              </a:ext>
            </a:extLst>
          </p:cNvPr>
          <p:cNvSpPr txBox="1">
            <a:spLocks/>
          </p:cNvSpPr>
          <p:nvPr/>
        </p:nvSpPr>
        <p:spPr>
          <a:xfrm>
            <a:off x="7527006" y="2244023"/>
            <a:ext cx="1931343" cy="296832"/>
          </a:xfrm>
          <a:prstGeom prst="rect">
            <a:avLst/>
          </a:prstGeom>
          <a:noFill/>
        </p:spPr>
        <p:txBody>
          <a:bodyPr wrap="square" rtlCol="0" anchor="ctr">
            <a:noAutofit/>
          </a:bodyPr>
          <a:lstStyle/>
          <a:p>
            <a:r>
              <a:rPr lang="da-DK" sz="700" b="1" noProof="0" dirty="0">
                <a:solidFill>
                  <a:srgbClr val="024D78"/>
                </a:solidFill>
              </a:rPr>
              <a:t>01 | Høj afhængighed af større leverandører og manglende konkurrence</a:t>
            </a:r>
          </a:p>
        </p:txBody>
      </p:sp>
      <p:grpSp>
        <p:nvGrpSpPr>
          <p:cNvPr id="6" name="Group 5">
            <a:extLst>
              <a:ext uri="{FF2B5EF4-FFF2-40B4-BE49-F238E27FC236}">
                <a16:creationId xmlns:a16="http://schemas.microsoft.com/office/drawing/2014/main" id="{ADD9A561-2515-8E52-B16B-B582E6702B7D}"/>
              </a:ext>
              <a:ext uri="{C183D7F6-B498-43B3-948B-1728B52AA6E4}">
                <adec:decorative xmlns:adec="http://schemas.microsoft.com/office/drawing/2017/decorative" val="1"/>
              </a:ext>
            </a:extLst>
          </p:cNvPr>
          <p:cNvGrpSpPr/>
          <p:nvPr/>
        </p:nvGrpSpPr>
        <p:grpSpPr>
          <a:xfrm>
            <a:off x="7242764" y="2651061"/>
            <a:ext cx="2215585" cy="319850"/>
            <a:chOff x="7158625" y="2502254"/>
            <a:chExt cx="2215585" cy="319850"/>
          </a:xfrm>
        </p:grpSpPr>
        <p:sp>
          <p:nvSpPr>
            <p:cNvPr id="27" name="Rektangel: afrundede hjørner 5">
              <a:extLst>
                <a:ext uri="{FF2B5EF4-FFF2-40B4-BE49-F238E27FC236}">
                  <a16:creationId xmlns:a16="http://schemas.microsoft.com/office/drawing/2014/main" id="{F3CAD969-E615-ACDF-4659-C1552A35A102}"/>
                </a:ext>
              </a:extLst>
            </p:cNvPr>
            <p:cNvSpPr>
              <a:spLocks/>
            </p:cNvSpPr>
            <p:nvPr/>
          </p:nvSpPr>
          <p:spPr>
            <a:xfrm>
              <a:off x="7158625" y="2502254"/>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8" name="TextBox 11">
              <a:extLst>
                <a:ext uri="{FF2B5EF4-FFF2-40B4-BE49-F238E27FC236}">
                  <a16:creationId xmlns:a16="http://schemas.microsoft.com/office/drawing/2014/main" id="{00558E94-C27E-04F7-7723-6B4D42143603}"/>
                </a:ext>
              </a:extLst>
            </p:cNvPr>
            <p:cNvSpPr txBox="1">
              <a:spLocks/>
            </p:cNvSpPr>
            <p:nvPr/>
          </p:nvSpPr>
          <p:spPr>
            <a:xfrm>
              <a:off x="7442867" y="2522989"/>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2 | Manglende kontrol og transparens over egne data</a:t>
              </a:r>
            </a:p>
          </p:txBody>
        </p:sp>
        <p:grpSp>
          <p:nvGrpSpPr>
            <p:cNvPr id="29" name="Group 45">
              <a:extLst>
                <a:ext uri="{FF2B5EF4-FFF2-40B4-BE49-F238E27FC236}">
                  <a16:creationId xmlns:a16="http://schemas.microsoft.com/office/drawing/2014/main" id="{BF255AF2-8FD8-1EA1-2EBC-851208EC31AE}"/>
                </a:ext>
              </a:extLst>
            </p:cNvPr>
            <p:cNvGrpSpPr>
              <a:grpSpLocks/>
            </p:cNvGrpSpPr>
            <p:nvPr/>
          </p:nvGrpSpPr>
          <p:grpSpPr>
            <a:xfrm>
              <a:off x="7226460" y="2558422"/>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34DDB2BA-973F-01A8-DCED-914E0279AC79}"/>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33D20509-195D-ED36-2133-ECD6062A3A16}"/>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C93640D5-9CE5-1FE9-44C1-16ABEA5C6E8F}"/>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F2ECA5C6-9E62-6480-DA52-8E27F8A57E09}"/>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grpSp>
      <p:sp>
        <p:nvSpPr>
          <p:cNvPr id="30" name="Rektangel: afrundede hjørner 9">
            <a:extLst>
              <a:ext uri="{FF2B5EF4-FFF2-40B4-BE49-F238E27FC236}">
                <a16:creationId xmlns:a16="http://schemas.microsoft.com/office/drawing/2014/main" id="{C7493764-6A2D-6502-53CC-36C10A6D6C6B}"/>
              </a:ext>
              <a:ext uri="{C183D7F6-B498-43B3-948B-1728B52AA6E4}">
                <adec:decorative xmlns:adec="http://schemas.microsoft.com/office/drawing/2017/decorative" val="1"/>
              </a:ext>
            </a:extLst>
          </p:cNvPr>
          <p:cNvSpPr>
            <a:spLocks/>
          </p:cNvSpPr>
          <p:nvPr/>
        </p:nvSpPr>
        <p:spPr>
          <a:xfrm>
            <a:off x="7242991" y="3073402"/>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TextBox 23">
            <a:extLst>
              <a:ext uri="{FF2B5EF4-FFF2-40B4-BE49-F238E27FC236}">
                <a16:creationId xmlns:a16="http://schemas.microsoft.com/office/drawing/2014/main" id="{7BE5ED0D-C4E3-58C8-2B78-BF7C27E3E85B}"/>
              </a:ext>
              <a:ext uri="{C183D7F6-B498-43B3-948B-1728B52AA6E4}">
                <adec:decorative xmlns:adec="http://schemas.microsoft.com/office/drawing/2017/decorative" val="0"/>
              </a:ext>
            </a:extLst>
          </p:cNvPr>
          <p:cNvSpPr txBox="1">
            <a:spLocks/>
          </p:cNvSpPr>
          <p:nvPr/>
        </p:nvSpPr>
        <p:spPr>
          <a:xfrm>
            <a:off x="7526779" y="3094137"/>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dirty="0"/>
              <a:t>03 | Begrænset kontrol og styring af digitale løsninger</a:t>
            </a:r>
          </a:p>
        </p:txBody>
      </p:sp>
      <p:sp>
        <p:nvSpPr>
          <p:cNvPr id="32" name="Freeform 6">
            <a:extLst>
              <a:ext uri="{FF2B5EF4-FFF2-40B4-BE49-F238E27FC236}">
                <a16:creationId xmlns:a16="http://schemas.microsoft.com/office/drawing/2014/main" id="{CD8E23F0-7EFD-74C8-67D6-9505176D1EC9}"/>
              </a:ext>
              <a:ext uri="{C183D7F6-B498-43B3-948B-1728B52AA6E4}">
                <adec:decorative xmlns:adec="http://schemas.microsoft.com/office/drawing/2017/decorative" val="1"/>
              </a:ext>
            </a:extLst>
          </p:cNvPr>
          <p:cNvSpPr>
            <a:spLocks noChangeAspect="1" noEditPoints="1"/>
          </p:cNvSpPr>
          <p:nvPr/>
        </p:nvSpPr>
        <p:spPr bwMode="auto">
          <a:xfrm>
            <a:off x="7298989" y="3133958"/>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33" name="Rektangel: afrundede hjørner 39">
            <a:extLst>
              <a:ext uri="{FF2B5EF4-FFF2-40B4-BE49-F238E27FC236}">
                <a16:creationId xmlns:a16="http://schemas.microsoft.com/office/drawing/2014/main" id="{C90E7533-471F-1561-C511-B7AC06C1FC1D}"/>
              </a:ext>
              <a:ext uri="{C183D7F6-B498-43B3-948B-1728B52AA6E4}">
                <adec:decorative xmlns:adec="http://schemas.microsoft.com/office/drawing/2017/decorative" val="1"/>
              </a:ext>
            </a:extLst>
          </p:cNvPr>
          <p:cNvSpPr>
            <a:spLocks/>
          </p:cNvSpPr>
          <p:nvPr/>
        </p:nvSpPr>
        <p:spPr>
          <a:xfrm>
            <a:off x="7242991" y="3495743"/>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TextBox 27">
            <a:extLst>
              <a:ext uri="{FF2B5EF4-FFF2-40B4-BE49-F238E27FC236}">
                <a16:creationId xmlns:a16="http://schemas.microsoft.com/office/drawing/2014/main" id="{B2757AB7-C835-06A3-64C4-F9D328A05C65}"/>
              </a:ext>
              <a:ext uri="{C183D7F6-B498-43B3-948B-1728B52AA6E4}">
                <adec:decorative xmlns:adec="http://schemas.microsoft.com/office/drawing/2017/decorative" val="0"/>
              </a:ext>
            </a:extLst>
          </p:cNvPr>
          <p:cNvSpPr txBox="1">
            <a:spLocks/>
          </p:cNvSpPr>
          <p:nvPr/>
        </p:nvSpPr>
        <p:spPr>
          <a:xfrm>
            <a:off x="7526779" y="3516753"/>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dirty="0"/>
              <a:t>04 | Sårbarheder i den digitale forsyningssikkerhed</a:t>
            </a:r>
          </a:p>
        </p:txBody>
      </p:sp>
      <p:sp>
        <p:nvSpPr>
          <p:cNvPr id="138" name="TextBox 137">
            <a:extLst>
              <a:ext uri="{FF2B5EF4-FFF2-40B4-BE49-F238E27FC236}">
                <a16:creationId xmlns:a16="http://schemas.microsoft.com/office/drawing/2014/main" id="{7BF7508C-253E-3E9E-E2B4-39B2D66C4013}"/>
              </a:ext>
            </a:extLst>
          </p:cNvPr>
          <p:cNvSpPr txBox="1"/>
          <p:nvPr/>
        </p:nvSpPr>
        <p:spPr>
          <a:xfrm>
            <a:off x="9469157" y="1874760"/>
            <a:ext cx="1931344" cy="246221"/>
          </a:xfrm>
          <a:prstGeom prst="rect">
            <a:avLst/>
          </a:prstGeom>
          <a:noFill/>
        </p:spPr>
        <p:txBody>
          <a:bodyPr wrap="square" lIns="72000">
            <a:spAutoFit/>
          </a:bodyPr>
          <a:lstStyle/>
          <a:p>
            <a:r>
              <a:rPr lang="da-DK" sz="1000" b="1" noProof="0" dirty="0">
                <a:solidFill>
                  <a:srgbClr val="36465A"/>
                </a:solidFill>
              </a:rPr>
              <a:t>Gevinster</a:t>
            </a:r>
            <a:endParaRPr lang="da-DK" sz="1000" noProof="0" dirty="0">
              <a:solidFill>
                <a:srgbClr val="36465A"/>
              </a:solidFill>
            </a:endParaRPr>
          </a:p>
        </p:txBody>
      </p:sp>
      <p:sp>
        <p:nvSpPr>
          <p:cNvPr id="36" name="Freeform 8">
            <a:extLst>
              <a:ext uri="{FF2B5EF4-FFF2-40B4-BE49-F238E27FC236}">
                <a16:creationId xmlns:a16="http://schemas.microsoft.com/office/drawing/2014/main" id="{F645419F-277D-E054-ADF7-8A8A245BCB2F}"/>
              </a:ext>
              <a:ext uri="{C183D7F6-B498-43B3-948B-1728B52AA6E4}">
                <adec:decorative xmlns:adec="http://schemas.microsoft.com/office/drawing/2017/decorative" val="1"/>
              </a:ext>
            </a:extLst>
          </p:cNvPr>
          <p:cNvSpPr>
            <a:spLocks noChangeAspect="1" noEditPoints="1"/>
          </p:cNvSpPr>
          <p:nvPr/>
        </p:nvSpPr>
        <p:spPr bwMode="auto">
          <a:xfrm>
            <a:off x="7311666" y="3561636"/>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96" name="Free-form: Shape 1">
            <a:extLst>
              <a:ext uri="{FF2B5EF4-FFF2-40B4-BE49-F238E27FC236}">
                <a16:creationId xmlns:a16="http://schemas.microsoft.com/office/drawing/2014/main" id="{64C487C1-F05A-9EAE-66E2-07665384435D}"/>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A92C9934-39E7-39D5-10DC-BDA7C1B1F5D5}"/>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C98791B8-4DCF-C28B-87A3-C0A9C37C2156}"/>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8AB1545B-C8A0-1029-1515-7BF1048699D9}"/>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FE3097EE-D2A5-7CBE-98EA-311CF46B81AA}"/>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BC5C1E6C-0F55-8FF0-0004-8BE6FA14599C}"/>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94" name="Rectangle 193">
            <a:extLst>
              <a:ext uri="{FF2B5EF4-FFF2-40B4-BE49-F238E27FC236}">
                <a16:creationId xmlns:a16="http://schemas.microsoft.com/office/drawing/2014/main" id="{AFB79431-403C-EA06-D15C-999A2E3729BA}"/>
              </a:ext>
              <a:ext uri="{C183D7F6-B498-43B3-948B-1728B52AA6E4}">
                <adec:decorative xmlns:adec="http://schemas.microsoft.com/office/drawing/2017/decorative" val="1"/>
              </a:ext>
            </a:extLst>
          </p:cNvPr>
          <p:cNvSpPr>
            <a:spLocks/>
          </p:cNvSpPr>
          <p:nvPr/>
        </p:nvSpPr>
        <p:spPr>
          <a:xfrm>
            <a:off x="7179021" y="2598210"/>
            <a:ext cx="2290136" cy="414637"/>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98" name="TextBox 197">
            <a:extLst>
              <a:ext uri="{FF2B5EF4-FFF2-40B4-BE49-F238E27FC236}">
                <a16:creationId xmlns:a16="http://schemas.microsoft.com/office/drawing/2014/main" id="{75E10FEC-5B90-0747-08F8-418A3F708680}"/>
              </a:ext>
            </a:extLst>
          </p:cNvPr>
          <p:cNvSpPr txBox="1"/>
          <p:nvPr/>
        </p:nvSpPr>
        <p:spPr>
          <a:xfrm>
            <a:off x="9857248" y="2233094"/>
            <a:ext cx="1495241" cy="353943"/>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Øget robusthed og modstandsdygtighed.</a:t>
            </a:r>
          </a:p>
        </p:txBody>
      </p:sp>
      <p:sp>
        <p:nvSpPr>
          <p:cNvPr id="199" name="TextBox 198">
            <a:extLst>
              <a:ext uri="{FF2B5EF4-FFF2-40B4-BE49-F238E27FC236}">
                <a16:creationId xmlns:a16="http://schemas.microsoft.com/office/drawing/2014/main" id="{D18AFB3C-B09D-41F7-9524-7A1238387A25}"/>
              </a:ext>
            </a:extLst>
          </p:cNvPr>
          <p:cNvSpPr txBox="1"/>
          <p:nvPr/>
        </p:nvSpPr>
        <p:spPr>
          <a:xfrm>
            <a:off x="9857248" y="2634504"/>
            <a:ext cx="1518338" cy="353943"/>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a:ln>
                  <a:noFill/>
                </a:ln>
                <a:solidFill>
                  <a:srgbClr val="000000"/>
                </a:solidFill>
                <a:effectLst/>
                <a:uLnTx/>
                <a:uFillTx/>
                <a:latin typeface="Arial" panose="020B0604020202020204" pitchFamily="34" charset="0"/>
                <a:ea typeface="+mn-ea"/>
                <a:cs typeface="+mn-cs"/>
              </a:rPr>
              <a:t>Reduceret risiko ved negativ påvirkning af drift. </a:t>
            </a:r>
          </a:p>
        </p:txBody>
      </p:sp>
      <p:sp>
        <p:nvSpPr>
          <p:cNvPr id="98" name="TextBox 97">
            <a:extLst>
              <a:ext uri="{FF2B5EF4-FFF2-40B4-BE49-F238E27FC236}">
                <a16:creationId xmlns:a16="http://schemas.microsoft.com/office/drawing/2014/main" id="{D167CEA8-A549-83EA-1D87-23654CEFBB2A}"/>
              </a:ext>
            </a:extLst>
          </p:cNvPr>
          <p:cNvSpPr txBox="1"/>
          <p:nvPr/>
        </p:nvSpPr>
        <p:spPr>
          <a:xfrm>
            <a:off x="9850622" y="3046710"/>
            <a:ext cx="1436160"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lang="da-DK" sz="1000" noProof="0" dirty="0">
                <a:solidFill>
                  <a:srgbClr val="000000"/>
                </a:solidFill>
                <a:latin typeface="Arial" panose="020B0604020202020204" pitchFamily="34" charset="0"/>
              </a:rPr>
              <a:t>Bedre grundlag for at identificere mulige alternative løsninger.</a:t>
            </a:r>
            <a:endParaRPr kumimoji="0" lang="da-DK" sz="10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
        <p:nvSpPr>
          <p:cNvPr id="5" name="TextBox 4">
            <a:extLst>
              <a:ext uri="{FF2B5EF4-FFF2-40B4-BE49-F238E27FC236}">
                <a16:creationId xmlns:a16="http://schemas.microsoft.com/office/drawing/2014/main" id="{FB709C09-A29B-B2F9-F6E2-A847F0C1F2A9}"/>
              </a:ext>
            </a:extLst>
          </p:cNvPr>
          <p:cNvSpPr txBox="1"/>
          <p:nvPr/>
        </p:nvSpPr>
        <p:spPr>
          <a:xfrm>
            <a:off x="7135196" y="4384984"/>
            <a:ext cx="4080640" cy="246221"/>
          </a:xfrm>
          <a:prstGeom prst="rect">
            <a:avLst/>
          </a:prstGeom>
          <a:noFill/>
        </p:spPr>
        <p:txBody>
          <a:bodyPr wrap="square">
            <a:spAutoFit/>
          </a:bodyPr>
          <a:lstStyle/>
          <a:p>
            <a:r>
              <a:rPr lang="da-DK" sz="1000" b="1" noProof="0"/>
              <a:t>Forudsætninger for effektiv implementering</a:t>
            </a:r>
            <a:endParaRPr lang="da-DK" sz="1000" noProof="0"/>
          </a:p>
        </p:txBody>
      </p:sp>
      <p:grpSp>
        <p:nvGrpSpPr>
          <p:cNvPr id="47" name="Group 46">
            <a:extLst>
              <a:ext uri="{FF2B5EF4-FFF2-40B4-BE49-F238E27FC236}">
                <a16:creationId xmlns:a16="http://schemas.microsoft.com/office/drawing/2014/main" id="{D9E901EE-4418-E9C8-651A-63E1C4CF4F40}"/>
              </a:ext>
              <a:ext uri="{C183D7F6-B498-43B3-948B-1728B52AA6E4}">
                <adec:decorative xmlns:adec="http://schemas.microsoft.com/office/drawing/2017/decorative" val="1"/>
              </a:ext>
            </a:extLst>
          </p:cNvPr>
          <p:cNvGrpSpPr/>
          <p:nvPr/>
        </p:nvGrpSpPr>
        <p:grpSpPr>
          <a:xfrm>
            <a:off x="9565600" y="2233094"/>
            <a:ext cx="218250" cy="210236"/>
            <a:chOff x="9564973" y="2233094"/>
            <a:chExt cx="218250" cy="210236"/>
          </a:xfrm>
        </p:grpSpPr>
        <p:sp>
          <p:nvSpPr>
            <p:cNvPr id="132" name="Oval 131">
              <a:extLst>
                <a:ext uri="{FF2B5EF4-FFF2-40B4-BE49-F238E27FC236}">
                  <a16:creationId xmlns:a16="http://schemas.microsoft.com/office/drawing/2014/main" id="{5C2B4A89-F678-58E3-499F-D59600574E3B}"/>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6" name="Freeform 24">
              <a:extLst>
                <a:ext uri="{FF2B5EF4-FFF2-40B4-BE49-F238E27FC236}">
                  <a16:creationId xmlns:a16="http://schemas.microsoft.com/office/drawing/2014/main" id="{C4092F9F-2C05-4828-5F38-05521506E151}"/>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48" name="Group 47">
            <a:extLst>
              <a:ext uri="{FF2B5EF4-FFF2-40B4-BE49-F238E27FC236}">
                <a16:creationId xmlns:a16="http://schemas.microsoft.com/office/drawing/2014/main" id="{66FFE627-2E8D-C7AB-D299-A9049957038D}"/>
              </a:ext>
              <a:ext uri="{C183D7F6-B498-43B3-948B-1728B52AA6E4}">
                <adec:decorative xmlns:adec="http://schemas.microsoft.com/office/drawing/2017/decorative" val="1"/>
              </a:ext>
            </a:extLst>
          </p:cNvPr>
          <p:cNvGrpSpPr/>
          <p:nvPr/>
        </p:nvGrpSpPr>
        <p:grpSpPr>
          <a:xfrm>
            <a:off x="9565600" y="2634504"/>
            <a:ext cx="218250" cy="210236"/>
            <a:chOff x="9564973" y="2233094"/>
            <a:chExt cx="218250" cy="210236"/>
          </a:xfrm>
        </p:grpSpPr>
        <p:sp>
          <p:nvSpPr>
            <p:cNvPr id="49" name="Oval 48">
              <a:extLst>
                <a:ext uri="{FF2B5EF4-FFF2-40B4-BE49-F238E27FC236}">
                  <a16:creationId xmlns:a16="http://schemas.microsoft.com/office/drawing/2014/main" id="{B77DB6B9-9956-45D0-52FB-9305632428D3}"/>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0" name="Freeform 24">
              <a:extLst>
                <a:ext uri="{FF2B5EF4-FFF2-40B4-BE49-F238E27FC236}">
                  <a16:creationId xmlns:a16="http://schemas.microsoft.com/office/drawing/2014/main" id="{5BD89202-F35C-A147-A53B-777E7FD25A27}"/>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61" name="Group 60">
            <a:extLst>
              <a:ext uri="{FF2B5EF4-FFF2-40B4-BE49-F238E27FC236}">
                <a16:creationId xmlns:a16="http://schemas.microsoft.com/office/drawing/2014/main" id="{5D562349-260A-D1D1-187D-ADDBB5666D34}"/>
              </a:ext>
              <a:ext uri="{C183D7F6-B498-43B3-948B-1728B52AA6E4}">
                <adec:decorative xmlns:adec="http://schemas.microsoft.com/office/drawing/2017/decorative" val="1"/>
              </a:ext>
            </a:extLst>
          </p:cNvPr>
          <p:cNvGrpSpPr/>
          <p:nvPr/>
        </p:nvGrpSpPr>
        <p:grpSpPr>
          <a:xfrm>
            <a:off x="11616145" y="218164"/>
            <a:ext cx="390155" cy="391051"/>
            <a:chOff x="854516" y="1720217"/>
            <a:chExt cx="606872" cy="608266"/>
          </a:xfrm>
        </p:grpSpPr>
        <p:sp>
          <p:nvSpPr>
            <p:cNvPr id="62" name="Freeform 291">
              <a:extLst>
                <a:ext uri="{FF2B5EF4-FFF2-40B4-BE49-F238E27FC236}">
                  <a16:creationId xmlns:a16="http://schemas.microsoft.com/office/drawing/2014/main" id="{AA21A1B6-91C8-D890-12FE-45A53BF00B0A}"/>
                </a:ext>
              </a:extLst>
            </p:cNvPr>
            <p:cNvSpPr>
              <a:spLocks/>
            </p:cNvSpPr>
            <p:nvPr/>
          </p:nvSpPr>
          <p:spPr bwMode="auto">
            <a:xfrm>
              <a:off x="1028906" y="1720217"/>
              <a:ext cx="432482" cy="538512"/>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6" name="Freeform 292">
              <a:extLst>
                <a:ext uri="{FF2B5EF4-FFF2-40B4-BE49-F238E27FC236}">
                  <a16:creationId xmlns:a16="http://schemas.microsoft.com/office/drawing/2014/main" id="{0C6A300C-5A51-4BE8-EFCC-98FBFDE97C07}"/>
                </a:ext>
              </a:extLst>
            </p:cNvPr>
            <p:cNvSpPr>
              <a:spLocks/>
            </p:cNvSpPr>
            <p:nvPr/>
          </p:nvSpPr>
          <p:spPr bwMode="auto">
            <a:xfrm>
              <a:off x="854516" y="1791370"/>
              <a:ext cx="432482" cy="537113"/>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7" name="Freeform 293">
              <a:extLst>
                <a:ext uri="{FF2B5EF4-FFF2-40B4-BE49-F238E27FC236}">
                  <a16:creationId xmlns:a16="http://schemas.microsoft.com/office/drawing/2014/main" id="{190AF5C2-D268-6927-2622-897CC614A55D}"/>
                </a:ext>
              </a:extLst>
            </p:cNvPr>
            <p:cNvSpPr>
              <a:spLocks noEditPoints="1"/>
            </p:cNvSpPr>
            <p:nvPr/>
          </p:nvSpPr>
          <p:spPr bwMode="auto">
            <a:xfrm>
              <a:off x="1017745" y="1861123"/>
              <a:ext cx="280415" cy="351568"/>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94" name="Left Brace 93">
            <a:extLst>
              <a:ext uri="{FF2B5EF4-FFF2-40B4-BE49-F238E27FC236}">
                <a16:creationId xmlns:a16="http://schemas.microsoft.com/office/drawing/2014/main" id="{6F382AE1-27E3-79AF-B266-8F45F3CA25D4}"/>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10" name="Rounded Rectangle 127">
            <a:extLst>
              <a:ext uri="{FF2B5EF4-FFF2-40B4-BE49-F238E27FC236}">
                <a16:creationId xmlns:a16="http://schemas.microsoft.com/office/drawing/2014/main" id="{E61A3122-019C-C3D7-5951-B20D7B851BB4}"/>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dirty="0">
                <a:solidFill>
                  <a:schemeClr val="tx1"/>
                </a:solidFill>
                <a:latin typeface="Arial" panose="020B0604020202020204" pitchFamily="34" charset="0"/>
              </a:rPr>
              <a:t>Kræver forudgående analyse af kritiske afhængigheder og samlet risikoeksponering, jf. indsats 1.1.</a:t>
            </a:r>
          </a:p>
        </p:txBody>
      </p:sp>
      <p:grpSp>
        <p:nvGrpSpPr>
          <p:cNvPr id="11" name="Group 10">
            <a:extLst>
              <a:ext uri="{FF2B5EF4-FFF2-40B4-BE49-F238E27FC236}">
                <a16:creationId xmlns:a16="http://schemas.microsoft.com/office/drawing/2014/main" id="{1F3B26FD-BEF2-190D-6423-EF1A629C783F}"/>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12" name="Oval 11">
              <a:extLst>
                <a:ext uri="{FF2B5EF4-FFF2-40B4-BE49-F238E27FC236}">
                  <a16:creationId xmlns:a16="http://schemas.microsoft.com/office/drawing/2014/main" id="{B4A0E55B-F4C9-CAE0-5941-BBD5231C2643}"/>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3" name="Oval 12">
              <a:extLst>
                <a:ext uri="{FF2B5EF4-FFF2-40B4-BE49-F238E27FC236}">
                  <a16:creationId xmlns:a16="http://schemas.microsoft.com/office/drawing/2014/main" id="{8DDDBE8C-488D-9860-D729-C982D462BFD4}"/>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6" name="Rounded Rectangle 127">
            <a:extLst>
              <a:ext uri="{FF2B5EF4-FFF2-40B4-BE49-F238E27FC236}">
                <a16:creationId xmlns:a16="http://schemas.microsoft.com/office/drawing/2014/main" id="{9ED2E0E0-DB65-2F2F-769A-44782A5A28FF}"/>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dirty="0">
                <a:solidFill>
                  <a:schemeClr val="tx1"/>
                </a:solidFill>
                <a:latin typeface="Arial" panose="020B0604020202020204" pitchFamily="34" charset="0"/>
              </a:rPr>
              <a:t>Fællesoffentlig eller sektorbaseret målsætning og evt. forpligtende aftale om at gennemføre analysen hos alle myndigheder. </a:t>
            </a:r>
          </a:p>
        </p:txBody>
      </p:sp>
      <p:grpSp>
        <p:nvGrpSpPr>
          <p:cNvPr id="17" name="Group 16">
            <a:extLst>
              <a:ext uri="{FF2B5EF4-FFF2-40B4-BE49-F238E27FC236}">
                <a16:creationId xmlns:a16="http://schemas.microsoft.com/office/drawing/2014/main" id="{28E0ACB6-81B0-D5C9-1FD5-278095D65ED1}"/>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18" name="Oval 17">
              <a:extLst>
                <a:ext uri="{FF2B5EF4-FFF2-40B4-BE49-F238E27FC236}">
                  <a16:creationId xmlns:a16="http://schemas.microsoft.com/office/drawing/2014/main" id="{CEB033E2-9C26-542F-81D7-C99C5BD17A72}"/>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19" name="Oval 18">
              <a:extLst>
                <a:ext uri="{FF2B5EF4-FFF2-40B4-BE49-F238E27FC236}">
                  <a16:creationId xmlns:a16="http://schemas.microsoft.com/office/drawing/2014/main" id="{0DC2FBD7-6816-C2E3-1587-A9F7CA057BEA}"/>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dirty="0">
                <a:solidFill>
                  <a:schemeClr val="tx1"/>
                </a:solidFill>
              </a:endParaRPr>
            </a:p>
          </p:txBody>
        </p:sp>
      </p:grpSp>
      <p:sp>
        <p:nvSpPr>
          <p:cNvPr id="37" name="Rounded Rectangle 127">
            <a:extLst>
              <a:ext uri="{FF2B5EF4-FFF2-40B4-BE49-F238E27FC236}">
                <a16:creationId xmlns:a16="http://schemas.microsoft.com/office/drawing/2014/main" id="{5BC9A651-4F50-CC4A-59B7-A8A13241686F}"/>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dirty="0">
                <a:solidFill>
                  <a:schemeClr val="tx1"/>
                </a:solidFill>
                <a:latin typeface="Arial" panose="020B0604020202020204" pitchFamily="34" charset="0"/>
              </a:rPr>
              <a:t>Prioritering af ressourcer i den enkelte myndighed til opgaven samt evt. økonomi til omkostninger til it-leverandører.</a:t>
            </a:r>
          </a:p>
        </p:txBody>
      </p:sp>
      <p:grpSp>
        <p:nvGrpSpPr>
          <p:cNvPr id="38" name="Group 37">
            <a:extLst>
              <a:ext uri="{FF2B5EF4-FFF2-40B4-BE49-F238E27FC236}">
                <a16:creationId xmlns:a16="http://schemas.microsoft.com/office/drawing/2014/main" id="{7D98C488-2B3A-5E21-2EDE-62C62F9058A3}"/>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40" name="Oval 39">
              <a:extLst>
                <a:ext uri="{FF2B5EF4-FFF2-40B4-BE49-F238E27FC236}">
                  <a16:creationId xmlns:a16="http://schemas.microsoft.com/office/drawing/2014/main" id="{ACA23116-CE47-6EC2-4212-576CF4BF73B5}"/>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95" name="Oval 94">
              <a:extLst>
                <a:ext uri="{FF2B5EF4-FFF2-40B4-BE49-F238E27FC236}">
                  <a16:creationId xmlns:a16="http://schemas.microsoft.com/office/drawing/2014/main" id="{687E2DBA-810B-D28F-BF6E-1F999D5491EC}"/>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dirty="0">
                <a:solidFill>
                  <a:schemeClr val="tx1"/>
                </a:solidFill>
              </a:endParaRPr>
            </a:p>
          </p:txBody>
        </p:sp>
      </p:grpSp>
      <p:grpSp>
        <p:nvGrpSpPr>
          <p:cNvPr id="99" name="Group 98">
            <a:extLst>
              <a:ext uri="{FF2B5EF4-FFF2-40B4-BE49-F238E27FC236}">
                <a16:creationId xmlns:a16="http://schemas.microsoft.com/office/drawing/2014/main" id="{2B15B3A2-701A-FA32-8B07-625E06CB8696}"/>
              </a:ext>
              <a:ext uri="{C183D7F6-B498-43B3-948B-1728B52AA6E4}">
                <adec:decorative xmlns:adec="http://schemas.microsoft.com/office/drawing/2017/decorative" val="1"/>
              </a:ext>
            </a:extLst>
          </p:cNvPr>
          <p:cNvGrpSpPr/>
          <p:nvPr/>
        </p:nvGrpSpPr>
        <p:grpSpPr>
          <a:xfrm>
            <a:off x="9558974" y="3046710"/>
            <a:ext cx="218250" cy="210236"/>
            <a:chOff x="9564973" y="2233094"/>
            <a:chExt cx="218250" cy="210236"/>
          </a:xfrm>
        </p:grpSpPr>
        <p:sp>
          <p:nvSpPr>
            <p:cNvPr id="100" name="Oval 99">
              <a:extLst>
                <a:ext uri="{FF2B5EF4-FFF2-40B4-BE49-F238E27FC236}">
                  <a16:creationId xmlns:a16="http://schemas.microsoft.com/office/drawing/2014/main" id="{18182CFD-F96E-F54A-BFC4-51622659FF8A}"/>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01" name="Freeform 24">
              <a:extLst>
                <a:ext uri="{FF2B5EF4-FFF2-40B4-BE49-F238E27FC236}">
                  <a16:creationId xmlns:a16="http://schemas.microsoft.com/office/drawing/2014/main" id="{62465E4C-F4A9-3839-7C61-09BE0D27109C}"/>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Tree>
    <p:extLst>
      <p:ext uri="{BB962C8B-B14F-4D97-AF65-F5344CB8AC3E}">
        <p14:creationId xmlns:p14="http://schemas.microsoft.com/office/powerpoint/2010/main" val="1274958583"/>
      </p:ext>
    </p:extLst>
  </p:cSld>
  <p:clrMapOvr>
    <a:masterClrMapping/>
  </p:clrMapOvr>
  <p:transition>
    <p:fade/>
  </p:transition>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B6F2C0E-17E3-8E4D-C475-E8F45FF4B307}"/>
            </a:ext>
          </a:extLst>
        </p:cNvPr>
        <p:cNvGrpSpPr/>
        <p:nvPr/>
      </p:nvGrpSpPr>
      <p:grpSpPr>
        <a:xfrm>
          <a:off x="0" y="0"/>
          <a:ext cx="0" cy="0"/>
          <a:chOff x="0" y="0"/>
          <a:chExt cx="0" cy="0"/>
        </a:xfrm>
      </p:grpSpPr>
      <p:sp>
        <p:nvSpPr>
          <p:cNvPr id="4" name="Rectangle: Rounded Corners 3">
            <a:extLst>
              <a:ext uri="{FF2B5EF4-FFF2-40B4-BE49-F238E27FC236}">
                <a16:creationId xmlns:a16="http://schemas.microsoft.com/office/drawing/2014/main" id="{CACD5FD3-31C0-C491-DDC1-3DCBFC286CB8}"/>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chemeClr val="bg2"/>
                </a:solidFill>
              </a:rPr>
              <a:t>Spor 1 | Risikobaseret prioritering og styring af afhængigheder</a:t>
            </a:r>
            <a:endParaRPr lang="da-DK" sz="1600" b="1" noProof="0" dirty="0">
              <a:solidFill>
                <a:srgbClr val="36465A"/>
              </a:solidFill>
              <a:latin typeface="Arial" panose="020B0604020202020204"/>
            </a:endParaRPr>
          </a:p>
        </p:txBody>
      </p:sp>
      <p:sp>
        <p:nvSpPr>
          <p:cNvPr id="8" name="Title 2">
            <a:extLst>
              <a:ext uri="{FF2B5EF4-FFF2-40B4-BE49-F238E27FC236}">
                <a16:creationId xmlns:a16="http://schemas.microsoft.com/office/drawing/2014/main" id="{0BD83592-CF8F-0470-6825-B32D9EFE81B7}"/>
              </a:ext>
            </a:extLst>
          </p:cNvPr>
          <p:cNvSpPr>
            <a:spLocks noGrp="1"/>
          </p:cNvSpPr>
          <p:nvPr>
            <p:ph type="title"/>
          </p:nvPr>
        </p:nvSpPr>
        <p:spPr>
          <a:xfrm>
            <a:off x="554355" y="512763"/>
            <a:ext cx="11088000" cy="792465"/>
          </a:xfrm>
        </p:spPr>
        <p:txBody>
          <a:bodyPr/>
          <a:lstStyle/>
          <a:p>
            <a:r>
              <a:rPr lang="da-DK" sz="2200" b="1" noProof="0" dirty="0">
                <a:solidFill>
                  <a:srgbClr val="0580A7"/>
                </a:solidFill>
              </a:rPr>
              <a:t>1.3 Stærkere audit-mekanismer</a:t>
            </a:r>
          </a:p>
        </p:txBody>
      </p:sp>
      <p:sp>
        <p:nvSpPr>
          <p:cNvPr id="22" name="Rectangle: Rounded Corners 21">
            <a:extLst>
              <a:ext uri="{FF2B5EF4-FFF2-40B4-BE49-F238E27FC236}">
                <a16:creationId xmlns:a16="http://schemas.microsoft.com/office/drawing/2014/main" id="{0E5FC0DB-B7E4-4B23-05BB-F62201417E7F}"/>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CDECF2"/>
          </a:solidFill>
          <a:ln w="12700" cap="flat" cmpd="sng" algn="ctr">
            <a:solidFill>
              <a:srgbClr val="0580A7"/>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472010DB-9A8B-7AF2-9D82-1933AA8E7507}"/>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C2EFB119-112F-2803-CDCB-D7DF5DB69915}"/>
              </a:ext>
            </a:extLst>
          </p:cNvPr>
          <p:cNvSpPr/>
          <p:nvPr/>
        </p:nvSpPr>
        <p:spPr>
          <a:xfrm>
            <a:off x="566629" y="1764045"/>
            <a:ext cx="6077214" cy="2353183"/>
          </a:xfrm>
          <a:prstGeom prst="roundRect">
            <a:avLst>
              <a:gd name="adj" fmla="val 6523"/>
            </a:avLst>
          </a:prstGeom>
          <a:no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noProof="0" dirty="0">
              <a:solidFill>
                <a:srgbClr val="00172D"/>
              </a:solidFill>
            </a:endParaRPr>
          </a:p>
          <a:p>
            <a:r>
              <a:rPr lang="da-DK" sz="1000" b="1" noProof="0" dirty="0">
                <a:solidFill>
                  <a:srgbClr val="00172D"/>
                </a:solidFill>
              </a:rPr>
              <a:t>Formål: </a:t>
            </a:r>
            <a:r>
              <a:rPr lang="da-DK" sz="1000" noProof="0" dirty="0">
                <a:solidFill>
                  <a:srgbClr val="00172D"/>
                </a:solidFill>
              </a:rPr>
              <a:t>At sikre fuld indsigt i, hvordan data behandles på tværs af hele leverandørkæden mhp. at reducere risikoen for uautoriseret adgang eller dataoverførsel til tredjelande.</a:t>
            </a:r>
          </a:p>
          <a:p>
            <a:pPr>
              <a:spcBef>
                <a:spcPts val="300"/>
              </a:spcBef>
            </a:pPr>
            <a:r>
              <a:rPr lang="da-DK" sz="1000" b="1" noProof="0" dirty="0">
                <a:solidFill>
                  <a:srgbClr val="00172D"/>
                </a:solidFill>
              </a:rPr>
              <a:t>Indhold</a:t>
            </a:r>
            <a:r>
              <a:rPr lang="da-DK" sz="1000" noProof="0" dirty="0">
                <a:solidFill>
                  <a:srgbClr val="00172D"/>
                </a:solidFill>
              </a:rPr>
              <a:t>: Myndighederne etablerer stærkere audit-mekanismer for databehandling for alle eksterne leverandører, som også inkluderer tredje- og fjerdepartsleverandører. Audits kan prioriteres efter </a:t>
            </a:r>
            <a:r>
              <a:rPr lang="da-DK" sz="1000" noProof="0" dirty="0" err="1">
                <a:solidFill>
                  <a:srgbClr val="00172D"/>
                </a:solidFill>
              </a:rPr>
              <a:t>kritikalitet</a:t>
            </a:r>
            <a:r>
              <a:rPr lang="da-DK" sz="1000" noProof="0" dirty="0">
                <a:solidFill>
                  <a:srgbClr val="00172D"/>
                </a:solidFill>
              </a:rPr>
              <a:t> og risikoeksponering, jf. indsats 1.1, og skal ses i sammenhæng med øvrige tiltag</a:t>
            </a:r>
            <a:r>
              <a:rPr lang="da-DK" sz="1000" noProof="0" dirty="0">
                <a:solidFill>
                  <a:schemeClr val="tx1"/>
                </a:solidFill>
              </a:rPr>
              <a:t> drevet af krav til </a:t>
            </a:r>
            <a:r>
              <a:rPr lang="da-DK" sz="1000" noProof="0" dirty="0" err="1">
                <a:solidFill>
                  <a:schemeClr val="tx1"/>
                </a:solidFill>
              </a:rPr>
              <a:t>cyber</a:t>
            </a:r>
            <a:r>
              <a:rPr lang="da-DK" sz="1000" noProof="0" dirty="0">
                <a:solidFill>
                  <a:schemeClr val="tx1"/>
                </a:solidFill>
              </a:rPr>
              <a:t>- og informationssikkerhed. </a:t>
            </a:r>
            <a:r>
              <a:rPr lang="da-DK" sz="1000" noProof="0" dirty="0">
                <a:solidFill>
                  <a:srgbClr val="00172D"/>
                </a:solidFill>
              </a:rPr>
              <a:t>For myndigheder, som er underlagt NIS2, vil der være et metodisk sammenfald i fremgangsmåden til afdækning af kritiske leverandørkæder. </a:t>
            </a:r>
          </a:p>
          <a:p>
            <a:pPr>
              <a:spcBef>
                <a:spcPts val="300"/>
              </a:spcBef>
            </a:pPr>
            <a:r>
              <a:rPr lang="da-DK" sz="1000" noProof="0" dirty="0">
                <a:solidFill>
                  <a:srgbClr val="00172D"/>
                </a:solidFill>
              </a:rPr>
              <a:t>Som led i indsatsen skabes overblik over data, dokumentation af compliance set ift. GDPR, EU AI </a:t>
            </a:r>
            <a:r>
              <a:rPr lang="da-DK" sz="1000" noProof="0" dirty="0" err="1">
                <a:solidFill>
                  <a:srgbClr val="00172D"/>
                </a:solidFill>
              </a:rPr>
              <a:t>Act</a:t>
            </a:r>
            <a:r>
              <a:rPr lang="da-DK" sz="1000" noProof="0" dirty="0">
                <a:solidFill>
                  <a:srgbClr val="00172D"/>
                </a:solidFill>
              </a:rPr>
              <a:t> og gældende nationale sikkerhedskrav samt udfordringer i underleverandørers processer (fx cloud-</a:t>
            </a:r>
            <a:r>
              <a:rPr lang="da-DK" sz="1000" noProof="0" dirty="0" err="1">
                <a:solidFill>
                  <a:srgbClr val="00172D"/>
                </a:solidFill>
              </a:rPr>
              <a:t>hosting</a:t>
            </a:r>
            <a:r>
              <a:rPr lang="da-DK" sz="1000" noProof="0" dirty="0">
                <a:solidFill>
                  <a:srgbClr val="00172D"/>
                </a:solidFill>
              </a:rPr>
              <a:t> uden for EU). Indsatsen kan suppleres med uafhængige sikkerhedsrevisioner af udvalgte løsninger og kan også kombineres med </a:t>
            </a:r>
            <a:r>
              <a:rPr lang="da-DK" sz="1000" noProof="0" dirty="0" err="1">
                <a:solidFill>
                  <a:srgbClr val="00172D"/>
                </a:solidFill>
              </a:rPr>
              <a:t>kravstillelse</a:t>
            </a:r>
            <a:r>
              <a:rPr lang="da-DK" sz="1000" noProof="0" dirty="0">
                <a:solidFill>
                  <a:srgbClr val="00172D"/>
                </a:solidFill>
              </a:rPr>
              <a:t> ifm. kommende udbud og eksisterende kontrakter.</a:t>
            </a:r>
          </a:p>
          <a:p>
            <a:pPr>
              <a:spcBef>
                <a:spcPts val="300"/>
              </a:spcBef>
            </a:pPr>
            <a:r>
              <a:rPr lang="da-DK" sz="1000" b="1" noProof="0" dirty="0">
                <a:solidFill>
                  <a:schemeClr val="tx1"/>
                </a:solidFill>
              </a:rPr>
              <a:t>Erfaringsgrundlag: </a:t>
            </a:r>
            <a:r>
              <a:rPr lang="da-DK" sz="1000" noProof="0" dirty="0">
                <a:solidFill>
                  <a:srgbClr val="00172D"/>
                </a:solidFill>
              </a:rPr>
              <a:t>Finansiel sektor, KOMBIT, Sundhedsdatastyrelsen. </a:t>
            </a:r>
          </a:p>
        </p:txBody>
      </p:sp>
      <p:sp>
        <p:nvSpPr>
          <p:cNvPr id="45" name="Rounded Rectangle 127">
            <a:extLst>
              <a:ext uri="{FF2B5EF4-FFF2-40B4-BE49-F238E27FC236}">
                <a16:creationId xmlns:a16="http://schemas.microsoft.com/office/drawing/2014/main" id="{1052C1F7-EEE0-7837-265D-61D62E752014}"/>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CDECF2"/>
          </a:solid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006E94"/>
                </a:solidFill>
              </a:rPr>
              <a:t>Formål og indhold</a:t>
            </a:r>
          </a:p>
        </p:txBody>
      </p:sp>
      <p:sp>
        <p:nvSpPr>
          <p:cNvPr id="65" name="Rounded Rectangle 127">
            <a:extLst>
              <a:ext uri="{FF2B5EF4-FFF2-40B4-BE49-F238E27FC236}">
                <a16:creationId xmlns:a16="http://schemas.microsoft.com/office/drawing/2014/main" id="{3410F5DA-8DED-21B3-DE29-1C8740F4ECFB}"/>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C9F098A3-5666-A194-A5AD-CB9047A540A6}"/>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CDECF2"/>
          </a:solidFill>
          <a:ln w="12700">
            <a:solidFill>
              <a:srgbClr val="0580A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006E94"/>
                </a:solidFill>
              </a:rPr>
              <a:t>Vurdering</a:t>
            </a:r>
          </a:p>
        </p:txBody>
      </p:sp>
      <p:sp>
        <p:nvSpPr>
          <p:cNvPr id="64" name="Rectangle: Top Corners Rounded 63">
            <a:extLst>
              <a:ext uri="{FF2B5EF4-FFF2-40B4-BE49-F238E27FC236}">
                <a16:creationId xmlns:a16="http://schemas.microsoft.com/office/drawing/2014/main" id="{C0DA50A7-F85F-5C13-844A-ACC43D0ED04C}"/>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15" name="TextBox 114">
            <a:extLst>
              <a:ext uri="{FF2B5EF4-FFF2-40B4-BE49-F238E27FC236}">
                <a16:creationId xmlns:a16="http://schemas.microsoft.com/office/drawing/2014/main" id="{0B6FD362-35C0-5DCC-6BBC-53997644A3BE}"/>
              </a:ext>
            </a:extLst>
          </p:cNvPr>
          <p:cNvSpPr txBox="1"/>
          <p:nvPr/>
        </p:nvSpPr>
        <p:spPr>
          <a:xfrm>
            <a:off x="612348" y="5253913"/>
            <a:ext cx="3721145" cy="1092607"/>
          </a:xfrm>
          <a:prstGeom prst="rect">
            <a:avLst/>
          </a:prstGeom>
          <a:noFill/>
        </p:spPr>
        <p:txBody>
          <a:bodyPr wrap="square">
            <a:spAutoFit/>
          </a:bodyPr>
          <a:lstStyle/>
          <a:p>
            <a:r>
              <a:rPr lang="da-DK" sz="1000" b="1" noProof="0" dirty="0">
                <a:solidFill>
                  <a:srgbClr val="00172D"/>
                </a:solidFill>
              </a:rPr>
              <a:t>Niveau: </a:t>
            </a:r>
            <a:r>
              <a:rPr lang="da-DK" sz="1000" noProof="0" dirty="0">
                <a:solidFill>
                  <a:srgbClr val="00172D"/>
                </a:solidFill>
              </a:rPr>
              <a:t>Den enkelte </a:t>
            </a:r>
            <a:r>
              <a:rPr lang="da-DK" sz="1000" noProof="0" dirty="0">
                <a:solidFill>
                  <a:srgbClr val="00172D"/>
                </a:solidFill>
                <a:latin typeface="Arial" panose="020B0604020202020204" pitchFamily="34" charset="0"/>
              </a:rPr>
              <a:t>myndighed.</a:t>
            </a:r>
            <a:endParaRPr lang="da-DK" sz="1000" b="1" noProof="0" dirty="0">
              <a:latin typeface="Arial" panose="020B0604020202020204" pitchFamily="34" charset="0"/>
            </a:endParaRP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Kan gennemføres på &lt;6 måneder for den enkelte myndighed.</a:t>
            </a:r>
          </a:p>
          <a:p>
            <a:pPr>
              <a:spcBef>
                <a:spcPts val="300"/>
              </a:spcBef>
            </a:pPr>
            <a:r>
              <a:rPr lang="da-DK" sz="1000" b="1" noProof="0" dirty="0">
                <a:latin typeface="Arial" panose="020B0604020202020204" pitchFamily="34" charset="0"/>
              </a:rPr>
              <a:t>Afhængigheder:</a:t>
            </a:r>
            <a:r>
              <a:rPr lang="da-DK" sz="1000" noProof="0" dirty="0">
                <a:latin typeface="Arial" panose="020B0604020202020204" pitchFamily="34" charset="0"/>
              </a:rPr>
              <a:t> Kan gennemføres i naturlig forlængelse af  indsats 1.1. Kobling til myndighedens organisering, jf. indsats 3.4 samt </a:t>
            </a:r>
            <a:r>
              <a:rPr lang="da-DK" sz="1000" noProof="0" dirty="0" err="1">
                <a:latin typeface="Arial" panose="020B0604020202020204" pitchFamily="34" charset="0"/>
              </a:rPr>
              <a:t>kravstillelse</a:t>
            </a:r>
            <a:r>
              <a:rPr lang="da-DK" sz="1000" noProof="0" dirty="0">
                <a:latin typeface="Arial" panose="020B0604020202020204" pitchFamily="34" charset="0"/>
              </a:rPr>
              <a:t> til leverandører, jf. indsats 2.3.</a:t>
            </a:r>
          </a:p>
        </p:txBody>
      </p:sp>
      <p:grpSp>
        <p:nvGrpSpPr>
          <p:cNvPr id="9" name="Group 8" descr="Samlet vurdering af kompleksitet, 3 ud af 10">
            <a:extLst>
              <a:ext uri="{FF2B5EF4-FFF2-40B4-BE49-F238E27FC236}">
                <a16:creationId xmlns:a16="http://schemas.microsoft.com/office/drawing/2014/main" id="{04D61A1D-A059-C234-FD60-4284A58A092F}"/>
              </a:ext>
            </a:extLst>
          </p:cNvPr>
          <p:cNvGrpSpPr/>
          <p:nvPr/>
        </p:nvGrpSpPr>
        <p:grpSpPr>
          <a:xfrm>
            <a:off x="649826" y="4555473"/>
            <a:ext cx="3279436" cy="551762"/>
            <a:chOff x="1383755" y="4555473"/>
            <a:chExt cx="3279436" cy="551762"/>
          </a:xfrm>
        </p:grpSpPr>
        <p:sp>
          <p:nvSpPr>
            <p:cNvPr id="10" name="TextBox 9">
              <a:extLst>
                <a:ext uri="{FF2B5EF4-FFF2-40B4-BE49-F238E27FC236}">
                  <a16:creationId xmlns:a16="http://schemas.microsoft.com/office/drawing/2014/main" id="{7FA6A0D0-2B75-B238-1A93-2F0C7D6DF996}"/>
                </a:ext>
              </a:extLst>
            </p:cNvPr>
            <p:cNvSpPr txBox="1"/>
            <p:nvPr/>
          </p:nvSpPr>
          <p:spPr>
            <a:xfrm>
              <a:off x="2431748" y="4555473"/>
              <a:ext cx="1191621" cy="261610"/>
            </a:xfrm>
            <a:prstGeom prst="rect">
              <a:avLst/>
            </a:prstGeom>
            <a:noFill/>
          </p:spPr>
          <p:txBody>
            <a:bodyPr wrap="square">
              <a:spAutoFit/>
            </a:bodyPr>
            <a:lstStyle/>
            <a:p>
              <a:pPr algn="ctr"/>
              <a:r>
                <a:rPr lang="da-DK" sz="1100" b="1" noProof="0" dirty="0"/>
                <a:t>Kompleksitet</a:t>
              </a:r>
            </a:p>
          </p:txBody>
        </p:sp>
        <p:grpSp>
          <p:nvGrpSpPr>
            <p:cNvPr id="13" name="Group 12">
              <a:extLst>
                <a:ext uri="{FF2B5EF4-FFF2-40B4-BE49-F238E27FC236}">
                  <a16:creationId xmlns:a16="http://schemas.microsoft.com/office/drawing/2014/main" id="{55CEC0C9-8948-CB46-F8E8-BFEA6300E895}"/>
                </a:ext>
              </a:extLst>
            </p:cNvPr>
            <p:cNvGrpSpPr/>
            <p:nvPr/>
          </p:nvGrpSpPr>
          <p:grpSpPr>
            <a:xfrm>
              <a:off x="1383755" y="4900497"/>
              <a:ext cx="3279436" cy="206738"/>
              <a:chOff x="4280723" y="3040512"/>
              <a:chExt cx="3161620" cy="171957"/>
            </a:xfrm>
          </p:grpSpPr>
          <p:grpSp>
            <p:nvGrpSpPr>
              <p:cNvPr id="17" name="Group 16">
                <a:extLst>
                  <a:ext uri="{FF2B5EF4-FFF2-40B4-BE49-F238E27FC236}">
                    <a16:creationId xmlns:a16="http://schemas.microsoft.com/office/drawing/2014/main" id="{56CD41CD-AC2B-3798-1482-21DFF1DDF897}"/>
                  </a:ext>
                </a:extLst>
              </p:cNvPr>
              <p:cNvGrpSpPr/>
              <p:nvPr/>
            </p:nvGrpSpPr>
            <p:grpSpPr>
              <a:xfrm>
                <a:off x="4383394" y="3153610"/>
                <a:ext cx="2961649" cy="45719"/>
                <a:chOff x="4383394" y="3153610"/>
                <a:chExt cx="2961649" cy="45719"/>
              </a:xfrm>
            </p:grpSpPr>
            <p:cxnSp>
              <p:nvCxnSpPr>
                <p:cNvPr id="37" name="Straight Connector 36">
                  <a:extLst>
                    <a:ext uri="{FF2B5EF4-FFF2-40B4-BE49-F238E27FC236}">
                      <a16:creationId xmlns:a16="http://schemas.microsoft.com/office/drawing/2014/main" id="{9075E05C-F719-3781-3879-98F2C775F2B7}"/>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38" name="Oval 37">
                  <a:extLst>
                    <a:ext uri="{FF2B5EF4-FFF2-40B4-BE49-F238E27FC236}">
                      <a16:creationId xmlns:a16="http://schemas.microsoft.com/office/drawing/2014/main" id="{96CA3385-A524-7438-910C-84480D6DA7CC}"/>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40" name="Oval 39">
                  <a:extLst>
                    <a:ext uri="{FF2B5EF4-FFF2-40B4-BE49-F238E27FC236}">
                      <a16:creationId xmlns:a16="http://schemas.microsoft.com/office/drawing/2014/main" id="{AC5E8E7A-411C-B1A7-356B-A0E7D633E1DD}"/>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8" name="Straight Connector 17">
                <a:extLst>
                  <a:ext uri="{FF2B5EF4-FFF2-40B4-BE49-F238E27FC236}">
                    <a16:creationId xmlns:a16="http://schemas.microsoft.com/office/drawing/2014/main" id="{0CC8614D-0EE6-17FC-E4AB-71B33A2A7055}"/>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9" name="TextBox 18">
                <a:extLst>
                  <a:ext uri="{FF2B5EF4-FFF2-40B4-BE49-F238E27FC236}">
                    <a16:creationId xmlns:a16="http://schemas.microsoft.com/office/drawing/2014/main" id="{29D89371-B55B-55AC-00B8-196D5ABEA862}"/>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35" name="TextBox 34">
                <a:extLst>
                  <a:ext uri="{FF2B5EF4-FFF2-40B4-BE49-F238E27FC236}">
                    <a16:creationId xmlns:a16="http://schemas.microsoft.com/office/drawing/2014/main" id="{B1AD8297-44C9-6B4D-C5B2-BF72FDAC079B}"/>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grpSp>
      <p:grpSp>
        <p:nvGrpSpPr>
          <p:cNvPr id="53" name="Group 52" descr="Vurdering af teknisk kompleksitet, 3 ud af 10">
            <a:extLst>
              <a:ext uri="{FF2B5EF4-FFF2-40B4-BE49-F238E27FC236}">
                <a16:creationId xmlns:a16="http://schemas.microsoft.com/office/drawing/2014/main" id="{C84D15DD-A47D-1440-C8E9-9C734763BAF5}"/>
              </a:ext>
            </a:extLst>
          </p:cNvPr>
          <p:cNvGrpSpPr/>
          <p:nvPr/>
        </p:nvGrpSpPr>
        <p:grpSpPr>
          <a:xfrm>
            <a:off x="4755592" y="4883930"/>
            <a:ext cx="1707066" cy="248033"/>
            <a:chOff x="860772" y="4916533"/>
            <a:chExt cx="1487909" cy="216189"/>
          </a:xfrm>
        </p:grpSpPr>
        <p:grpSp>
          <p:nvGrpSpPr>
            <p:cNvPr id="55" name="Group 54">
              <a:extLst>
                <a:ext uri="{FF2B5EF4-FFF2-40B4-BE49-F238E27FC236}">
                  <a16:creationId xmlns:a16="http://schemas.microsoft.com/office/drawing/2014/main" id="{E2940F22-CB35-E1E8-6A3D-F11824F9C1A0}"/>
                </a:ext>
              </a:extLst>
            </p:cNvPr>
            <p:cNvGrpSpPr/>
            <p:nvPr/>
          </p:nvGrpSpPr>
          <p:grpSpPr>
            <a:xfrm>
              <a:off x="860772" y="4916533"/>
              <a:ext cx="1487909" cy="180194"/>
              <a:chOff x="5354949" y="3040512"/>
              <a:chExt cx="1645739" cy="171957"/>
            </a:xfrm>
          </p:grpSpPr>
          <p:grpSp>
            <p:nvGrpSpPr>
              <p:cNvPr id="57" name="Group 56">
                <a:extLst>
                  <a:ext uri="{FF2B5EF4-FFF2-40B4-BE49-F238E27FC236}">
                    <a16:creationId xmlns:a16="http://schemas.microsoft.com/office/drawing/2014/main" id="{DA38C0E0-E705-AEAF-AA2B-7BC1BA4F0237}"/>
                  </a:ext>
                </a:extLst>
              </p:cNvPr>
              <p:cNvGrpSpPr/>
              <p:nvPr/>
            </p:nvGrpSpPr>
            <p:grpSpPr>
              <a:xfrm>
                <a:off x="5458296" y="3153610"/>
                <a:ext cx="1445092" cy="45719"/>
                <a:chOff x="5458296" y="3153610"/>
                <a:chExt cx="1445092" cy="45719"/>
              </a:xfrm>
            </p:grpSpPr>
            <p:cxnSp>
              <p:nvCxnSpPr>
                <p:cNvPr id="71" name="Straight Connector 70">
                  <a:extLst>
                    <a:ext uri="{FF2B5EF4-FFF2-40B4-BE49-F238E27FC236}">
                      <a16:creationId xmlns:a16="http://schemas.microsoft.com/office/drawing/2014/main" id="{AA30755A-1336-93E3-C6CC-AEDA84DDA483}"/>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2" name="Oval 71">
                  <a:extLst>
                    <a:ext uri="{FF2B5EF4-FFF2-40B4-BE49-F238E27FC236}">
                      <a16:creationId xmlns:a16="http://schemas.microsoft.com/office/drawing/2014/main" id="{CC5249B7-C672-D5A8-F606-6AB79B947A17}"/>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73" name="Oval 72">
                  <a:extLst>
                    <a:ext uri="{FF2B5EF4-FFF2-40B4-BE49-F238E27FC236}">
                      <a16:creationId xmlns:a16="http://schemas.microsoft.com/office/drawing/2014/main" id="{D1EE327A-66DA-46AB-8F1C-49EE55D909E6}"/>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68" name="Straight Connector 67">
                <a:extLst>
                  <a:ext uri="{FF2B5EF4-FFF2-40B4-BE49-F238E27FC236}">
                    <a16:creationId xmlns:a16="http://schemas.microsoft.com/office/drawing/2014/main" id="{CD09CDAB-BF81-5C7D-5E56-4E66DE4027D0}"/>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9" name="TextBox 68">
                <a:extLst>
                  <a:ext uri="{FF2B5EF4-FFF2-40B4-BE49-F238E27FC236}">
                    <a16:creationId xmlns:a16="http://schemas.microsoft.com/office/drawing/2014/main" id="{1F6E45C1-D89F-118B-DF67-85AF89A803EE}"/>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70" name="TextBox 69">
                <a:extLst>
                  <a:ext uri="{FF2B5EF4-FFF2-40B4-BE49-F238E27FC236}">
                    <a16:creationId xmlns:a16="http://schemas.microsoft.com/office/drawing/2014/main" id="{25952998-E9E9-8608-2AE4-EA0FE95E2286}"/>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56" name="Oval 55">
              <a:extLst>
                <a:ext uri="{FF2B5EF4-FFF2-40B4-BE49-F238E27FC236}">
                  <a16:creationId xmlns:a16="http://schemas.microsoft.com/office/drawing/2014/main" id="{B23EBFA1-ECED-BA7D-A6E7-E72180473E2F}"/>
                </a:ext>
              </a:extLst>
            </p:cNvPr>
            <p:cNvSpPr/>
            <p:nvPr/>
          </p:nvSpPr>
          <p:spPr>
            <a:xfrm>
              <a:off x="1130111"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74" name="TextBox 73">
            <a:extLst>
              <a:ext uri="{FF2B5EF4-FFF2-40B4-BE49-F238E27FC236}">
                <a16:creationId xmlns:a16="http://schemas.microsoft.com/office/drawing/2014/main" id="{1A37FAB3-EA7F-CF18-BA22-57C81E90C1F0}"/>
              </a:ext>
              <a:ext uri="{C183D7F6-B498-43B3-948B-1728B52AA6E4}">
                <adec:decorative xmlns:adec="http://schemas.microsoft.com/office/drawing/2017/decorative" val="1"/>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dirty="0"/>
              <a:t>Teknisk</a:t>
            </a:r>
            <a:endParaRPr lang="da-DK" sz="1100" b="1" i="1" noProof="0" dirty="0"/>
          </a:p>
        </p:txBody>
      </p:sp>
      <p:grpSp>
        <p:nvGrpSpPr>
          <p:cNvPr id="76" name="Group 75" descr="Vurdering af organisatorisk kompleksitet, 2 ud af 10">
            <a:extLst>
              <a:ext uri="{FF2B5EF4-FFF2-40B4-BE49-F238E27FC236}">
                <a16:creationId xmlns:a16="http://schemas.microsoft.com/office/drawing/2014/main" id="{1811AE1F-BDDD-8D2B-7719-591B4A8F77F0}"/>
              </a:ext>
            </a:extLst>
          </p:cNvPr>
          <p:cNvGrpSpPr/>
          <p:nvPr/>
        </p:nvGrpSpPr>
        <p:grpSpPr>
          <a:xfrm>
            <a:off x="4756736" y="5395863"/>
            <a:ext cx="1707066" cy="206738"/>
            <a:chOff x="5354949" y="3040512"/>
            <a:chExt cx="1645739" cy="171957"/>
          </a:xfrm>
        </p:grpSpPr>
        <p:grpSp>
          <p:nvGrpSpPr>
            <p:cNvPr id="78" name="Group 77">
              <a:extLst>
                <a:ext uri="{FF2B5EF4-FFF2-40B4-BE49-F238E27FC236}">
                  <a16:creationId xmlns:a16="http://schemas.microsoft.com/office/drawing/2014/main" id="{561EDB54-9878-3180-5413-10E9BD780DD6}"/>
                </a:ext>
              </a:extLst>
            </p:cNvPr>
            <p:cNvGrpSpPr/>
            <p:nvPr/>
          </p:nvGrpSpPr>
          <p:grpSpPr>
            <a:xfrm>
              <a:off x="5458296" y="3153610"/>
              <a:ext cx="1445092" cy="45719"/>
              <a:chOff x="5458296" y="3153610"/>
              <a:chExt cx="1445092" cy="45719"/>
            </a:xfrm>
          </p:grpSpPr>
          <p:cxnSp>
            <p:nvCxnSpPr>
              <p:cNvPr id="82" name="Straight Connector 81">
                <a:extLst>
                  <a:ext uri="{FF2B5EF4-FFF2-40B4-BE49-F238E27FC236}">
                    <a16:creationId xmlns:a16="http://schemas.microsoft.com/office/drawing/2014/main" id="{65CBACDA-488A-DD16-8412-C0C13A8644B3}"/>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3" name="Oval 82">
                <a:extLst>
                  <a:ext uri="{FF2B5EF4-FFF2-40B4-BE49-F238E27FC236}">
                    <a16:creationId xmlns:a16="http://schemas.microsoft.com/office/drawing/2014/main" id="{700BED60-8EC6-005C-0DAD-B4667CC07E11}"/>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5" name="Oval 84">
                <a:extLst>
                  <a:ext uri="{FF2B5EF4-FFF2-40B4-BE49-F238E27FC236}">
                    <a16:creationId xmlns:a16="http://schemas.microsoft.com/office/drawing/2014/main" id="{12740C18-0FB4-1751-92F3-2EB3741BC78F}"/>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79" name="Straight Connector 78">
              <a:extLst>
                <a:ext uri="{FF2B5EF4-FFF2-40B4-BE49-F238E27FC236}">
                  <a16:creationId xmlns:a16="http://schemas.microsoft.com/office/drawing/2014/main" id="{B3810870-D918-8727-5FCC-782545544F43}"/>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6ED1A6CA-5FF9-E2A5-2C64-C0AE320EAB4A}"/>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81" name="TextBox 80">
              <a:extLst>
                <a:ext uri="{FF2B5EF4-FFF2-40B4-BE49-F238E27FC236}">
                  <a16:creationId xmlns:a16="http://schemas.microsoft.com/office/drawing/2014/main" id="{FBDA8C8F-A13D-3B43-61ED-F3D7DD886AA5}"/>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86" name="TextBox 85">
            <a:extLst>
              <a:ext uri="{FF2B5EF4-FFF2-40B4-BE49-F238E27FC236}">
                <a16:creationId xmlns:a16="http://schemas.microsoft.com/office/drawing/2014/main" id="{0B8279B8-B20D-DB70-9B1C-605D2942F486}"/>
              </a:ext>
              <a:ext uri="{C183D7F6-B498-43B3-948B-1728B52AA6E4}">
                <adec:decorative xmlns:adec="http://schemas.microsoft.com/office/drawing/2017/decorative" val="1"/>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87" name="Group 86" descr="Vurdering af juridisk kompleksitet, 5 ud af 10">
            <a:extLst>
              <a:ext uri="{FF2B5EF4-FFF2-40B4-BE49-F238E27FC236}">
                <a16:creationId xmlns:a16="http://schemas.microsoft.com/office/drawing/2014/main" id="{639D6652-4D7C-F9C0-6C59-2D602CBEC5E9}"/>
              </a:ext>
            </a:extLst>
          </p:cNvPr>
          <p:cNvGrpSpPr/>
          <p:nvPr/>
        </p:nvGrpSpPr>
        <p:grpSpPr>
          <a:xfrm>
            <a:off x="4754047" y="5907971"/>
            <a:ext cx="1707066" cy="248033"/>
            <a:chOff x="860772" y="4916533"/>
            <a:chExt cx="1487909" cy="216189"/>
          </a:xfrm>
        </p:grpSpPr>
        <p:grpSp>
          <p:nvGrpSpPr>
            <p:cNvPr id="88" name="Group 87">
              <a:extLst>
                <a:ext uri="{FF2B5EF4-FFF2-40B4-BE49-F238E27FC236}">
                  <a16:creationId xmlns:a16="http://schemas.microsoft.com/office/drawing/2014/main" id="{4671FA4C-0357-D57A-70AB-E740D791D4CF}"/>
                </a:ext>
              </a:extLst>
            </p:cNvPr>
            <p:cNvGrpSpPr/>
            <p:nvPr/>
          </p:nvGrpSpPr>
          <p:grpSpPr>
            <a:xfrm>
              <a:off x="860772" y="4916533"/>
              <a:ext cx="1487909" cy="180194"/>
              <a:chOff x="5354949" y="3040512"/>
              <a:chExt cx="1645739" cy="171957"/>
            </a:xfrm>
          </p:grpSpPr>
          <p:grpSp>
            <p:nvGrpSpPr>
              <p:cNvPr id="90" name="Group 89">
                <a:extLst>
                  <a:ext uri="{FF2B5EF4-FFF2-40B4-BE49-F238E27FC236}">
                    <a16:creationId xmlns:a16="http://schemas.microsoft.com/office/drawing/2014/main" id="{A2C80DCE-15A1-2116-41FA-8D4F1B8C1127}"/>
                  </a:ext>
                </a:extLst>
              </p:cNvPr>
              <p:cNvGrpSpPr/>
              <p:nvPr/>
            </p:nvGrpSpPr>
            <p:grpSpPr>
              <a:xfrm>
                <a:off x="5458296" y="3153610"/>
                <a:ext cx="1445092" cy="45719"/>
                <a:chOff x="5458296" y="3153610"/>
                <a:chExt cx="1445092" cy="45719"/>
              </a:xfrm>
            </p:grpSpPr>
            <p:cxnSp>
              <p:nvCxnSpPr>
                <p:cNvPr id="94" name="Straight Connector 93">
                  <a:extLst>
                    <a:ext uri="{FF2B5EF4-FFF2-40B4-BE49-F238E27FC236}">
                      <a16:creationId xmlns:a16="http://schemas.microsoft.com/office/drawing/2014/main" id="{EEA03BFD-5197-72AA-9495-8133FF5CD2F9}"/>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5" name="Oval 94">
                  <a:extLst>
                    <a:ext uri="{FF2B5EF4-FFF2-40B4-BE49-F238E27FC236}">
                      <a16:creationId xmlns:a16="http://schemas.microsoft.com/office/drawing/2014/main" id="{BED9E4AB-72A3-9C11-87A2-08D98F2FD3A3}"/>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97" name="Oval 96">
                  <a:extLst>
                    <a:ext uri="{FF2B5EF4-FFF2-40B4-BE49-F238E27FC236}">
                      <a16:creationId xmlns:a16="http://schemas.microsoft.com/office/drawing/2014/main" id="{C9B0042B-7556-48A4-43CB-350D20D0DBBC}"/>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91" name="Straight Connector 90">
                <a:extLst>
                  <a:ext uri="{FF2B5EF4-FFF2-40B4-BE49-F238E27FC236}">
                    <a16:creationId xmlns:a16="http://schemas.microsoft.com/office/drawing/2014/main" id="{1CE5D14B-1F65-5910-7C95-1846A5F5D592}"/>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2" name="TextBox 91">
                <a:extLst>
                  <a:ext uri="{FF2B5EF4-FFF2-40B4-BE49-F238E27FC236}">
                    <a16:creationId xmlns:a16="http://schemas.microsoft.com/office/drawing/2014/main" id="{C9275D63-C33F-CB42-15FF-8FF218F16810}"/>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93" name="TextBox 92">
                <a:extLst>
                  <a:ext uri="{FF2B5EF4-FFF2-40B4-BE49-F238E27FC236}">
                    <a16:creationId xmlns:a16="http://schemas.microsoft.com/office/drawing/2014/main" id="{910B6B72-BBC7-84C0-01E5-D477B9E3CD1A}"/>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89" name="Oval 88">
              <a:extLst>
                <a:ext uri="{FF2B5EF4-FFF2-40B4-BE49-F238E27FC236}">
                  <a16:creationId xmlns:a16="http://schemas.microsoft.com/office/drawing/2014/main" id="{0AD53F7D-4C3D-746F-4951-4B11F6380935}"/>
                </a:ext>
              </a:extLst>
            </p:cNvPr>
            <p:cNvSpPr/>
            <p:nvPr/>
          </p:nvSpPr>
          <p:spPr>
            <a:xfrm>
              <a:off x="1496242"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98" name="TextBox 97">
            <a:extLst>
              <a:ext uri="{FF2B5EF4-FFF2-40B4-BE49-F238E27FC236}">
                <a16:creationId xmlns:a16="http://schemas.microsoft.com/office/drawing/2014/main" id="{652979BF-3E61-1E63-1B4F-D186845F3593}"/>
              </a:ext>
              <a:ext uri="{C183D7F6-B498-43B3-948B-1728B52AA6E4}">
                <adec:decorative xmlns:adec="http://schemas.microsoft.com/office/drawing/2017/decorative" val="1"/>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grpSp>
        <p:nvGrpSpPr>
          <p:cNvPr id="7" name="Group 6">
            <a:extLst>
              <a:ext uri="{FF2B5EF4-FFF2-40B4-BE49-F238E27FC236}">
                <a16:creationId xmlns:a16="http://schemas.microsoft.com/office/drawing/2014/main" id="{A056761C-FF08-A28E-6C63-269DDA19C3E0}"/>
              </a:ext>
              <a:ext uri="{C183D7F6-B498-43B3-948B-1728B52AA6E4}">
                <adec:decorative xmlns:adec="http://schemas.microsoft.com/office/drawing/2017/decorative" val="1"/>
              </a:ext>
            </a:extLst>
          </p:cNvPr>
          <p:cNvGrpSpPr/>
          <p:nvPr/>
        </p:nvGrpSpPr>
        <p:grpSpPr>
          <a:xfrm>
            <a:off x="7242764" y="2228720"/>
            <a:ext cx="2215585" cy="319850"/>
            <a:chOff x="7158625" y="2042360"/>
            <a:chExt cx="2215585" cy="319850"/>
          </a:xfrm>
        </p:grpSpPr>
        <p:sp>
          <p:nvSpPr>
            <p:cNvPr id="24" name="Rektangel: afrundede hjørner 10">
              <a:extLst>
                <a:ext uri="{FF2B5EF4-FFF2-40B4-BE49-F238E27FC236}">
                  <a16:creationId xmlns:a16="http://schemas.microsoft.com/office/drawing/2014/main" id="{51B6528C-B2B9-184A-94E7-F5F2CC146E23}"/>
                </a:ext>
              </a:extLst>
            </p:cNvPr>
            <p:cNvSpPr>
              <a:spLocks/>
            </p:cNvSpPr>
            <p:nvPr/>
          </p:nvSpPr>
          <p:spPr>
            <a:xfrm>
              <a:off x="7158625" y="204236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423A164E-D41A-AB92-70E0-A109CC1A0AC9}"/>
                </a:ext>
              </a:extLst>
            </p:cNvPr>
            <p:cNvSpPr>
              <a:spLocks noEditPoints="1"/>
            </p:cNvSpPr>
            <p:nvPr/>
          </p:nvSpPr>
          <p:spPr bwMode="auto">
            <a:xfrm>
              <a:off x="7204885" y="210766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6" name="TextBox 4">
              <a:extLst>
                <a:ext uri="{FF2B5EF4-FFF2-40B4-BE49-F238E27FC236}">
                  <a16:creationId xmlns:a16="http://schemas.microsoft.com/office/drawing/2014/main" id="{44882D3D-8914-1691-6D57-78FF5A2C83D2}"/>
                </a:ext>
              </a:extLst>
            </p:cNvPr>
            <p:cNvSpPr txBox="1">
              <a:spLocks/>
            </p:cNvSpPr>
            <p:nvPr/>
          </p:nvSpPr>
          <p:spPr>
            <a:xfrm>
              <a:off x="7442867" y="2057663"/>
              <a:ext cx="1931343" cy="296832"/>
            </a:xfrm>
            <a:prstGeom prst="rect">
              <a:avLst/>
            </a:prstGeom>
            <a:noFill/>
          </p:spPr>
          <p:txBody>
            <a:bodyPr wrap="square" rtlCol="0" anchor="ctr">
              <a:noAutofit/>
            </a:bodyPr>
            <a:lstStyle/>
            <a:p>
              <a:r>
                <a:rPr lang="da-DK" sz="700" b="1" noProof="0">
                  <a:solidFill>
                    <a:srgbClr val="024D78"/>
                  </a:solidFill>
                </a:rPr>
                <a:t>01 | Høj afhængighed af større leverandører og manglende konkurrence</a:t>
              </a:r>
            </a:p>
          </p:txBody>
        </p:sp>
      </p:grpSp>
      <p:sp>
        <p:nvSpPr>
          <p:cNvPr id="27" name="Rektangel: afrundede hjørner 5">
            <a:extLst>
              <a:ext uri="{FF2B5EF4-FFF2-40B4-BE49-F238E27FC236}">
                <a16:creationId xmlns:a16="http://schemas.microsoft.com/office/drawing/2014/main" id="{BDA77625-8406-F5B7-CEDB-F613AED4E513}"/>
              </a:ext>
              <a:ext uri="{C183D7F6-B498-43B3-948B-1728B52AA6E4}">
                <adec:decorative xmlns:adec="http://schemas.microsoft.com/office/drawing/2017/decorative" val="1"/>
              </a:ext>
            </a:extLst>
          </p:cNvPr>
          <p:cNvSpPr>
            <a:spLocks/>
          </p:cNvSpPr>
          <p:nvPr/>
        </p:nvSpPr>
        <p:spPr>
          <a:xfrm>
            <a:off x="7242764" y="2651061"/>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34" name="TextBox 133">
            <a:extLst>
              <a:ext uri="{FF2B5EF4-FFF2-40B4-BE49-F238E27FC236}">
                <a16:creationId xmlns:a16="http://schemas.microsoft.com/office/drawing/2014/main" id="{D5D0EE50-9F16-2AAF-4AC7-C20A50658ACA}"/>
              </a:ext>
            </a:extLst>
          </p:cNvPr>
          <p:cNvSpPr txBox="1"/>
          <p:nvPr/>
        </p:nvSpPr>
        <p:spPr>
          <a:xfrm>
            <a:off x="7249102" y="1874760"/>
            <a:ext cx="2162754" cy="246221"/>
          </a:xfrm>
          <a:prstGeom prst="rect">
            <a:avLst/>
          </a:prstGeom>
          <a:noFill/>
        </p:spPr>
        <p:txBody>
          <a:bodyPr wrap="square" lIns="0">
            <a:spAutoFit/>
          </a:bodyPr>
          <a:lstStyle/>
          <a:p>
            <a:r>
              <a:rPr lang="da-DK" sz="1000" b="1" noProof="0" dirty="0">
                <a:solidFill>
                  <a:srgbClr val="36465A"/>
                </a:solidFill>
              </a:rPr>
              <a:t>Udfordringer adresseret</a:t>
            </a:r>
            <a:endParaRPr lang="da-DK" sz="1000" noProof="0" dirty="0">
              <a:solidFill>
                <a:srgbClr val="36465A"/>
              </a:solidFill>
            </a:endParaRPr>
          </a:p>
        </p:txBody>
      </p:sp>
      <p:sp>
        <p:nvSpPr>
          <p:cNvPr id="28" name="TextBox 11">
            <a:extLst>
              <a:ext uri="{FF2B5EF4-FFF2-40B4-BE49-F238E27FC236}">
                <a16:creationId xmlns:a16="http://schemas.microsoft.com/office/drawing/2014/main" id="{DEEBC4A8-E98F-196C-EB0F-92BA9987DB57}"/>
              </a:ext>
            </a:extLst>
          </p:cNvPr>
          <p:cNvSpPr txBox="1">
            <a:spLocks/>
          </p:cNvSpPr>
          <p:nvPr/>
        </p:nvSpPr>
        <p:spPr>
          <a:xfrm>
            <a:off x="7527006" y="2671796"/>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dirty="0"/>
              <a:t>02 | Manglende kontrol og transparens over egne data</a:t>
            </a:r>
          </a:p>
        </p:txBody>
      </p:sp>
      <p:grpSp>
        <p:nvGrpSpPr>
          <p:cNvPr id="29" name="Group 45">
            <a:extLst>
              <a:ext uri="{FF2B5EF4-FFF2-40B4-BE49-F238E27FC236}">
                <a16:creationId xmlns:a16="http://schemas.microsoft.com/office/drawing/2014/main" id="{BFD93315-8FAD-6F73-3CB1-73ADDDEB8DDF}"/>
              </a:ext>
              <a:ext uri="{C183D7F6-B498-43B3-948B-1728B52AA6E4}">
                <adec:decorative xmlns:adec="http://schemas.microsoft.com/office/drawing/2017/decorative" val="1"/>
              </a:ext>
            </a:extLst>
          </p:cNvPr>
          <p:cNvGrpSpPr>
            <a:grpSpLocks/>
          </p:cNvGrpSpPr>
          <p:nvPr/>
        </p:nvGrpSpPr>
        <p:grpSpPr>
          <a:xfrm>
            <a:off x="7310599" y="2707229"/>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9E7F1DAA-E07B-1C2B-6BA3-E5FE1D6D180C}"/>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D50EF4CF-9BF8-ECFF-C2F8-32CB84679F3B}"/>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E1C5AD29-0B92-DBA1-3919-C749034B961E}"/>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E0F42DBB-EB50-2DCD-AB77-BC0637E88A98}"/>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grpSp>
        <p:nvGrpSpPr>
          <p:cNvPr id="3" name="Group 2">
            <a:extLst>
              <a:ext uri="{FF2B5EF4-FFF2-40B4-BE49-F238E27FC236}">
                <a16:creationId xmlns:a16="http://schemas.microsoft.com/office/drawing/2014/main" id="{30C21632-6C7F-DD75-6B62-2E77EE9D535D}"/>
              </a:ext>
              <a:ext uri="{C183D7F6-B498-43B3-948B-1728B52AA6E4}">
                <adec:decorative xmlns:adec="http://schemas.microsoft.com/office/drawing/2017/decorative" val="1"/>
              </a:ext>
            </a:extLst>
          </p:cNvPr>
          <p:cNvGrpSpPr/>
          <p:nvPr/>
        </p:nvGrpSpPr>
        <p:grpSpPr>
          <a:xfrm>
            <a:off x="7242991" y="3073402"/>
            <a:ext cx="2215131" cy="319850"/>
            <a:chOff x="7159079" y="2962148"/>
            <a:chExt cx="2215131" cy="319850"/>
          </a:xfrm>
        </p:grpSpPr>
        <p:sp>
          <p:nvSpPr>
            <p:cNvPr id="30" name="Rektangel: afrundede hjørner 9">
              <a:extLst>
                <a:ext uri="{FF2B5EF4-FFF2-40B4-BE49-F238E27FC236}">
                  <a16:creationId xmlns:a16="http://schemas.microsoft.com/office/drawing/2014/main" id="{EE9F36A0-2A67-A6A3-E446-F8E67A8A5876}"/>
                </a:ext>
              </a:extLst>
            </p:cNvPr>
            <p:cNvSpPr>
              <a:spLocks/>
            </p:cNvSpPr>
            <p:nvPr/>
          </p:nvSpPr>
          <p:spPr>
            <a:xfrm>
              <a:off x="7159079" y="2962148"/>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TextBox 23">
              <a:extLst>
                <a:ext uri="{FF2B5EF4-FFF2-40B4-BE49-F238E27FC236}">
                  <a16:creationId xmlns:a16="http://schemas.microsoft.com/office/drawing/2014/main" id="{7B3D91B1-33B5-D7A6-D4C5-B97A183EA7DE}"/>
                </a:ext>
              </a:extLst>
            </p:cNvPr>
            <p:cNvSpPr txBox="1">
              <a:spLocks/>
            </p:cNvSpPr>
            <p:nvPr/>
          </p:nvSpPr>
          <p:spPr>
            <a:xfrm>
              <a:off x="7442867" y="2982883"/>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3 | Begrænset kontrol og styring af digitale løsninger</a:t>
              </a:r>
            </a:p>
          </p:txBody>
        </p:sp>
        <p:sp>
          <p:nvSpPr>
            <p:cNvPr id="32" name="Freeform 6">
              <a:extLst>
                <a:ext uri="{FF2B5EF4-FFF2-40B4-BE49-F238E27FC236}">
                  <a16:creationId xmlns:a16="http://schemas.microsoft.com/office/drawing/2014/main" id="{709AB51A-7DFE-72E5-1CB0-165BC339B549}"/>
                </a:ext>
              </a:extLst>
            </p:cNvPr>
            <p:cNvSpPr>
              <a:spLocks noChangeAspect="1" noEditPoints="1"/>
            </p:cNvSpPr>
            <p:nvPr/>
          </p:nvSpPr>
          <p:spPr bwMode="auto">
            <a:xfrm>
              <a:off x="7215077" y="3022704"/>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33" name="Rektangel: afrundede hjørner 39">
            <a:extLst>
              <a:ext uri="{FF2B5EF4-FFF2-40B4-BE49-F238E27FC236}">
                <a16:creationId xmlns:a16="http://schemas.microsoft.com/office/drawing/2014/main" id="{7F933594-A1CD-284C-1A5F-822D2D03F639}"/>
              </a:ext>
              <a:ext uri="{C183D7F6-B498-43B3-948B-1728B52AA6E4}">
                <adec:decorative xmlns:adec="http://schemas.microsoft.com/office/drawing/2017/decorative" val="1"/>
              </a:ext>
            </a:extLst>
          </p:cNvPr>
          <p:cNvSpPr>
            <a:spLocks/>
          </p:cNvSpPr>
          <p:nvPr/>
        </p:nvSpPr>
        <p:spPr>
          <a:xfrm>
            <a:off x="7242991" y="3495743"/>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TextBox 27">
            <a:extLst>
              <a:ext uri="{FF2B5EF4-FFF2-40B4-BE49-F238E27FC236}">
                <a16:creationId xmlns:a16="http://schemas.microsoft.com/office/drawing/2014/main" id="{C13C8E1F-96A7-32E3-9BBF-5ADC0AC26E71}"/>
              </a:ext>
            </a:extLst>
          </p:cNvPr>
          <p:cNvSpPr txBox="1">
            <a:spLocks/>
          </p:cNvSpPr>
          <p:nvPr/>
        </p:nvSpPr>
        <p:spPr>
          <a:xfrm>
            <a:off x="7526779" y="3516753"/>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4 | Sårbarheder i den digitale forsyningssikkerhed</a:t>
            </a:r>
          </a:p>
        </p:txBody>
      </p:sp>
      <p:sp>
        <p:nvSpPr>
          <p:cNvPr id="36" name="Freeform 8">
            <a:extLst>
              <a:ext uri="{FF2B5EF4-FFF2-40B4-BE49-F238E27FC236}">
                <a16:creationId xmlns:a16="http://schemas.microsoft.com/office/drawing/2014/main" id="{A83FA4DD-D86F-C576-8DCE-3D3FDD64496F}"/>
              </a:ext>
              <a:ext uri="{C183D7F6-B498-43B3-948B-1728B52AA6E4}">
                <adec:decorative xmlns:adec="http://schemas.microsoft.com/office/drawing/2017/decorative" val="1"/>
              </a:ext>
            </a:extLst>
          </p:cNvPr>
          <p:cNvSpPr>
            <a:spLocks noChangeAspect="1" noEditPoints="1"/>
          </p:cNvSpPr>
          <p:nvPr/>
        </p:nvSpPr>
        <p:spPr bwMode="auto">
          <a:xfrm>
            <a:off x="7311666" y="3561636"/>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96" name="Free-form: Shape 1">
            <a:extLst>
              <a:ext uri="{FF2B5EF4-FFF2-40B4-BE49-F238E27FC236}">
                <a16:creationId xmlns:a16="http://schemas.microsoft.com/office/drawing/2014/main" id="{3102FE8D-8CD9-6028-82B1-5658BC9226FA}"/>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56BF8F1C-B5E8-309A-5443-ACCB012241BB}"/>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94B48697-2D42-54B6-964E-BCC25F28F394}"/>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00F10D04-CC85-04D3-22A5-0AD35525E226}"/>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3E07CEA6-ED3E-76E9-2656-5907A731BE1C}"/>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E4F2C2B9-401A-4E83-02ED-2F35BDA15D0F}"/>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38" name="TextBox 137">
            <a:extLst>
              <a:ext uri="{FF2B5EF4-FFF2-40B4-BE49-F238E27FC236}">
                <a16:creationId xmlns:a16="http://schemas.microsoft.com/office/drawing/2014/main" id="{5F009F3C-4E08-4E9C-8C25-D634E7D2345E}"/>
              </a:ext>
            </a:extLst>
          </p:cNvPr>
          <p:cNvSpPr txBox="1"/>
          <p:nvPr/>
        </p:nvSpPr>
        <p:spPr>
          <a:xfrm>
            <a:off x="9469157" y="1874760"/>
            <a:ext cx="1931344" cy="246221"/>
          </a:xfrm>
          <a:prstGeom prst="rect">
            <a:avLst/>
          </a:prstGeom>
          <a:noFill/>
        </p:spPr>
        <p:txBody>
          <a:bodyPr wrap="square" lIns="72000">
            <a:spAutoFit/>
          </a:bodyPr>
          <a:lstStyle/>
          <a:p>
            <a:r>
              <a:rPr lang="da-DK" sz="1000" b="1" noProof="0" dirty="0">
                <a:solidFill>
                  <a:srgbClr val="36465A"/>
                </a:solidFill>
              </a:rPr>
              <a:t>Gevinster</a:t>
            </a:r>
            <a:endParaRPr lang="da-DK" sz="1000" noProof="0" dirty="0">
              <a:solidFill>
                <a:srgbClr val="36465A"/>
              </a:solidFill>
            </a:endParaRPr>
          </a:p>
        </p:txBody>
      </p:sp>
      <p:sp>
        <p:nvSpPr>
          <p:cNvPr id="194" name="Rectangle 193">
            <a:extLst>
              <a:ext uri="{FF2B5EF4-FFF2-40B4-BE49-F238E27FC236}">
                <a16:creationId xmlns:a16="http://schemas.microsoft.com/office/drawing/2014/main" id="{0858D603-DC9F-D2E5-A378-EF1F27AD07D5}"/>
              </a:ext>
              <a:ext uri="{C183D7F6-B498-43B3-948B-1728B52AA6E4}">
                <adec:decorative xmlns:adec="http://schemas.microsoft.com/office/drawing/2017/decorative" val="1"/>
              </a:ext>
            </a:extLst>
          </p:cNvPr>
          <p:cNvSpPr>
            <a:spLocks/>
          </p:cNvSpPr>
          <p:nvPr/>
        </p:nvSpPr>
        <p:spPr>
          <a:xfrm>
            <a:off x="7179021" y="2151546"/>
            <a:ext cx="2290136" cy="424542"/>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98" name="TextBox 197">
            <a:extLst>
              <a:ext uri="{FF2B5EF4-FFF2-40B4-BE49-F238E27FC236}">
                <a16:creationId xmlns:a16="http://schemas.microsoft.com/office/drawing/2014/main" id="{EA57B337-521E-1DB9-8A36-36B3ECF5F412}"/>
              </a:ext>
            </a:extLst>
          </p:cNvPr>
          <p:cNvSpPr txBox="1"/>
          <p:nvPr/>
        </p:nvSpPr>
        <p:spPr>
          <a:xfrm>
            <a:off x="9857248" y="2233094"/>
            <a:ext cx="1495241" cy="507831"/>
          </a:xfrm>
          <a:prstGeom prst="rect">
            <a:avLst/>
          </a:prstGeom>
          <a:noFill/>
        </p:spPr>
        <p:txBody>
          <a:bodyPr wrap="square" lIns="0" tIns="0" rIns="0">
            <a:spAutoFit/>
          </a:bodyPr>
          <a:lstStyle/>
          <a:p>
            <a:pPr>
              <a:defRPr/>
            </a:pPr>
            <a:r>
              <a:rPr lang="da-DK" sz="1000" noProof="0" dirty="0">
                <a:solidFill>
                  <a:srgbClr val="000000"/>
                </a:solidFill>
                <a:latin typeface="Arial" panose="020B0604020202020204" pitchFamily="34" charset="0"/>
              </a:rPr>
              <a:t>Øget transparens over databehandling og compliance.</a:t>
            </a:r>
          </a:p>
        </p:txBody>
      </p:sp>
      <p:sp>
        <p:nvSpPr>
          <p:cNvPr id="199" name="TextBox 198">
            <a:extLst>
              <a:ext uri="{FF2B5EF4-FFF2-40B4-BE49-F238E27FC236}">
                <a16:creationId xmlns:a16="http://schemas.microsoft.com/office/drawing/2014/main" id="{91C56F94-25D3-14B5-AE1A-4042424E0586}"/>
              </a:ext>
            </a:extLst>
          </p:cNvPr>
          <p:cNvSpPr txBox="1"/>
          <p:nvPr/>
        </p:nvSpPr>
        <p:spPr>
          <a:xfrm>
            <a:off x="9857248" y="2787855"/>
            <a:ext cx="1436160" cy="507831"/>
          </a:xfrm>
          <a:prstGeom prst="rect">
            <a:avLst/>
          </a:prstGeom>
          <a:noFill/>
        </p:spPr>
        <p:txBody>
          <a:bodyPr wrap="square" lIns="0" tIns="0" rIns="0">
            <a:spAutoFit/>
          </a:bodyPr>
          <a:lstStyle/>
          <a:p>
            <a:pPr>
              <a:defRPr/>
            </a:pPr>
            <a:r>
              <a:rPr lang="da-DK" sz="1000" noProof="0" dirty="0">
                <a:solidFill>
                  <a:srgbClr val="000000"/>
                </a:solidFill>
                <a:latin typeface="Arial" panose="020B0604020202020204" pitchFamily="34" charset="0"/>
              </a:rPr>
              <a:t>Bedre beredskab gennem struktureret og kontinuerlig overvågning.</a:t>
            </a: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 </a:t>
            </a:r>
          </a:p>
        </p:txBody>
      </p:sp>
      <p:grpSp>
        <p:nvGrpSpPr>
          <p:cNvPr id="47" name="Group 46">
            <a:extLst>
              <a:ext uri="{FF2B5EF4-FFF2-40B4-BE49-F238E27FC236}">
                <a16:creationId xmlns:a16="http://schemas.microsoft.com/office/drawing/2014/main" id="{9756E661-8C31-3584-CA2E-314B824D3134}"/>
              </a:ext>
              <a:ext uri="{C183D7F6-B498-43B3-948B-1728B52AA6E4}">
                <adec:decorative xmlns:adec="http://schemas.microsoft.com/office/drawing/2017/decorative" val="1"/>
              </a:ext>
            </a:extLst>
          </p:cNvPr>
          <p:cNvGrpSpPr/>
          <p:nvPr/>
        </p:nvGrpSpPr>
        <p:grpSpPr>
          <a:xfrm>
            <a:off x="9565600" y="2233094"/>
            <a:ext cx="218250" cy="210236"/>
            <a:chOff x="9564973" y="2233094"/>
            <a:chExt cx="218250" cy="210236"/>
          </a:xfrm>
        </p:grpSpPr>
        <p:sp>
          <p:nvSpPr>
            <p:cNvPr id="132" name="Oval 131">
              <a:extLst>
                <a:ext uri="{FF2B5EF4-FFF2-40B4-BE49-F238E27FC236}">
                  <a16:creationId xmlns:a16="http://schemas.microsoft.com/office/drawing/2014/main" id="{206A96AE-7CC8-0E44-DA7F-14097E94D6F2}"/>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6" name="Freeform 24">
              <a:extLst>
                <a:ext uri="{FF2B5EF4-FFF2-40B4-BE49-F238E27FC236}">
                  <a16:creationId xmlns:a16="http://schemas.microsoft.com/office/drawing/2014/main" id="{8B2D732E-C827-BEC3-FBB3-77AD3A203BE5}"/>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48" name="Group 47">
            <a:extLst>
              <a:ext uri="{FF2B5EF4-FFF2-40B4-BE49-F238E27FC236}">
                <a16:creationId xmlns:a16="http://schemas.microsoft.com/office/drawing/2014/main" id="{8F098FA3-52C5-D4D6-6D87-A3059B2DE8F5}"/>
              </a:ext>
              <a:ext uri="{C183D7F6-B498-43B3-948B-1728B52AA6E4}">
                <adec:decorative xmlns:adec="http://schemas.microsoft.com/office/drawing/2017/decorative" val="1"/>
              </a:ext>
            </a:extLst>
          </p:cNvPr>
          <p:cNvGrpSpPr/>
          <p:nvPr/>
        </p:nvGrpSpPr>
        <p:grpSpPr>
          <a:xfrm>
            <a:off x="9565600" y="2787855"/>
            <a:ext cx="218250" cy="210236"/>
            <a:chOff x="9564973" y="2233094"/>
            <a:chExt cx="218250" cy="210236"/>
          </a:xfrm>
        </p:grpSpPr>
        <p:sp>
          <p:nvSpPr>
            <p:cNvPr id="49" name="Oval 48">
              <a:extLst>
                <a:ext uri="{FF2B5EF4-FFF2-40B4-BE49-F238E27FC236}">
                  <a16:creationId xmlns:a16="http://schemas.microsoft.com/office/drawing/2014/main" id="{086F78FF-F22F-2255-1631-3B82C1FD1156}"/>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0" name="Freeform 24">
              <a:extLst>
                <a:ext uri="{FF2B5EF4-FFF2-40B4-BE49-F238E27FC236}">
                  <a16:creationId xmlns:a16="http://schemas.microsoft.com/office/drawing/2014/main" id="{2559CA52-8532-5688-FE1F-3150C0AFC5DD}"/>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61" name="Group 60">
            <a:extLst>
              <a:ext uri="{FF2B5EF4-FFF2-40B4-BE49-F238E27FC236}">
                <a16:creationId xmlns:a16="http://schemas.microsoft.com/office/drawing/2014/main" id="{ADBF8DB5-720E-AA2C-6245-35640ED81BF5}"/>
              </a:ext>
              <a:ext uri="{C183D7F6-B498-43B3-948B-1728B52AA6E4}">
                <adec:decorative xmlns:adec="http://schemas.microsoft.com/office/drawing/2017/decorative" val="1"/>
              </a:ext>
            </a:extLst>
          </p:cNvPr>
          <p:cNvGrpSpPr/>
          <p:nvPr/>
        </p:nvGrpSpPr>
        <p:grpSpPr>
          <a:xfrm>
            <a:off x="11616145" y="218164"/>
            <a:ext cx="390155" cy="391051"/>
            <a:chOff x="854516" y="1720217"/>
            <a:chExt cx="606872" cy="608266"/>
          </a:xfrm>
        </p:grpSpPr>
        <p:sp>
          <p:nvSpPr>
            <p:cNvPr id="62" name="Freeform 291">
              <a:extLst>
                <a:ext uri="{FF2B5EF4-FFF2-40B4-BE49-F238E27FC236}">
                  <a16:creationId xmlns:a16="http://schemas.microsoft.com/office/drawing/2014/main" id="{7ACD7330-F31B-440F-6BB3-BA199C359A98}"/>
                </a:ext>
              </a:extLst>
            </p:cNvPr>
            <p:cNvSpPr>
              <a:spLocks/>
            </p:cNvSpPr>
            <p:nvPr/>
          </p:nvSpPr>
          <p:spPr bwMode="auto">
            <a:xfrm>
              <a:off x="1028906" y="1720217"/>
              <a:ext cx="432482" cy="538512"/>
            </a:xfrm>
            <a:custGeom>
              <a:avLst/>
              <a:gdLst>
                <a:gd name="T0" fmla="*/ 140 w 148"/>
                <a:gd name="T1" fmla="*/ 176 h 184"/>
                <a:gd name="T2" fmla="*/ 119 w 148"/>
                <a:gd name="T3" fmla="*/ 176 h 184"/>
                <a:gd name="T4" fmla="*/ 148 w 148"/>
                <a:gd name="T5" fmla="*/ 104 h 184"/>
                <a:gd name="T6" fmla="*/ 44 w 148"/>
                <a:gd name="T7" fmla="*/ 0 h 184"/>
                <a:gd name="T8" fmla="*/ 3 w 148"/>
                <a:gd name="T9" fmla="*/ 8 h 184"/>
                <a:gd name="T10" fmla="*/ 1 w 148"/>
                <a:gd name="T11" fmla="*/ 14 h 184"/>
                <a:gd name="T12" fmla="*/ 6 w 148"/>
                <a:gd name="T13" fmla="*/ 16 h 184"/>
                <a:gd name="T14" fmla="*/ 44 w 148"/>
                <a:gd name="T15" fmla="*/ 8 h 184"/>
                <a:gd name="T16" fmla="*/ 140 w 148"/>
                <a:gd name="T17" fmla="*/ 104 h 184"/>
                <a:gd name="T18" fmla="*/ 112 w 148"/>
                <a:gd name="T19" fmla="*/ 172 h 184"/>
                <a:gd name="T20" fmla="*/ 112 w 148"/>
                <a:gd name="T21" fmla="*/ 148 h 184"/>
                <a:gd name="T22" fmla="*/ 108 w 148"/>
                <a:gd name="T23" fmla="*/ 144 h 184"/>
                <a:gd name="T24" fmla="*/ 104 w 148"/>
                <a:gd name="T25" fmla="*/ 148 h 184"/>
                <a:gd name="T26" fmla="*/ 104 w 148"/>
                <a:gd name="T27" fmla="*/ 180 h 184"/>
                <a:gd name="T28" fmla="*/ 108 w 148"/>
                <a:gd name="T29" fmla="*/ 184 h 184"/>
                <a:gd name="T30" fmla="*/ 140 w 148"/>
                <a:gd name="T31" fmla="*/ 184 h 184"/>
                <a:gd name="T32" fmla="*/ 144 w 148"/>
                <a:gd name="T33" fmla="*/ 180 h 184"/>
                <a:gd name="T34" fmla="*/ 140 w 148"/>
                <a:gd name="T35" fmla="*/ 176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0" y="176"/>
                  </a:moveTo>
                  <a:cubicBezTo>
                    <a:pt x="119" y="176"/>
                    <a:pt x="119" y="176"/>
                    <a:pt x="119" y="176"/>
                  </a:cubicBezTo>
                  <a:cubicBezTo>
                    <a:pt x="138" y="157"/>
                    <a:pt x="148" y="131"/>
                    <a:pt x="148" y="104"/>
                  </a:cubicBezTo>
                  <a:cubicBezTo>
                    <a:pt x="148" y="47"/>
                    <a:pt x="101" y="0"/>
                    <a:pt x="44" y="0"/>
                  </a:cubicBezTo>
                  <a:cubicBezTo>
                    <a:pt x="30" y="0"/>
                    <a:pt x="16" y="3"/>
                    <a:pt x="3" y="8"/>
                  </a:cubicBezTo>
                  <a:cubicBezTo>
                    <a:pt x="1" y="9"/>
                    <a:pt x="0" y="12"/>
                    <a:pt x="1" y="14"/>
                  </a:cubicBezTo>
                  <a:cubicBezTo>
                    <a:pt x="2" y="16"/>
                    <a:pt x="4" y="17"/>
                    <a:pt x="6" y="16"/>
                  </a:cubicBezTo>
                  <a:cubicBezTo>
                    <a:pt x="18" y="11"/>
                    <a:pt x="31" y="8"/>
                    <a:pt x="44" y="8"/>
                  </a:cubicBezTo>
                  <a:cubicBezTo>
                    <a:pt x="97" y="8"/>
                    <a:pt x="140" y="51"/>
                    <a:pt x="140" y="104"/>
                  </a:cubicBezTo>
                  <a:cubicBezTo>
                    <a:pt x="140" y="129"/>
                    <a:pt x="130" y="154"/>
                    <a:pt x="112" y="172"/>
                  </a:cubicBezTo>
                  <a:cubicBezTo>
                    <a:pt x="112" y="148"/>
                    <a:pt x="112" y="148"/>
                    <a:pt x="112" y="148"/>
                  </a:cubicBezTo>
                  <a:cubicBezTo>
                    <a:pt x="112" y="146"/>
                    <a:pt x="110" y="144"/>
                    <a:pt x="108" y="144"/>
                  </a:cubicBezTo>
                  <a:cubicBezTo>
                    <a:pt x="106" y="144"/>
                    <a:pt x="104" y="146"/>
                    <a:pt x="104" y="148"/>
                  </a:cubicBezTo>
                  <a:cubicBezTo>
                    <a:pt x="104" y="180"/>
                    <a:pt x="104" y="180"/>
                    <a:pt x="104" y="180"/>
                  </a:cubicBezTo>
                  <a:cubicBezTo>
                    <a:pt x="104" y="182"/>
                    <a:pt x="106" y="184"/>
                    <a:pt x="108" y="184"/>
                  </a:cubicBezTo>
                  <a:cubicBezTo>
                    <a:pt x="140" y="184"/>
                    <a:pt x="140" y="184"/>
                    <a:pt x="140" y="184"/>
                  </a:cubicBezTo>
                  <a:cubicBezTo>
                    <a:pt x="142" y="184"/>
                    <a:pt x="144" y="182"/>
                    <a:pt x="144" y="180"/>
                  </a:cubicBezTo>
                  <a:cubicBezTo>
                    <a:pt x="144" y="178"/>
                    <a:pt x="142" y="176"/>
                    <a:pt x="140" y="176"/>
                  </a:cubicBez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6" name="Freeform 292">
              <a:extLst>
                <a:ext uri="{FF2B5EF4-FFF2-40B4-BE49-F238E27FC236}">
                  <a16:creationId xmlns:a16="http://schemas.microsoft.com/office/drawing/2014/main" id="{3E6E5F93-ADC1-0ABF-B39F-B4C403050454}"/>
                </a:ext>
              </a:extLst>
            </p:cNvPr>
            <p:cNvSpPr>
              <a:spLocks/>
            </p:cNvSpPr>
            <p:nvPr/>
          </p:nvSpPr>
          <p:spPr bwMode="auto">
            <a:xfrm>
              <a:off x="854516" y="1791370"/>
              <a:ext cx="432482" cy="537113"/>
            </a:xfrm>
            <a:custGeom>
              <a:avLst/>
              <a:gdLst>
                <a:gd name="T0" fmla="*/ 142 w 148"/>
                <a:gd name="T1" fmla="*/ 168 h 184"/>
                <a:gd name="T2" fmla="*/ 104 w 148"/>
                <a:gd name="T3" fmla="*/ 176 h 184"/>
                <a:gd name="T4" fmla="*/ 8 w 148"/>
                <a:gd name="T5" fmla="*/ 80 h 184"/>
                <a:gd name="T6" fmla="*/ 36 w 148"/>
                <a:gd name="T7" fmla="*/ 12 h 184"/>
                <a:gd name="T8" fmla="*/ 36 w 148"/>
                <a:gd name="T9" fmla="*/ 36 h 184"/>
                <a:gd name="T10" fmla="*/ 40 w 148"/>
                <a:gd name="T11" fmla="*/ 40 h 184"/>
                <a:gd name="T12" fmla="*/ 44 w 148"/>
                <a:gd name="T13" fmla="*/ 36 h 184"/>
                <a:gd name="T14" fmla="*/ 44 w 148"/>
                <a:gd name="T15" fmla="*/ 4 h 184"/>
                <a:gd name="T16" fmla="*/ 40 w 148"/>
                <a:gd name="T17" fmla="*/ 0 h 184"/>
                <a:gd name="T18" fmla="*/ 8 w 148"/>
                <a:gd name="T19" fmla="*/ 0 h 184"/>
                <a:gd name="T20" fmla="*/ 4 w 148"/>
                <a:gd name="T21" fmla="*/ 4 h 184"/>
                <a:gd name="T22" fmla="*/ 8 w 148"/>
                <a:gd name="T23" fmla="*/ 8 h 184"/>
                <a:gd name="T24" fmla="*/ 29 w 148"/>
                <a:gd name="T25" fmla="*/ 8 h 184"/>
                <a:gd name="T26" fmla="*/ 0 w 148"/>
                <a:gd name="T27" fmla="*/ 80 h 184"/>
                <a:gd name="T28" fmla="*/ 104 w 148"/>
                <a:gd name="T29" fmla="*/ 184 h 184"/>
                <a:gd name="T30" fmla="*/ 145 w 148"/>
                <a:gd name="T31" fmla="*/ 176 h 184"/>
                <a:gd name="T32" fmla="*/ 147 w 148"/>
                <a:gd name="T33" fmla="*/ 170 h 184"/>
                <a:gd name="T34" fmla="*/ 142 w 148"/>
                <a:gd name="T35" fmla="*/ 168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48" h="184">
                  <a:moveTo>
                    <a:pt x="142" y="168"/>
                  </a:moveTo>
                  <a:cubicBezTo>
                    <a:pt x="130" y="173"/>
                    <a:pt x="117" y="176"/>
                    <a:pt x="104" y="176"/>
                  </a:cubicBezTo>
                  <a:cubicBezTo>
                    <a:pt x="51" y="176"/>
                    <a:pt x="8" y="133"/>
                    <a:pt x="8" y="80"/>
                  </a:cubicBezTo>
                  <a:cubicBezTo>
                    <a:pt x="8" y="55"/>
                    <a:pt x="18" y="30"/>
                    <a:pt x="36" y="12"/>
                  </a:cubicBezTo>
                  <a:cubicBezTo>
                    <a:pt x="36" y="36"/>
                    <a:pt x="36" y="36"/>
                    <a:pt x="36" y="36"/>
                  </a:cubicBezTo>
                  <a:cubicBezTo>
                    <a:pt x="36" y="38"/>
                    <a:pt x="38" y="40"/>
                    <a:pt x="40" y="40"/>
                  </a:cubicBezTo>
                  <a:cubicBezTo>
                    <a:pt x="42" y="40"/>
                    <a:pt x="44" y="38"/>
                    <a:pt x="44" y="36"/>
                  </a:cubicBezTo>
                  <a:cubicBezTo>
                    <a:pt x="44" y="4"/>
                    <a:pt x="44" y="4"/>
                    <a:pt x="44" y="4"/>
                  </a:cubicBezTo>
                  <a:cubicBezTo>
                    <a:pt x="44" y="2"/>
                    <a:pt x="42" y="0"/>
                    <a:pt x="40" y="0"/>
                  </a:cubicBezTo>
                  <a:cubicBezTo>
                    <a:pt x="8" y="0"/>
                    <a:pt x="8" y="0"/>
                    <a:pt x="8" y="0"/>
                  </a:cubicBezTo>
                  <a:cubicBezTo>
                    <a:pt x="6" y="0"/>
                    <a:pt x="4" y="2"/>
                    <a:pt x="4" y="4"/>
                  </a:cubicBezTo>
                  <a:cubicBezTo>
                    <a:pt x="4" y="6"/>
                    <a:pt x="6" y="8"/>
                    <a:pt x="8" y="8"/>
                  </a:cubicBezTo>
                  <a:cubicBezTo>
                    <a:pt x="29" y="8"/>
                    <a:pt x="29" y="8"/>
                    <a:pt x="29" y="8"/>
                  </a:cubicBezTo>
                  <a:cubicBezTo>
                    <a:pt x="10" y="27"/>
                    <a:pt x="0" y="53"/>
                    <a:pt x="0" y="80"/>
                  </a:cubicBezTo>
                  <a:cubicBezTo>
                    <a:pt x="0" y="137"/>
                    <a:pt x="47" y="184"/>
                    <a:pt x="104" y="184"/>
                  </a:cubicBezTo>
                  <a:cubicBezTo>
                    <a:pt x="118" y="184"/>
                    <a:pt x="132" y="181"/>
                    <a:pt x="145" y="176"/>
                  </a:cubicBezTo>
                  <a:cubicBezTo>
                    <a:pt x="147" y="175"/>
                    <a:pt x="148" y="172"/>
                    <a:pt x="147" y="170"/>
                  </a:cubicBezTo>
                  <a:cubicBezTo>
                    <a:pt x="146" y="168"/>
                    <a:pt x="144" y="167"/>
                    <a:pt x="142" y="168"/>
                  </a:cubicBez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7" name="Freeform 293">
              <a:extLst>
                <a:ext uri="{FF2B5EF4-FFF2-40B4-BE49-F238E27FC236}">
                  <a16:creationId xmlns:a16="http://schemas.microsoft.com/office/drawing/2014/main" id="{428422E0-B332-4146-3997-F05DF99D7E83}"/>
                </a:ext>
              </a:extLst>
            </p:cNvPr>
            <p:cNvSpPr>
              <a:spLocks noEditPoints="1"/>
            </p:cNvSpPr>
            <p:nvPr/>
          </p:nvSpPr>
          <p:spPr bwMode="auto">
            <a:xfrm>
              <a:off x="1017745" y="1861123"/>
              <a:ext cx="280415" cy="351568"/>
            </a:xfrm>
            <a:custGeom>
              <a:avLst/>
              <a:gdLst>
                <a:gd name="T0" fmla="*/ 94 w 96"/>
                <a:gd name="T1" fmla="*/ 13 h 120"/>
                <a:gd name="T2" fmla="*/ 48 w 96"/>
                <a:gd name="T3" fmla="*/ 0 h 120"/>
                <a:gd name="T4" fmla="*/ 2 w 96"/>
                <a:gd name="T5" fmla="*/ 13 h 120"/>
                <a:gd name="T6" fmla="*/ 0 w 96"/>
                <a:gd name="T7" fmla="*/ 16 h 120"/>
                <a:gd name="T8" fmla="*/ 0 w 96"/>
                <a:gd name="T9" fmla="*/ 60 h 120"/>
                <a:gd name="T10" fmla="*/ 46 w 96"/>
                <a:gd name="T11" fmla="*/ 120 h 120"/>
                <a:gd name="T12" fmla="*/ 48 w 96"/>
                <a:gd name="T13" fmla="*/ 120 h 120"/>
                <a:gd name="T14" fmla="*/ 50 w 96"/>
                <a:gd name="T15" fmla="*/ 120 h 120"/>
                <a:gd name="T16" fmla="*/ 96 w 96"/>
                <a:gd name="T17" fmla="*/ 60 h 120"/>
                <a:gd name="T18" fmla="*/ 96 w 96"/>
                <a:gd name="T19" fmla="*/ 16 h 120"/>
                <a:gd name="T20" fmla="*/ 94 w 96"/>
                <a:gd name="T21" fmla="*/ 13 h 120"/>
                <a:gd name="T22" fmla="*/ 88 w 96"/>
                <a:gd name="T23" fmla="*/ 60 h 120"/>
                <a:gd name="T24" fmla="*/ 48 w 96"/>
                <a:gd name="T25" fmla="*/ 112 h 120"/>
                <a:gd name="T26" fmla="*/ 8 w 96"/>
                <a:gd name="T27" fmla="*/ 60 h 120"/>
                <a:gd name="T28" fmla="*/ 8 w 96"/>
                <a:gd name="T29" fmla="*/ 18 h 120"/>
                <a:gd name="T30" fmla="*/ 48 w 96"/>
                <a:gd name="T31" fmla="*/ 8 h 120"/>
                <a:gd name="T32" fmla="*/ 88 w 96"/>
                <a:gd name="T33" fmla="*/ 18 h 120"/>
                <a:gd name="T34" fmla="*/ 88 w 96"/>
                <a:gd name="T35" fmla="*/ 60 h 1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96" h="120">
                  <a:moveTo>
                    <a:pt x="94" y="13"/>
                  </a:moveTo>
                  <a:cubicBezTo>
                    <a:pt x="93" y="12"/>
                    <a:pt x="73" y="0"/>
                    <a:pt x="48" y="0"/>
                  </a:cubicBezTo>
                  <a:cubicBezTo>
                    <a:pt x="23" y="0"/>
                    <a:pt x="3" y="12"/>
                    <a:pt x="2" y="13"/>
                  </a:cubicBezTo>
                  <a:cubicBezTo>
                    <a:pt x="1" y="13"/>
                    <a:pt x="0" y="15"/>
                    <a:pt x="0" y="16"/>
                  </a:cubicBezTo>
                  <a:cubicBezTo>
                    <a:pt x="0" y="60"/>
                    <a:pt x="0" y="60"/>
                    <a:pt x="0" y="60"/>
                  </a:cubicBezTo>
                  <a:cubicBezTo>
                    <a:pt x="0" y="100"/>
                    <a:pt x="45" y="119"/>
                    <a:pt x="46" y="120"/>
                  </a:cubicBezTo>
                  <a:cubicBezTo>
                    <a:pt x="47" y="120"/>
                    <a:pt x="47" y="120"/>
                    <a:pt x="48" y="120"/>
                  </a:cubicBezTo>
                  <a:cubicBezTo>
                    <a:pt x="49" y="120"/>
                    <a:pt x="49" y="120"/>
                    <a:pt x="50" y="120"/>
                  </a:cubicBezTo>
                  <a:cubicBezTo>
                    <a:pt x="51" y="119"/>
                    <a:pt x="96" y="100"/>
                    <a:pt x="96" y="60"/>
                  </a:cubicBezTo>
                  <a:cubicBezTo>
                    <a:pt x="96" y="16"/>
                    <a:pt x="96" y="16"/>
                    <a:pt x="96" y="16"/>
                  </a:cubicBezTo>
                  <a:cubicBezTo>
                    <a:pt x="96" y="15"/>
                    <a:pt x="95" y="13"/>
                    <a:pt x="94" y="13"/>
                  </a:cubicBezTo>
                  <a:close/>
                  <a:moveTo>
                    <a:pt x="88" y="60"/>
                  </a:moveTo>
                  <a:cubicBezTo>
                    <a:pt x="88" y="90"/>
                    <a:pt x="56" y="108"/>
                    <a:pt x="48" y="112"/>
                  </a:cubicBezTo>
                  <a:cubicBezTo>
                    <a:pt x="40" y="108"/>
                    <a:pt x="8" y="90"/>
                    <a:pt x="8" y="60"/>
                  </a:cubicBezTo>
                  <a:cubicBezTo>
                    <a:pt x="8" y="18"/>
                    <a:pt x="8" y="18"/>
                    <a:pt x="8" y="18"/>
                  </a:cubicBezTo>
                  <a:cubicBezTo>
                    <a:pt x="13" y="16"/>
                    <a:pt x="29" y="8"/>
                    <a:pt x="48" y="8"/>
                  </a:cubicBezTo>
                  <a:cubicBezTo>
                    <a:pt x="67" y="8"/>
                    <a:pt x="83" y="16"/>
                    <a:pt x="88" y="18"/>
                  </a:cubicBezTo>
                  <a:lnTo>
                    <a:pt x="88" y="60"/>
                  </a:lnTo>
                  <a:close/>
                </a:path>
              </a:pathLst>
            </a:custGeom>
            <a:solidFill>
              <a:srgbClr val="0580A7"/>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5" name="TextBox 4">
            <a:extLst>
              <a:ext uri="{FF2B5EF4-FFF2-40B4-BE49-F238E27FC236}">
                <a16:creationId xmlns:a16="http://schemas.microsoft.com/office/drawing/2014/main" id="{CC2ACD57-FF2E-E72E-CE22-171D89599AC3}"/>
              </a:ext>
            </a:extLst>
          </p:cNvPr>
          <p:cNvSpPr txBox="1"/>
          <p:nvPr/>
        </p:nvSpPr>
        <p:spPr>
          <a:xfrm>
            <a:off x="7135196" y="4384984"/>
            <a:ext cx="4080640" cy="246221"/>
          </a:xfrm>
          <a:prstGeom prst="rect">
            <a:avLst/>
          </a:prstGeom>
          <a:noFill/>
        </p:spPr>
        <p:txBody>
          <a:bodyPr wrap="square">
            <a:spAutoFit/>
          </a:bodyPr>
          <a:lstStyle/>
          <a:p>
            <a:r>
              <a:rPr lang="da-DK" sz="1000" b="1" noProof="0"/>
              <a:t>Forudsætninger for effektiv implementering</a:t>
            </a:r>
            <a:endParaRPr lang="da-DK" sz="1000" noProof="0"/>
          </a:p>
        </p:txBody>
      </p:sp>
      <p:sp>
        <p:nvSpPr>
          <p:cNvPr id="99" name="Left Brace 98">
            <a:extLst>
              <a:ext uri="{FF2B5EF4-FFF2-40B4-BE49-F238E27FC236}">
                <a16:creationId xmlns:a16="http://schemas.microsoft.com/office/drawing/2014/main" id="{4D497A22-8FFF-95E9-E046-33BDE149A20D}"/>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101" name="Rounded Rectangle 127">
            <a:extLst>
              <a:ext uri="{FF2B5EF4-FFF2-40B4-BE49-F238E27FC236}">
                <a16:creationId xmlns:a16="http://schemas.microsoft.com/office/drawing/2014/main" id="{F6C19B40-5CBF-DB90-ECCD-C10C754DD862}"/>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r>
              <a:rPr lang="da-DK" sz="1000" noProof="0" dirty="0">
                <a:solidFill>
                  <a:schemeClr val="tx1"/>
                </a:solidFill>
                <a:latin typeface="Arial" panose="020B0604020202020204" pitchFamily="34" charset="0"/>
              </a:rPr>
              <a:t>Kræver forudgående analyse af kritiske afhængigheder og samlet risikoeksponering, jf. indsats 1.1.</a:t>
            </a:r>
            <a:endParaRPr lang="da-DK" sz="1000" b="1" noProof="0" dirty="0">
              <a:solidFill>
                <a:srgbClr val="00172D"/>
              </a:solidFill>
            </a:endParaRPr>
          </a:p>
        </p:txBody>
      </p:sp>
      <p:grpSp>
        <p:nvGrpSpPr>
          <p:cNvPr id="102" name="Group 101">
            <a:extLst>
              <a:ext uri="{FF2B5EF4-FFF2-40B4-BE49-F238E27FC236}">
                <a16:creationId xmlns:a16="http://schemas.microsoft.com/office/drawing/2014/main" id="{34DCCAA2-BFFD-28F5-F095-CB1B1DC10F10}"/>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103" name="Oval 102">
              <a:extLst>
                <a:ext uri="{FF2B5EF4-FFF2-40B4-BE49-F238E27FC236}">
                  <a16:creationId xmlns:a16="http://schemas.microsoft.com/office/drawing/2014/main" id="{CBFE3916-A588-23E6-D3E4-C453C0B73351}"/>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4" name="Oval 103">
              <a:extLst>
                <a:ext uri="{FF2B5EF4-FFF2-40B4-BE49-F238E27FC236}">
                  <a16:creationId xmlns:a16="http://schemas.microsoft.com/office/drawing/2014/main" id="{DA007DBD-AAB3-68E1-89FF-9B923CC5E830}"/>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06" name="Rounded Rectangle 127">
            <a:extLst>
              <a:ext uri="{FF2B5EF4-FFF2-40B4-BE49-F238E27FC236}">
                <a16:creationId xmlns:a16="http://schemas.microsoft.com/office/drawing/2014/main" id="{D13DBA9C-0D1F-D68B-9BAB-F63407F05280}"/>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r>
              <a:rPr lang="da-DK" sz="1000" noProof="0">
                <a:solidFill>
                  <a:schemeClr val="tx1"/>
                </a:solidFill>
                <a:latin typeface="Arial" panose="020B0604020202020204" pitchFamily="34" charset="0"/>
              </a:rPr>
              <a:t>Intern afklaring af snitflader og synergier til NIS2-initiativer og øvrige audits på it-området.</a:t>
            </a:r>
          </a:p>
        </p:txBody>
      </p:sp>
      <p:grpSp>
        <p:nvGrpSpPr>
          <p:cNvPr id="107" name="Group 106">
            <a:extLst>
              <a:ext uri="{FF2B5EF4-FFF2-40B4-BE49-F238E27FC236}">
                <a16:creationId xmlns:a16="http://schemas.microsoft.com/office/drawing/2014/main" id="{B1997919-6416-1752-5DE3-D663D0B0980D}"/>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108" name="Oval 107">
              <a:extLst>
                <a:ext uri="{FF2B5EF4-FFF2-40B4-BE49-F238E27FC236}">
                  <a16:creationId xmlns:a16="http://schemas.microsoft.com/office/drawing/2014/main" id="{52927E23-C81E-94C7-F53C-46693C3F5EC1}"/>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9" name="Oval 108">
              <a:extLst>
                <a:ext uri="{FF2B5EF4-FFF2-40B4-BE49-F238E27FC236}">
                  <a16:creationId xmlns:a16="http://schemas.microsoft.com/office/drawing/2014/main" id="{137C2E37-8D57-9145-EEFD-FABB0C74A776}"/>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11" name="Rounded Rectangle 127">
            <a:extLst>
              <a:ext uri="{FF2B5EF4-FFF2-40B4-BE49-F238E27FC236}">
                <a16:creationId xmlns:a16="http://schemas.microsoft.com/office/drawing/2014/main" id="{BBE7CD78-81F6-EFB2-A1F6-EF0F53A6DA70}"/>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dirty="0">
                <a:solidFill>
                  <a:schemeClr val="tx1"/>
                </a:solidFill>
                <a:latin typeface="Arial" panose="020B0604020202020204" pitchFamily="34" charset="0"/>
              </a:rPr>
              <a:t>Interne ressourcer i myndigheden til at etablere og gennemføre audit-processer, inkl. værktøjer til overvågning og rapportering.</a:t>
            </a:r>
            <a:endParaRPr lang="da-DK" sz="1000" b="1" noProof="0" dirty="0">
              <a:solidFill>
                <a:srgbClr val="00172D"/>
              </a:solidFill>
            </a:endParaRPr>
          </a:p>
        </p:txBody>
      </p:sp>
      <p:grpSp>
        <p:nvGrpSpPr>
          <p:cNvPr id="112" name="Group 111">
            <a:extLst>
              <a:ext uri="{FF2B5EF4-FFF2-40B4-BE49-F238E27FC236}">
                <a16:creationId xmlns:a16="http://schemas.microsoft.com/office/drawing/2014/main" id="{02A24DED-B510-D419-7339-1D4D53E64294}"/>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113" name="Oval 112">
              <a:extLst>
                <a:ext uri="{FF2B5EF4-FFF2-40B4-BE49-F238E27FC236}">
                  <a16:creationId xmlns:a16="http://schemas.microsoft.com/office/drawing/2014/main" id="{A35B1256-BB52-7648-0008-1A578A868D63}"/>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14" name="Oval 113">
              <a:extLst>
                <a:ext uri="{FF2B5EF4-FFF2-40B4-BE49-F238E27FC236}">
                  <a16:creationId xmlns:a16="http://schemas.microsoft.com/office/drawing/2014/main" id="{307A6BC6-9773-F6DC-EE66-3C91862C0D5A}"/>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2" name="Oval 11">
            <a:extLst>
              <a:ext uri="{FF2B5EF4-FFF2-40B4-BE49-F238E27FC236}">
                <a16:creationId xmlns:a16="http://schemas.microsoft.com/office/drawing/2014/main" id="{76E375A6-6AA3-0120-0AF6-B76AE32BA5ED}"/>
              </a:ext>
              <a:ext uri="{C183D7F6-B498-43B3-948B-1728B52AA6E4}">
                <adec:decorative xmlns:adec="http://schemas.microsoft.com/office/drawing/2017/decorative" val="1"/>
              </a:ext>
            </a:extLst>
          </p:cNvPr>
          <p:cNvSpPr/>
          <p:nvPr/>
        </p:nvSpPr>
        <p:spPr>
          <a:xfrm>
            <a:off x="4992108" y="5478649"/>
            <a:ext cx="165210" cy="165211"/>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6" name="Rectangle 15">
            <a:extLst>
              <a:ext uri="{FF2B5EF4-FFF2-40B4-BE49-F238E27FC236}">
                <a16:creationId xmlns:a16="http://schemas.microsoft.com/office/drawing/2014/main" id="{5C9C5852-2CA8-B7B4-B69E-FD9F0E0E9625}"/>
              </a:ext>
              <a:ext uri="{C183D7F6-B498-43B3-948B-1728B52AA6E4}">
                <adec:decorative xmlns:adec="http://schemas.microsoft.com/office/drawing/2017/decorative" val="1"/>
              </a:ext>
            </a:extLst>
          </p:cNvPr>
          <p:cNvSpPr>
            <a:spLocks/>
          </p:cNvSpPr>
          <p:nvPr/>
        </p:nvSpPr>
        <p:spPr>
          <a:xfrm>
            <a:off x="7179021" y="3049213"/>
            <a:ext cx="2290136" cy="380161"/>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41" name="Oval 40">
            <a:extLst>
              <a:ext uri="{FF2B5EF4-FFF2-40B4-BE49-F238E27FC236}">
                <a16:creationId xmlns:a16="http://schemas.microsoft.com/office/drawing/2014/main" id="{3C4AB244-0923-C631-CA90-7BCCEE4A9774}"/>
              </a:ext>
              <a:ext uri="{C183D7F6-B498-43B3-948B-1728B52AA6E4}">
                <adec:decorative xmlns:adec="http://schemas.microsoft.com/office/drawing/2017/decorative" val="1"/>
              </a:ext>
            </a:extLst>
          </p:cNvPr>
          <p:cNvSpPr/>
          <p:nvPr/>
        </p:nvSpPr>
        <p:spPr>
          <a:xfrm>
            <a:off x="1437687" y="4982821"/>
            <a:ext cx="165210" cy="165211"/>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Tree>
    <p:extLst>
      <p:ext uri="{BB962C8B-B14F-4D97-AF65-F5344CB8AC3E}">
        <p14:creationId xmlns:p14="http://schemas.microsoft.com/office/powerpoint/2010/main" val="2052853944"/>
      </p:ext>
    </p:extLst>
  </p:cSld>
  <p:clrMapOvr>
    <a:masterClrMapping/>
  </p:clrMapOvr>
  <p:transition>
    <p:fade/>
  </p:transition>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A232AC4-F239-8F5A-9A7D-035C2DE72B92}"/>
            </a:ext>
          </a:extLst>
        </p:cNvPr>
        <p:cNvGrpSpPr/>
        <p:nvPr/>
      </p:nvGrpSpPr>
      <p:grpSpPr>
        <a:xfrm>
          <a:off x="0" y="0"/>
          <a:ext cx="0" cy="0"/>
          <a:chOff x="0" y="0"/>
          <a:chExt cx="0" cy="0"/>
        </a:xfrm>
      </p:grpSpPr>
      <p:sp>
        <p:nvSpPr>
          <p:cNvPr id="324" name="Rectangle: Rounded Corners 323">
            <a:extLst>
              <a:ext uri="{FF2B5EF4-FFF2-40B4-BE49-F238E27FC236}">
                <a16:creationId xmlns:a16="http://schemas.microsoft.com/office/drawing/2014/main" id="{3F504154-1CDE-FD5C-07A6-76637338D210}"/>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rgbClr val="2C8027"/>
                </a:solidFill>
              </a:rPr>
              <a:t>Spor 2 | Indkøb, krav og arkitektur</a:t>
            </a:r>
            <a:endParaRPr lang="da-DK" sz="1600" b="1" noProof="0" dirty="0">
              <a:solidFill>
                <a:srgbClr val="EE2F66"/>
              </a:solidFill>
              <a:latin typeface="Arial" panose="020B0604020202020204"/>
            </a:endParaRPr>
          </a:p>
        </p:txBody>
      </p:sp>
      <p:sp>
        <p:nvSpPr>
          <p:cNvPr id="8" name="Title 2">
            <a:extLst>
              <a:ext uri="{FF2B5EF4-FFF2-40B4-BE49-F238E27FC236}">
                <a16:creationId xmlns:a16="http://schemas.microsoft.com/office/drawing/2014/main" id="{83CD5FDC-C9A5-7003-16A2-CA5E1D8E26FD}"/>
              </a:ext>
            </a:extLst>
          </p:cNvPr>
          <p:cNvSpPr>
            <a:spLocks noGrp="1"/>
          </p:cNvSpPr>
          <p:nvPr>
            <p:ph type="title"/>
          </p:nvPr>
        </p:nvSpPr>
        <p:spPr>
          <a:xfrm>
            <a:off x="554355" y="512763"/>
            <a:ext cx="11088000" cy="792465"/>
          </a:xfrm>
        </p:spPr>
        <p:txBody>
          <a:bodyPr/>
          <a:lstStyle/>
          <a:p>
            <a:r>
              <a:rPr lang="da-DK" sz="2200" b="1" noProof="0">
                <a:solidFill>
                  <a:srgbClr val="2C8027"/>
                </a:solidFill>
              </a:rPr>
              <a:t>2.1 Markedsafdækning med danske it-leverandører </a:t>
            </a:r>
            <a:endParaRPr lang="da-DK" sz="2200" b="1" i="1" noProof="0">
              <a:solidFill>
                <a:srgbClr val="2C8027"/>
              </a:solidFill>
            </a:endParaRPr>
          </a:p>
        </p:txBody>
      </p:sp>
      <p:sp>
        <p:nvSpPr>
          <p:cNvPr id="22" name="Rectangle: Rounded Corners 21">
            <a:extLst>
              <a:ext uri="{FF2B5EF4-FFF2-40B4-BE49-F238E27FC236}">
                <a16:creationId xmlns:a16="http://schemas.microsoft.com/office/drawing/2014/main" id="{CBFA8441-4E2E-5806-5135-A22710AE75CE}"/>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D5ECC8"/>
          </a:solidFill>
          <a:ln w="12700" cap="flat" cmpd="sng" algn="ctr">
            <a:solidFill>
              <a:srgbClr val="2C8027"/>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73D127F9-B117-8EB3-BF64-2DF45A311E15}"/>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B371FE59-B049-1BBA-28D4-DB609E84B732}"/>
              </a:ext>
            </a:extLst>
          </p:cNvPr>
          <p:cNvSpPr/>
          <p:nvPr/>
        </p:nvSpPr>
        <p:spPr>
          <a:xfrm>
            <a:off x="566629" y="1764045"/>
            <a:ext cx="6077214" cy="2353183"/>
          </a:xfrm>
          <a:prstGeom prst="roundRect">
            <a:avLst>
              <a:gd name="adj" fmla="val 6523"/>
            </a:avLst>
          </a:prstGeom>
          <a:no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b="1" noProof="0" dirty="0">
              <a:solidFill>
                <a:srgbClr val="36465A"/>
              </a:solidFill>
            </a:endParaRPr>
          </a:p>
          <a:p>
            <a:r>
              <a:rPr lang="da-DK" sz="1000" b="1" noProof="0" dirty="0">
                <a:solidFill>
                  <a:schemeClr val="tx1"/>
                </a:solidFill>
                <a:latin typeface="Arial" panose="020B0604020202020204" pitchFamily="34" charset="0"/>
              </a:rPr>
              <a:t>Formål: </a:t>
            </a:r>
            <a:r>
              <a:rPr lang="da-DK" sz="1000" noProof="0" dirty="0">
                <a:solidFill>
                  <a:schemeClr val="tx1"/>
                </a:solidFill>
                <a:latin typeface="Arial" panose="020B0604020202020204" pitchFamily="34" charset="0"/>
              </a:rPr>
              <a:t>At afklare muligheder for samarbejde mellem offentlige myndigheder og it-leverandører, perspektiver på den fremadrettede it-udvikling samt kapacitet og kompetencer i markedet. </a:t>
            </a:r>
            <a:endParaRPr lang="da-DK" sz="1000" b="1" noProof="0" dirty="0">
              <a:solidFill>
                <a:schemeClr val="tx1"/>
              </a:solidFill>
              <a:latin typeface="Arial" panose="020B0604020202020204" pitchFamily="34" charset="0"/>
            </a:endParaRPr>
          </a:p>
          <a:p>
            <a:pPr>
              <a:spcBef>
                <a:spcPts val="300"/>
              </a:spcBef>
            </a:pPr>
            <a:r>
              <a:rPr lang="da-DK" sz="1000" b="1" noProof="0" dirty="0">
                <a:solidFill>
                  <a:schemeClr val="tx1"/>
                </a:solidFill>
                <a:latin typeface="Arial" panose="020B0604020202020204" pitchFamily="34" charset="0"/>
              </a:rPr>
              <a:t>Indhold: </a:t>
            </a:r>
            <a:r>
              <a:rPr lang="da-DK" sz="1000" noProof="0" dirty="0">
                <a:solidFill>
                  <a:schemeClr val="tx1"/>
                </a:solidFill>
                <a:latin typeface="Arial" panose="020B0604020202020204" pitchFamily="34" charset="0"/>
              </a:rPr>
              <a:t>Der gennemføres en markedsafdækning med et udsnit af danske it-leverandører på tværs af teknologistakkens domæner for at afklare, hvordan markedet kan bidrage til at sikre en øget grad af digital suverænitet. </a:t>
            </a:r>
          </a:p>
          <a:p>
            <a:pPr>
              <a:spcBef>
                <a:spcPts val="300"/>
              </a:spcBef>
            </a:pPr>
            <a:r>
              <a:rPr lang="da-DK" sz="1000" noProof="0" dirty="0">
                <a:solidFill>
                  <a:schemeClr val="tx1"/>
                </a:solidFill>
                <a:latin typeface="Arial" panose="020B0604020202020204" pitchFamily="34" charset="0"/>
              </a:rPr>
              <a:t>Konkret undersøges leverandørernes vurdering af, hvordan myndigheder og leverandører kan samarbejde om digital suverænitet, både ifm. kommende udbud og justeringer i eksisterende kontrakter. Der kan fx fokuseres på, hvordan danske leverandører kan bidrage med at levere kritiske teknologier (cloud, AI, sikkerhed, data-</a:t>
            </a:r>
            <a:r>
              <a:rPr lang="da-DK" sz="1000" noProof="0" dirty="0" err="1">
                <a:solidFill>
                  <a:schemeClr val="tx1"/>
                </a:solidFill>
                <a:latin typeface="Arial" panose="020B0604020202020204" pitchFamily="34" charset="0"/>
              </a:rPr>
              <a:t>hosting</a:t>
            </a:r>
            <a:r>
              <a:rPr lang="da-DK" sz="1000" noProof="0" dirty="0">
                <a:solidFill>
                  <a:schemeClr val="tx1"/>
                </a:solidFill>
                <a:latin typeface="Arial" panose="020B0604020202020204" pitchFamily="34" charset="0"/>
              </a:rPr>
              <a:t>) under EU/DK-jurisdiktion, tilbyde EU-baserede </a:t>
            </a:r>
            <a:r>
              <a:rPr lang="da-DK" sz="1000" noProof="0" dirty="0" err="1">
                <a:solidFill>
                  <a:schemeClr val="tx1"/>
                </a:solidFill>
                <a:latin typeface="Arial" panose="020B0604020202020204" pitchFamily="34" charset="0"/>
              </a:rPr>
              <a:t>sovereign</a:t>
            </a:r>
            <a:r>
              <a:rPr lang="da-DK" sz="1000" noProof="0" dirty="0">
                <a:solidFill>
                  <a:schemeClr val="tx1"/>
                </a:solidFill>
                <a:latin typeface="Arial" panose="020B0604020202020204" pitchFamily="34" charset="0"/>
              </a:rPr>
              <a:t> cloud-løsninger, dokumentere leverandørkæder, levere ”audit-klare løsninger” med sporbarhed og compliance-rapporter samt fælles udviklings- og innovationsprojekter som fx </a:t>
            </a:r>
            <a:r>
              <a:rPr lang="da-DK" sz="1000" noProof="0" dirty="0" err="1">
                <a:solidFill>
                  <a:schemeClr val="tx1"/>
                </a:solidFill>
                <a:latin typeface="Arial" panose="020B0604020202020204" pitchFamily="34" charset="0"/>
              </a:rPr>
              <a:t>co-creation</a:t>
            </a:r>
            <a:r>
              <a:rPr lang="da-DK" sz="1000" noProof="0" dirty="0">
                <a:solidFill>
                  <a:schemeClr val="tx1"/>
                </a:solidFill>
                <a:latin typeface="Arial" panose="020B0604020202020204" pitchFamily="34" charset="0"/>
              </a:rPr>
              <a:t> af open source-løsninger for at reducere afhængighed af </a:t>
            </a:r>
            <a:r>
              <a:rPr lang="da-DK" sz="1000" noProof="0" dirty="0" err="1">
                <a:solidFill>
                  <a:schemeClr val="tx1"/>
                </a:solidFill>
                <a:latin typeface="Arial" panose="020B0604020202020204" pitchFamily="34" charset="0"/>
              </a:rPr>
              <a:t>proprietære</a:t>
            </a:r>
            <a:r>
              <a:rPr lang="da-DK" sz="1000" noProof="0" dirty="0">
                <a:solidFill>
                  <a:schemeClr val="tx1"/>
                </a:solidFill>
                <a:latin typeface="Arial" panose="020B0604020202020204" pitchFamily="34" charset="0"/>
              </a:rPr>
              <a:t> platforme.</a:t>
            </a:r>
            <a:endParaRPr lang="da-DK" sz="1000" b="1" noProof="0" dirty="0">
              <a:solidFill>
                <a:schemeClr val="tx1"/>
              </a:solidFill>
              <a:latin typeface="Arial" panose="020B0604020202020204" pitchFamily="34" charset="0"/>
            </a:endParaRPr>
          </a:p>
          <a:p>
            <a:pPr>
              <a:spcBef>
                <a:spcPts val="300"/>
              </a:spcBef>
            </a:pPr>
            <a:r>
              <a:rPr lang="da-DK" sz="1000" b="1" noProof="0" dirty="0">
                <a:solidFill>
                  <a:schemeClr val="tx1"/>
                </a:solidFill>
                <a:latin typeface="Arial" panose="020B0604020202020204" pitchFamily="34" charset="0"/>
              </a:rPr>
              <a:t>Erfaringsgrundlag: </a:t>
            </a:r>
            <a:r>
              <a:rPr lang="da-DK" sz="1000" noProof="0" dirty="0">
                <a:solidFill>
                  <a:schemeClr val="tx1"/>
                </a:solidFill>
                <a:latin typeface="Arial" panose="020B0604020202020204" pitchFamily="34" charset="0"/>
              </a:rPr>
              <a:t>Aarhus Kommune, Sundhedsdatastyrelsen, OS2.</a:t>
            </a:r>
          </a:p>
          <a:p>
            <a:endParaRPr lang="da-DK" sz="1000" noProof="0" dirty="0">
              <a:solidFill>
                <a:schemeClr val="tx1"/>
              </a:solidFill>
            </a:endParaRPr>
          </a:p>
        </p:txBody>
      </p:sp>
      <p:sp>
        <p:nvSpPr>
          <p:cNvPr id="45" name="Rounded Rectangle 127">
            <a:extLst>
              <a:ext uri="{FF2B5EF4-FFF2-40B4-BE49-F238E27FC236}">
                <a16:creationId xmlns:a16="http://schemas.microsoft.com/office/drawing/2014/main" id="{273B8E42-EE91-D1F3-1A12-A1447BD50E43}"/>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D5ECC8"/>
          </a:solid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107403"/>
                </a:solidFill>
              </a:rPr>
              <a:t>Formål og indhold</a:t>
            </a:r>
          </a:p>
        </p:txBody>
      </p:sp>
      <p:sp>
        <p:nvSpPr>
          <p:cNvPr id="65" name="Rounded Rectangle 127">
            <a:extLst>
              <a:ext uri="{FF2B5EF4-FFF2-40B4-BE49-F238E27FC236}">
                <a16:creationId xmlns:a16="http://schemas.microsoft.com/office/drawing/2014/main" id="{D8EB8FA4-3F18-0F81-3AC1-AEC6580B3D19}"/>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8090A0E7-8A59-6B7E-BE49-0C1E52178AE7}"/>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D5ECC8"/>
          </a:solid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107403"/>
                </a:solidFill>
              </a:rPr>
              <a:t>Vurdering</a:t>
            </a:r>
          </a:p>
        </p:txBody>
      </p:sp>
      <p:sp>
        <p:nvSpPr>
          <p:cNvPr id="64" name="Rectangle: Top Corners Rounded 63">
            <a:extLst>
              <a:ext uri="{FF2B5EF4-FFF2-40B4-BE49-F238E27FC236}">
                <a16:creationId xmlns:a16="http://schemas.microsoft.com/office/drawing/2014/main" id="{8141E020-EC96-FD8E-FC2A-322893C4ADE2}"/>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74" name="TextBox 373">
            <a:extLst>
              <a:ext uri="{FF2B5EF4-FFF2-40B4-BE49-F238E27FC236}">
                <a16:creationId xmlns:a16="http://schemas.microsoft.com/office/drawing/2014/main" id="{9278950A-285C-C486-8E47-F99B6671DEC3}"/>
              </a:ext>
            </a:extLst>
          </p:cNvPr>
          <p:cNvSpPr txBox="1"/>
          <p:nvPr/>
        </p:nvSpPr>
        <p:spPr>
          <a:xfrm>
            <a:off x="612348" y="5253913"/>
            <a:ext cx="3721145" cy="938719"/>
          </a:xfrm>
          <a:prstGeom prst="rect">
            <a:avLst/>
          </a:prstGeom>
          <a:noFill/>
        </p:spPr>
        <p:txBody>
          <a:bodyPr wrap="square">
            <a:spAutoFit/>
          </a:bodyPr>
          <a:lstStyle/>
          <a:p>
            <a:r>
              <a:rPr lang="da-DK" sz="1000" b="1" noProof="0" dirty="0">
                <a:solidFill>
                  <a:srgbClr val="00172D"/>
                </a:solidFill>
              </a:rPr>
              <a:t>Niveau: </a:t>
            </a:r>
            <a:r>
              <a:rPr lang="da-DK" sz="1000" noProof="0" dirty="0">
                <a:solidFill>
                  <a:srgbClr val="00172D"/>
                </a:solidFill>
              </a:rPr>
              <a:t>Fællesoffentligt</a:t>
            </a:r>
            <a:r>
              <a:rPr lang="da-DK" sz="1000" noProof="0" dirty="0">
                <a:solidFill>
                  <a:srgbClr val="00172D"/>
                </a:solidFill>
                <a:latin typeface="Arial" panose="020B0604020202020204" pitchFamily="34" charset="0"/>
              </a:rPr>
              <a:t>.</a:t>
            </a:r>
            <a:endParaRPr lang="da-DK" sz="1000" noProof="0" dirty="0">
              <a:latin typeface="Arial" panose="020B0604020202020204" pitchFamily="34" charset="0"/>
            </a:endParaRP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Kan gennemføres på &lt;6 måneder som fællesoffentligt initiativ.</a:t>
            </a:r>
          </a:p>
          <a:p>
            <a:pPr>
              <a:spcBef>
                <a:spcPts val="300"/>
              </a:spcBef>
            </a:pPr>
            <a:r>
              <a:rPr lang="da-DK" sz="1000" b="1" noProof="0" dirty="0">
                <a:latin typeface="Arial" panose="020B0604020202020204" pitchFamily="34" charset="0"/>
              </a:rPr>
              <a:t>Afhængigheder: </a:t>
            </a:r>
            <a:r>
              <a:rPr lang="da-DK" sz="1000" noProof="0" dirty="0">
                <a:latin typeface="Arial" panose="020B0604020202020204" pitchFamily="34" charset="0"/>
              </a:rPr>
              <a:t>Kan bidrage med relevant input til indsats 2.3 og 2.4. </a:t>
            </a:r>
          </a:p>
        </p:txBody>
      </p:sp>
      <p:grpSp>
        <p:nvGrpSpPr>
          <p:cNvPr id="4" name="Group 3" descr="Samlet kompleksitetsvurdering, 1 ud af 10">
            <a:extLst>
              <a:ext uri="{FF2B5EF4-FFF2-40B4-BE49-F238E27FC236}">
                <a16:creationId xmlns:a16="http://schemas.microsoft.com/office/drawing/2014/main" id="{7E04DE81-BB54-C962-3947-81E268EC78EA}"/>
              </a:ext>
            </a:extLst>
          </p:cNvPr>
          <p:cNvGrpSpPr/>
          <p:nvPr/>
        </p:nvGrpSpPr>
        <p:grpSpPr>
          <a:xfrm>
            <a:off x="649825" y="4555473"/>
            <a:ext cx="3279435" cy="592535"/>
            <a:chOff x="1383754" y="4555473"/>
            <a:chExt cx="3279435" cy="592535"/>
          </a:xfrm>
        </p:grpSpPr>
        <p:sp>
          <p:nvSpPr>
            <p:cNvPr id="9" name="TextBox 8">
              <a:extLst>
                <a:ext uri="{FF2B5EF4-FFF2-40B4-BE49-F238E27FC236}">
                  <a16:creationId xmlns:a16="http://schemas.microsoft.com/office/drawing/2014/main" id="{0F73D6C7-0821-D915-3926-EE047BAB865A}"/>
                </a:ext>
              </a:extLst>
            </p:cNvPr>
            <p:cNvSpPr txBox="1"/>
            <p:nvPr/>
          </p:nvSpPr>
          <p:spPr>
            <a:xfrm>
              <a:off x="2431748" y="4555473"/>
              <a:ext cx="1191621" cy="261610"/>
            </a:xfrm>
            <a:prstGeom prst="rect">
              <a:avLst/>
            </a:prstGeom>
            <a:noFill/>
          </p:spPr>
          <p:txBody>
            <a:bodyPr wrap="square">
              <a:spAutoFit/>
            </a:bodyPr>
            <a:lstStyle/>
            <a:p>
              <a:pPr algn="ctr"/>
              <a:r>
                <a:rPr lang="da-DK" sz="1100" b="1" noProof="0" dirty="0"/>
                <a:t>Kompleksitet</a:t>
              </a:r>
            </a:p>
          </p:txBody>
        </p:sp>
        <p:grpSp>
          <p:nvGrpSpPr>
            <p:cNvPr id="10" name="Group 9">
              <a:extLst>
                <a:ext uri="{FF2B5EF4-FFF2-40B4-BE49-F238E27FC236}">
                  <a16:creationId xmlns:a16="http://schemas.microsoft.com/office/drawing/2014/main" id="{883845E9-D159-90BC-F8BF-A609D58F4286}"/>
                </a:ext>
              </a:extLst>
            </p:cNvPr>
            <p:cNvGrpSpPr>
              <a:grpSpLocks noChangeAspect="1"/>
            </p:cNvGrpSpPr>
            <p:nvPr/>
          </p:nvGrpSpPr>
          <p:grpSpPr>
            <a:xfrm>
              <a:off x="1383754" y="4900456"/>
              <a:ext cx="3279435" cy="247552"/>
              <a:chOff x="-110433" y="4916533"/>
              <a:chExt cx="2858414" cy="215770"/>
            </a:xfrm>
          </p:grpSpPr>
          <p:grpSp>
            <p:nvGrpSpPr>
              <p:cNvPr id="11" name="Group 10">
                <a:extLst>
                  <a:ext uri="{FF2B5EF4-FFF2-40B4-BE49-F238E27FC236}">
                    <a16:creationId xmlns:a16="http://schemas.microsoft.com/office/drawing/2014/main" id="{B9D1362C-C416-E5D0-A8E9-3C57C12DFFC2}"/>
                  </a:ext>
                </a:extLst>
              </p:cNvPr>
              <p:cNvGrpSpPr/>
              <p:nvPr/>
            </p:nvGrpSpPr>
            <p:grpSpPr>
              <a:xfrm>
                <a:off x="-110433" y="4916533"/>
                <a:ext cx="2858414" cy="180194"/>
                <a:chOff x="4280723" y="3040512"/>
                <a:chExt cx="3161620" cy="171957"/>
              </a:xfrm>
            </p:grpSpPr>
            <p:grpSp>
              <p:nvGrpSpPr>
                <p:cNvPr id="13" name="Group 12">
                  <a:extLst>
                    <a:ext uri="{FF2B5EF4-FFF2-40B4-BE49-F238E27FC236}">
                      <a16:creationId xmlns:a16="http://schemas.microsoft.com/office/drawing/2014/main" id="{972D7FC8-D1B7-E270-DD93-D581F8F69FB2}"/>
                    </a:ext>
                  </a:extLst>
                </p:cNvPr>
                <p:cNvGrpSpPr/>
                <p:nvPr/>
              </p:nvGrpSpPr>
              <p:grpSpPr>
                <a:xfrm>
                  <a:off x="4383394" y="3153610"/>
                  <a:ext cx="2961649" cy="45719"/>
                  <a:chOff x="4383394" y="3153610"/>
                  <a:chExt cx="2961649" cy="45719"/>
                </a:xfrm>
              </p:grpSpPr>
              <p:cxnSp>
                <p:nvCxnSpPr>
                  <p:cNvPr id="18" name="Straight Connector 17">
                    <a:extLst>
                      <a:ext uri="{FF2B5EF4-FFF2-40B4-BE49-F238E27FC236}">
                        <a16:creationId xmlns:a16="http://schemas.microsoft.com/office/drawing/2014/main" id="{4CDC1917-C994-A168-F13D-34AC8829B055}"/>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9" name="Oval 18">
                    <a:extLst>
                      <a:ext uri="{FF2B5EF4-FFF2-40B4-BE49-F238E27FC236}">
                        <a16:creationId xmlns:a16="http://schemas.microsoft.com/office/drawing/2014/main" id="{54C6EA7D-587F-D5B8-971F-3051DE0BAAC0}"/>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5" name="Oval 34">
                    <a:extLst>
                      <a:ext uri="{FF2B5EF4-FFF2-40B4-BE49-F238E27FC236}">
                        <a16:creationId xmlns:a16="http://schemas.microsoft.com/office/drawing/2014/main" id="{BB7B62EA-C4AE-3AB2-BF38-C344EC5507CF}"/>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5" name="Straight Connector 14">
                  <a:extLst>
                    <a:ext uri="{FF2B5EF4-FFF2-40B4-BE49-F238E27FC236}">
                      <a16:creationId xmlns:a16="http://schemas.microsoft.com/office/drawing/2014/main" id="{7A6FD92E-07C3-2131-FEB0-C6501A637DF1}"/>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0D369A3B-E431-2597-04E9-6027494E81FD}"/>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17" name="TextBox 16">
                  <a:extLst>
                    <a:ext uri="{FF2B5EF4-FFF2-40B4-BE49-F238E27FC236}">
                      <a16:creationId xmlns:a16="http://schemas.microsoft.com/office/drawing/2014/main" id="{44557D4F-AEDA-C723-57DE-74A1BC66FEAC}"/>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sp>
            <p:nvSpPr>
              <p:cNvPr id="12" name="Oval 11">
                <a:extLst>
                  <a:ext uri="{FF2B5EF4-FFF2-40B4-BE49-F238E27FC236}">
                    <a16:creationId xmlns:a16="http://schemas.microsoft.com/office/drawing/2014/main" id="{4146D062-EB58-8271-755F-EF92F21DC41C}"/>
                  </a:ext>
                </a:extLst>
              </p:cNvPr>
              <p:cNvSpPr/>
              <p:nvPr/>
            </p:nvSpPr>
            <p:spPr>
              <a:xfrm>
                <a:off x="109165" y="4988303"/>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sp>
        <p:nvSpPr>
          <p:cNvPr id="335" name="TextBox 334">
            <a:extLst>
              <a:ext uri="{FF2B5EF4-FFF2-40B4-BE49-F238E27FC236}">
                <a16:creationId xmlns:a16="http://schemas.microsoft.com/office/drawing/2014/main" id="{6DC69A25-A5BD-351D-369D-92A26FD3E677}"/>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dirty="0"/>
              <a:t>Teknisk</a:t>
            </a:r>
            <a:endParaRPr lang="da-DK" sz="1100" b="1" i="1" noProof="0" dirty="0"/>
          </a:p>
        </p:txBody>
      </p:sp>
      <p:grpSp>
        <p:nvGrpSpPr>
          <p:cNvPr id="325" name="Group 324" descr="Vurdering af teknisk kompleksitet, 3 ud af 10">
            <a:extLst>
              <a:ext uri="{FF2B5EF4-FFF2-40B4-BE49-F238E27FC236}">
                <a16:creationId xmlns:a16="http://schemas.microsoft.com/office/drawing/2014/main" id="{826D784A-E00F-790C-4C80-7B218FD0F2B3}"/>
              </a:ext>
            </a:extLst>
          </p:cNvPr>
          <p:cNvGrpSpPr/>
          <p:nvPr/>
        </p:nvGrpSpPr>
        <p:grpSpPr>
          <a:xfrm>
            <a:off x="4755592" y="4883930"/>
            <a:ext cx="1707066" cy="248033"/>
            <a:chOff x="860772" y="4916533"/>
            <a:chExt cx="1487909" cy="216189"/>
          </a:xfrm>
        </p:grpSpPr>
        <p:grpSp>
          <p:nvGrpSpPr>
            <p:cNvPr id="326" name="Group 325">
              <a:extLst>
                <a:ext uri="{FF2B5EF4-FFF2-40B4-BE49-F238E27FC236}">
                  <a16:creationId xmlns:a16="http://schemas.microsoft.com/office/drawing/2014/main" id="{2B3A6559-272F-73B8-8C54-29DA7D4D4B71}"/>
                </a:ext>
              </a:extLst>
            </p:cNvPr>
            <p:cNvGrpSpPr/>
            <p:nvPr/>
          </p:nvGrpSpPr>
          <p:grpSpPr>
            <a:xfrm>
              <a:off x="860772" y="4916533"/>
              <a:ext cx="1487909" cy="180194"/>
              <a:chOff x="5354949" y="3040512"/>
              <a:chExt cx="1645739" cy="171957"/>
            </a:xfrm>
          </p:grpSpPr>
          <p:grpSp>
            <p:nvGrpSpPr>
              <p:cNvPr id="328" name="Group 327">
                <a:extLst>
                  <a:ext uri="{FF2B5EF4-FFF2-40B4-BE49-F238E27FC236}">
                    <a16:creationId xmlns:a16="http://schemas.microsoft.com/office/drawing/2014/main" id="{AA3A4EE0-1FD7-13AC-7642-598E8D518139}"/>
                  </a:ext>
                </a:extLst>
              </p:cNvPr>
              <p:cNvGrpSpPr/>
              <p:nvPr/>
            </p:nvGrpSpPr>
            <p:grpSpPr>
              <a:xfrm>
                <a:off x="5458296" y="3153610"/>
                <a:ext cx="1445092" cy="45719"/>
                <a:chOff x="5458296" y="3153610"/>
                <a:chExt cx="1445092" cy="45719"/>
              </a:xfrm>
            </p:grpSpPr>
            <p:cxnSp>
              <p:nvCxnSpPr>
                <p:cNvPr id="332" name="Straight Connector 331">
                  <a:extLst>
                    <a:ext uri="{FF2B5EF4-FFF2-40B4-BE49-F238E27FC236}">
                      <a16:creationId xmlns:a16="http://schemas.microsoft.com/office/drawing/2014/main" id="{1381307B-A216-1B28-2C3D-2F89927328D3}"/>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333" name="Oval 332">
                  <a:extLst>
                    <a:ext uri="{FF2B5EF4-FFF2-40B4-BE49-F238E27FC236}">
                      <a16:creationId xmlns:a16="http://schemas.microsoft.com/office/drawing/2014/main" id="{AD9864E7-804F-B891-0007-2507ABA9D49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34" name="Oval 333">
                  <a:extLst>
                    <a:ext uri="{FF2B5EF4-FFF2-40B4-BE49-F238E27FC236}">
                      <a16:creationId xmlns:a16="http://schemas.microsoft.com/office/drawing/2014/main" id="{7A831926-37B6-2060-67BC-825DFAE2B7C5}"/>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329" name="Straight Connector 328">
                <a:extLst>
                  <a:ext uri="{FF2B5EF4-FFF2-40B4-BE49-F238E27FC236}">
                    <a16:creationId xmlns:a16="http://schemas.microsoft.com/office/drawing/2014/main" id="{668C35A3-2A02-E9B2-8E0E-583CDB451F2E}"/>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330" name="TextBox 329">
                <a:extLst>
                  <a:ext uri="{FF2B5EF4-FFF2-40B4-BE49-F238E27FC236}">
                    <a16:creationId xmlns:a16="http://schemas.microsoft.com/office/drawing/2014/main" id="{74694F1F-2F3F-1554-C73F-744E043D99A4}"/>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331" name="TextBox 330">
                <a:extLst>
                  <a:ext uri="{FF2B5EF4-FFF2-40B4-BE49-F238E27FC236}">
                    <a16:creationId xmlns:a16="http://schemas.microsoft.com/office/drawing/2014/main" id="{E6D5BF94-A4C8-307F-1E43-B1CF0FEE6744}"/>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327" name="Oval 326">
              <a:extLst>
                <a:ext uri="{FF2B5EF4-FFF2-40B4-BE49-F238E27FC236}">
                  <a16:creationId xmlns:a16="http://schemas.microsoft.com/office/drawing/2014/main" id="{5EFEB86B-2EE6-A991-BB6B-60857537DFC2}"/>
                </a:ext>
              </a:extLst>
            </p:cNvPr>
            <p:cNvSpPr/>
            <p:nvPr/>
          </p:nvSpPr>
          <p:spPr>
            <a:xfrm>
              <a:off x="1225128"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346" name="TextBox 345">
            <a:extLst>
              <a:ext uri="{FF2B5EF4-FFF2-40B4-BE49-F238E27FC236}">
                <a16:creationId xmlns:a16="http://schemas.microsoft.com/office/drawing/2014/main" id="{278396E9-2A8F-FCDC-100B-6CBF96C8B784}"/>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336" name="Group 335" descr="Vurdering af organisatorisk kompleksitet, 1 ud af 10">
            <a:extLst>
              <a:ext uri="{FF2B5EF4-FFF2-40B4-BE49-F238E27FC236}">
                <a16:creationId xmlns:a16="http://schemas.microsoft.com/office/drawing/2014/main" id="{EF919527-6D55-D40C-E9F5-45EDD1793BF2}"/>
              </a:ext>
            </a:extLst>
          </p:cNvPr>
          <p:cNvGrpSpPr/>
          <p:nvPr/>
        </p:nvGrpSpPr>
        <p:grpSpPr>
          <a:xfrm>
            <a:off x="4756736" y="5395827"/>
            <a:ext cx="1707066" cy="248033"/>
            <a:chOff x="860772" y="4916533"/>
            <a:chExt cx="1487909" cy="216189"/>
          </a:xfrm>
        </p:grpSpPr>
        <p:grpSp>
          <p:nvGrpSpPr>
            <p:cNvPr id="337" name="Group 336">
              <a:extLst>
                <a:ext uri="{FF2B5EF4-FFF2-40B4-BE49-F238E27FC236}">
                  <a16:creationId xmlns:a16="http://schemas.microsoft.com/office/drawing/2014/main" id="{9620C659-9AC2-367F-931A-9112E4F65D02}"/>
                </a:ext>
              </a:extLst>
            </p:cNvPr>
            <p:cNvGrpSpPr/>
            <p:nvPr/>
          </p:nvGrpSpPr>
          <p:grpSpPr>
            <a:xfrm>
              <a:off x="860772" y="4916533"/>
              <a:ext cx="1487909" cy="180194"/>
              <a:chOff x="5354949" y="3040512"/>
              <a:chExt cx="1645739" cy="171957"/>
            </a:xfrm>
          </p:grpSpPr>
          <p:grpSp>
            <p:nvGrpSpPr>
              <p:cNvPr id="339" name="Group 338">
                <a:extLst>
                  <a:ext uri="{FF2B5EF4-FFF2-40B4-BE49-F238E27FC236}">
                    <a16:creationId xmlns:a16="http://schemas.microsoft.com/office/drawing/2014/main" id="{F5DCF8CA-FC09-6603-AF6D-770115183FBE}"/>
                  </a:ext>
                </a:extLst>
              </p:cNvPr>
              <p:cNvGrpSpPr/>
              <p:nvPr/>
            </p:nvGrpSpPr>
            <p:grpSpPr>
              <a:xfrm>
                <a:off x="5458296" y="3153610"/>
                <a:ext cx="1445092" cy="45719"/>
                <a:chOff x="5458296" y="3153610"/>
                <a:chExt cx="1445092" cy="45719"/>
              </a:xfrm>
            </p:grpSpPr>
            <p:cxnSp>
              <p:nvCxnSpPr>
                <p:cNvPr id="343" name="Straight Connector 342">
                  <a:extLst>
                    <a:ext uri="{FF2B5EF4-FFF2-40B4-BE49-F238E27FC236}">
                      <a16:creationId xmlns:a16="http://schemas.microsoft.com/office/drawing/2014/main" id="{92C12756-5BCB-4C0E-294F-E30C797D08BF}"/>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344" name="Oval 343">
                  <a:extLst>
                    <a:ext uri="{FF2B5EF4-FFF2-40B4-BE49-F238E27FC236}">
                      <a16:creationId xmlns:a16="http://schemas.microsoft.com/office/drawing/2014/main" id="{69B11CD8-2798-9AB7-4F35-926AEB05CB54}"/>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45" name="Oval 344">
                  <a:extLst>
                    <a:ext uri="{FF2B5EF4-FFF2-40B4-BE49-F238E27FC236}">
                      <a16:creationId xmlns:a16="http://schemas.microsoft.com/office/drawing/2014/main" id="{26FAC9B9-1280-E926-4C94-B56831D46485}"/>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340" name="Straight Connector 339">
                <a:extLst>
                  <a:ext uri="{FF2B5EF4-FFF2-40B4-BE49-F238E27FC236}">
                    <a16:creationId xmlns:a16="http://schemas.microsoft.com/office/drawing/2014/main" id="{665B0C21-6FD3-3E5C-A23C-CFE12A8FC4AF}"/>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341" name="TextBox 340">
                <a:extLst>
                  <a:ext uri="{FF2B5EF4-FFF2-40B4-BE49-F238E27FC236}">
                    <a16:creationId xmlns:a16="http://schemas.microsoft.com/office/drawing/2014/main" id="{2DB33A03-7212-6954-71FE-3876A4ECEBB9}"/>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342" name="TextBox 341">
                <a:extLst>
                  <a:ext uri="{FF2B5EF4-FFF2-40B4-BE49-F238E27FC236}">
                    <a16:creationId xmlns:a16="http://schemas.microsoft.com/office/drawing/2014/main" id="{127FFF21-D0B8-DE36-B5FC-0B92434F79D0}"/>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338" name="Oval 337">
              <a:extLst>
                <a:ext uri="{FF2B5EF4-FFF2-40B4-BE49-F238E27FC236}">
                  <a16:creationId xmlns:a16="http://schemas.microsoft.com/office/drawing/2014/main" id="{E9FED975-B40F-85B3-682B-230CC5217DD7}"/>
                </a:ext>
              </a:extLst>
            </p:cNvPr>
            <p:cNvSpPr/>
            <p:nvPr/>
          </p:nvSpPr>
          <p:spPr>
            <a:xfrm>
              <a:off x="1007246"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357" name="TextBox 356">
            <a:extLst>
              <a:ext uri="{FF2B5EF4-FFF2-40B4-BE49-F238E27FC236}">
                <a16:creationId xmlns:a16="http://schemas.microsoft.com/office/drawing/2014/main" id="{AD2BEB6C-7235-886D-D3D9-C0BE62040384}"/>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grpSp>
        <p:nvGrpSpPr>
          <p:cNvPr id="347" name="Group 346" descr="Vurdering af juridisk kompleksitet, 2 ud af 10">
            <a:extLst>
              <a:ext uri="{FF2B5EF4-FFF2-40B4-BE49-F238E27FC236}">
                <a16:creationId xmlns:a16="http://schemas.microsoft.com/office/drawing/2014/main" id="{14882C18-F5C7-0538-7038-12C72D3368AA}"/>
              </a:ext>
            </a:extLst>
          </p:cNvPr>
          <p:cNvGrpSpPr/>
          <p:nvPr/>
        </p:nvGrpSpPr>
        <p:grpSpPr>
          <a:xfrm>
            <a:off x="4754047" y="5907971"/>
            <a:ext cx="1707066" cy="248033"/>
            <a:chOff x="860772" y="4916533"/>
            <a:chExt cx="1487909" cy="216189"/>
          </a:xfrm>
        </p:grpSpPr>
        <p:grpSp>
          <p:nvGrpSpPr>
            <p:cNvPr id="348" name="Group 347">
              <a:extLst>
                <a:ext uri="{FF2B5EF4-FFF2-40B4-BE49-F238E27FC236}">
                  <a16:creationId xmlns:a16="http://schemas.microsoft.com/office/drawing/2014/main" id="{F195B2EA-4159-E7A1-F266-8BA4EDB8BAB8}"/>
                </a:ext>
              </a:extLst>
            </p:cNvPr>
            <p:cNvGrpSpPr/>
            <p:nvPr/>
          </p:nvGrpSpPr>
          <p:grpSpPr>
            <a:xfrm>
              <a:off x="860772" y="4916533"/>
              <a:ext cx="1487909" cy="180194"/>
              <a:chOff x="5354949" y="3040512"/>
              <a:chExt cx="1645739" cy="171957"/>
            </a:xfrm>
          </p:grpSpPr>
          <p:grpSp>
            <p:nvGrpSpPr>
              <p:cNvPr id="350" name="Group 349">
                <a:extLst>
                  <a:ext uri="{FF2B5EF4-FFF2-40B4-BE49-F238E27FC236}">
                    <a16:creationId xmlns:a16="http://schemas.microsoft.com/office/drawing/2014/main" id="{EFAF5CE5-69E2-BB24-DBD7-DC015B74A34E}"/>
                  </a:ext>
                </a:extLst>
              </p:cNvPr>
              <p:cNvGrpSpPr/>
              <p:nvPr/>
            </p:nvGrpSpPr>
            <p:grpSpPr>
              <a:xfrm>
                <a:off x="5458296" y="3153610"/>
                <a:ext cx="1445092" cy="45719"/>
                <a:chOff x="5458296" y="3153610"/>
                <a:chExt cx="1445092" cy="45719"/>
              </a:xfrm>
            </p:grpSpPr>
            <p:cxnSp>
              <p:nvCxnSpPr>
                <p:cNvPr id="354" name="Straight Connector 353">
                  <a:extLst>
                    <a:ext uri="{FF2B5EF4-FFF2-40B4-BE49-F238E27FC236}">
                      <a16:creationId xmlns:a16="http://schemas.microsoft.com/office/drawing/2014/main" id="{EAC36D35-1A2B-ECC7-0D8E-9769BE4185D1}"/>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355" name="Oval 354">
                  <a:extLst>
                    <a:ext uri="{FF2B5EF4-FFF2-40B4-BE49-F238E27FC236}">
                      <a16:creationId xmlns:a16="http://schemas.microsoft.com/office/drawing/2014/main" id="{0EF33A81-E1FE-EBB0-2743-346CA68C0F35}"/>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56" name="Oval 355">
                  <a:extLst>
                    <a:ext uri="{FF2B5EF4-FFF2-40B4-BE49-F238E27FC236}">
                      <a16:creationId xmlns:a16="http://schemas.microsoft.com/office/drawing/2014/main" id="{7E05A1E8-34CE-5EC0-79C5-5F54D90CF672}"/>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351" name="Straight Connector 350">
                <a:extLst>
                  <a:ext uri="{FF2B5EF4-FFF2-40B4-BE49-F238E27FC236}">
                    <a16:creationId xmlns:a16="http://schemas.microsoft.com/office/drawing/2014/main" id="{3D39A32C-8B0F-D811-44B0-CC315D94870B}"/>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352" name="TextBox 351">
                <a:extLst>
                  <a:ext uri="{FF2B5EF4-FFF2-40B4-BE49-F238E27FC236}">
                    <a16:creationId xmlns:a16="http://schemas.microsoft.com/office/drawing/2014/main" id="{6180CD2C-D970-799A-1E41-58F5120290BE}"/>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353" name="TextBox 352">
                <a:extLst>
                  <a:ext uri="{FF2B5EF4-FFF2-40B4-BE49-F238E27FC236}">
                    <a16:creationId xmlns:a16="http://schemas.microsoft.com/office/drawing/2014/main" id="{EAF6FC1F-0560-2B24-D444-335AF1741F17}"/>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349" name="Oval 348">
              <a:extLst>
                <a:ext uri="{FF2B5EF4-FFF2-40B4-BE49-F238E27FC236}">
                  <a16:creationId xmlns:a16="http://schemas.microsoft.com/office/drawing/2014/main" id="{76F8E97F-8A14-AEC9-4356-079B60D19AC7}"/>
                </a:ext>
              </a:extLst>
            </p:cNvPr>
            <p:cNvSpPr/>
            <p:nvPr/>
          </p:nvSpPr>
          <p:spPr>
            <a:xfrm>
              <a:off x="1126405"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7" name="Group 6">
            <a:extLst>
              <a:ext uri="{FF2B5EF4-FFF2-40B4-BE49-F238E27FC236}">
                <a16:creationId xmlns:a16="http://schemas.microsoft.com/office/drawing/2014/main" id="{5EAE7146-3EC3-03EA-E25F-B2246E6E1181}"/>
              </a:ext>
              <a:ext uri="{C183D7F6-B498-43B3-948B-1728B52AA6E4}">
                <adec:decorative xmlns:adec="http://schemas.microsoft.com/office/drawing/2017/decorative" val="1"/>
              </a:ext>
            </a:extLst>
          </p:cNvPr>
          <p:cNvGrpSpPr/>
          <p:nvPr/>
        </p:nvGrpSpPr>
        <p:grpSpPr>
          <a:xfrm>
            <a:off x="7242764" y="2228720"/>
            <a:ext cx="2215585" cy="319850"/>
            <a:chOff x="7158625" y="2042360"/>
            <a:chExt cx="2215585" cy="319850"/>
          </a:xfrm>
        </p:grpSpPr>
        <p:sp>
          <p:nvSpPr>
            <p:cNvPr id="24" name="Rektangel: afrundede hjørner 10">
              <a:extLst>
                <a:ext uri="{FF2B5EF4-FFF2-40B4-BE49-F238E27FC236}">
                  <a16:creationId xmlns:a16="http://schemas.microsoft.com/office/drawing/2014/main" id="{D0696F2C-F585-DD90-AAF8-77B3E1AD39AB}"/>
                </a:ext>
              </a:extLst>
            </p:cNvPr>
            <p:cNvSpPr>
              <a:spLocks/>
            </p:cNvSpPr>
            <p:nvPr/>
          </p:nvSpPr>
          <p:spPr>
            <a:xfrm>
              <a:off x="7158625" y="204236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97D27AD4-5080-8062-E334-F49A6837976D}"/>
                </a:ext>
              </a:extLst>
            </p:cNvPr>
            <p:cNvSpPr>
              <a:spLocks noEditPoints="1"/>
            </p:cNvSpPr>
            <p:nvPr/>
          </p:nvSpPr>
          <p:spPr bwMode="auto">
            <a:xfrm>
              <a:off x="7204885" y="210766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6" name="TextBox 4">
              <a:extLst>
                <a:ext uri="{FF2B5EF4-FFF2-40B4-BE49-F238E27FC236}">
                  <a16:creationId xmlns:a16="http://schemas.microsoft.com/office/drawing/2014/main" id="{4454E29A-5AAE-D082-CAA3-60930F8431CF}"/>
                </a:ext>
              </a:extLst>
            </p:cNvPr>
            <p:cNvSpPr txBox="1">
              <a:spLocks/>
            </p:cNvSpPr>
            <p:nvPr/>
          </p:nvSpPr>
          <p:spPr>
            <a:xfrm>
              <a:off x="7442867" y="2057663"/>
              <a:ext cx="1931343" cy="296832"/>
            </a:xfrm>
            <a:prstGeom prst="rect">
              <a:avLst/>
            </a:prstGeom>
            <a:noFill/>
          </p:spPr>
          <p:txBody>
            <a:bodyPr wrap="square" rtlCol="0" anchor="ctr">
              <a:noAutofit/>
            </a:bodyPr>
            <a:lstStyle/>
            <a:p>
              <a:r>
                <a:rPr lang="da-DK" sz="700" b="1" noProof="0">
                  <a:solidFill>
                    <a:srgbClr val="024D78"/>
                  </a:solidFill>
                </a:rPr>
                <a:t>01 | Høj afhængighed af større leverandører og manglende konkurrence</a:t>
              </a:r>
            </a:p>
          </p:txBody>
        </p:sp>
      </p:grpSp>
      <p:sp>
        <p:nvSpPr>
          <p:cNvPr id="27" name="Rektangel: afrundede hjørner 5">
            <a:extLst>
              <a:ext uri="{FF2B5EF4-FFF2-40B4-BE49-F238E27FC236}">
                <a16:creationId xmlns:a16="http://schemas.microsoft.com/office/drawing/2014/main" id="{F061E58B-85C8-60C5-661C-8CF6DDDFEFC9}"/>
              </a:ext>
              <a:ext uri="{C183D7F6-B498-43B3-948B-1728B52AA6E4}">
                <adec:decorative xmlns:adec="http://schemas.microsoft.com/office/drawing/2017/decorative" val="1"/>
              </a:ext>
            </a:extLst>
          </p:cNvPr>
          <p:cNvSpPr>
            <a:spLocks/>
          </p:cNvSpPr>
          <p:nvPr/>
        </p:nvSpPr>
        <p:spPr>
          <a:xfrm>
            <a:off x="7242764" y="2651061"/>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34" name="TextBox 133">
            <a:extLst>
              <a:ext uri="{FF2B5EF4-FFF2-40B4-BE49-F238E27FC236}">
                <a16:creationId xmlns:a16="http://schemas.microsoft.com/office/drawing/2014/main" id="{97D2EAD3-B347-17A7-0BB0-05E19F2AF2A1}"/>
              </a:ext>
            </a:extLst>
          </p:cNvPr>
          <p:cNvSpPr txBox="1"/>
          <p:nvPr/>
        </p:nvSpPr>
        <p:spPr>
          <a:xfrm>
            <a:off x="7249102" y="1874760"/>
            <a:ext cx="2162754" cy="246221"/>
          </a:xfrm>
          <a:prstGeom prst="rect">
            <a:avLst/>
          </a:prstGeom>
          <a:noFill/>
        </p:spPr>
        <p:txBody>
          <a:bodyPr wrap="square" lIns="0">
            <a:spAutoFit/>
          </a:bodyPr>
          <a:lstStyle/>
          <a:p>
            <a:r>
              <a:rPr lang="da-DK" sz="1000" b="1" noProof="0" dirty="0">
                <a:solidFill>
                  <a:srgbClr val="36465A"/>
                </a:solidFill>
              </a:rPr>
              <a:t>Udfordringer adresseret</a:t>
            </a:r>
            <a:endParaRPr lang="da-DK" sz="1000" noProof="0" dirty="0">
              <a:solidFill>
                <a:srgbClr val="36465A"/>
              </a:solidFill>
            </a:endParaRPr>
          </a:p>
        </p:txBody>
      </p:sp>
      <p:sp>
        <p:nvSpPr>
          <p:cNvPr id="28" name="TextBox 11">
            <a:extLst>
              <a:ext uri="{FF2B5EF4-FFF2-40B4-BE49-F238E27FC236}">
                <a16:creationId xmlns:a16="http://schemas.microsoft.com/office/drawing/2014/main" id="{71091805-D4FE-E388-5990-AD87F358C14C}"/>
              </a:ext>
              <a:ext uri="{C183D7F6-B498-43B3-948B-1728B52AA6E4}">
                <adec:decorative xmlns:adec="http://schemas.microsoft.com/office/drawing/2017/decorative" val="0"/>
              </a:ext>
            </a:extLst>
          </p:cNvPr>
          <p:cNvSpPr txBox="1">
            <a:spLocks/>
          </p:cNvSpPr>
          <p:nvPr/>
        </p:nvSpPr>
        <p:spPr>
          <a:xfrm>
            <a:off x="7527006" y="2671796"/>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dirty="0"/>
              <a:t>02 | Manglende kontrol og transparens over egne data</a:t>
            </a:r>
          </a:p>
        </p:txBody>
      </p:sp>
      <p:grpSp>
        <p:nvGrpSpPr>
          <p:cNvPr id="29" name="Group 45">
            <a:extLst>
              <a:ext uri="{FF2B5EF4-FFF2-40B4-BE49-F238E27FC236}">
                <a16:creationId xmlns:a16="http://schemas.microsoft.com/office/drawing/2014/main" id="{C1DEF187-1DCF-24BC-F4FF-650DCB261C21}"/>
              </a:ext>
              <a:ext uri="{C183D7F6-B498-43B3-948B-1728B52AA6E4}">
                <adec:decorative xmlns:adec="http://schemas.microsoft.com/office/drawing/2017/decorative" val="1"/>
              </a:ext>
            </a:extLst>
          </p:cNvPr>
          <p:cNvGrpSpPr>
            <a:grpSpLocks/>
          </p:cNvGrpSpPr>
          <p:nvPr/>
        </p:nvGrpSpPr>
        <p:grpSpPr>
          <a:xfrm>
            <a:off x="7310599" y="2707229"/>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361D8EBB-3575-366F-9EE0-38119E9998EE}"/>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3CA79017-6413-C8AE-706A-F9D166DC7329}"/>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C3025C2F-D280-C50E-9B8C-92E4B18F7C1F}"/>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D10E6A99-8C68-C74E-727C-B95CEEA89AD8}"/>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30" name="Rektangel: afrundede hjørner 9">
            <a:extLst>
              <a:ext uri="{FF2B5EF4-FFF2-40B4-BE49-F238E27FC236}">
                <a16:creationId xmlns:a16="http://schemas.microsoft.com/office/drawing/2014/main" id="{B2207B9D-F74C-E78F-EE94-C236F9E617BF}"/>
              </a:ext>
              <a:ext uri="{C183D7F6-B498-43B3-948B-1728B52AA6E4}">
                <adec:decorative xmlns:adec="http://schemas.microsoft.com/office/drawing/2017/decorative" val="1"/>
              </a:ext>
            </a:extLst>
          </p:cNvPr>
          <p:cNvSpPr>
            <a:spLocks/>
          </p:cNvSpPr>
          <p:nvPr/>
        </p:nvSpPr>
        <p:spPr>
          <a:xfrm>
            <a:off x="7242991" y="3073402"/>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TextBox 23">
            <a:extLst>
              <a:ext uri="{FF2B5EF4-FFF2-40B4-BE49-F238E27FC236}">
                <a16:creationId xmlns:a16="http://schemas.microsoft.com/office/drawing/2014/main" id="{8D37560C-C1FB-0FB7-34A0-E1922011F384}"/>
              </a:ext>
              <a:ext uri="{C183D7F6-B498-43B3-948B-1728B52AA6E4}">
                <adec:decorative xmlns:adec="http://schemas.microsoft.com/office/drawing/2017/decorative" val="0"/>
              </a:ext>
            </a:extLst>
          </p:cNvPr>
          <p:cNvSpPr txBox="1">
            <a:spLocks/>
          </p:cNvSpPr>
          <p:nvPr/>
        </p:nvSpPr>
        <p:spPr>
          <a:xfrm>
            <a:off x="7526779" y="3094137"/>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dirty="0"/>
              <a:t>03 | Begrænset kontrol og styring af digitale løsninger</a:t>
            </a:r>
          </a:p>
        </p:txBody>
      </p:sp>
      <p:sp>
        <p:nvSpPr>
          <p:cNvPr id="32" name="Freeform 6">
            <a:extLst>
              <a:ext uri="{FF2B5EF4-FFF2-40B4-BE49-F238E27FC236}">
                <a16:creationId xmlns:a16="http://schemas.microsoft.com/office/drawing/2014/main" id="{E764AB56-F7AC-3E81-B799-76F81D02B35A}"/>
              </a:ext>
              <a:ext uri="{C183D7F6-B498-43B3-948B-1728B52AA6E4}">
                <adec:decorative xmlns:adec="http://schemas.microsoft.com/office/drawing/2017/decorative" val="1"/>
              </a:ext>
            </a:extLst>
          </p:cNvPr>
          <p:cNvSpPr>
            <a:spLocks noChangeAspect="1" noEditPoints="1"/>
          </p:cNvSpPr>
          <p:nvPr/>
        </p:nvSpPr>
        <p:spPr bwMode="auto">
          <a:xfrm>
            <a:off x="7298989" y="3133958"/>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nvGrpSpPr>
          <p:cNvPr id="2" name="Group 1">
            <a:extLst>
              <a:ext uri="{FF2B5EF4-FFF2-40B4-BE49-F238E27FC236}">
                <a16:creationId xmlns:a16="http://schemas.microsoft.com/office/drawing/2014/main" id="{26596443-F42A-1C10-DCC6-B2612D0068AD}"/>
              </a:ext>
              <a:ext uri="{C183D7F6-B498-43B3-948B-1728B52AA6E4}">
                <adec:decorative xmlns:adec="http://schemas.microsoft.com/office/drawing/2017/decorative" val="1"/>
              </a:ext>
            </a:extLst>
          </p:cNvPr>
          <p:cNvGrpSpPr/>
          <p:nvPr/>
        </p:nvGrpSpPr>
        <p:grpSpPr>
          <a:xfrm>
            <a:off x="7242991" y="3495743"/>
            <a:ext cx="2215131" cy="320400"/>
            <a:chOff x="7159079" y="3422041"/>
            <a:chExt cx="2215131" cy="320400"/>
          </a:xfrm>
        </p:grpSpPr>
        <p:sp>
          <p:nvSpPr>
            <p:cNvPr id="33" name="Rektangel: afrundede hjørner 39">
              <a:extLst>
                <a:ext uri="{FF2B5EF4-FFF2-40B4-BE49-F238E27FC236}">
                  <a16:creationId xmlns:a16="http://schemas.microsoft.com/office/drawing/2014/main" id="{82679504-CA67-9500-F0A5-68676C66959E}"/>
                </a:ext>
              </a:extLst>
            </p:cNvPr>
            <p:cNvSpPr>
              <a:spLocks/>
            </p:cNvSpPr>
            <p:nvPr/>
          </p:nvSpPr>
          <p:spPr>
            <a:xfrm>
              <a:off x="7159079" y="3422041"/>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TextBox 27">
              <a:extLst>
                <a:ext uri="{FF2B5EF4-FFF2-40B4-BE49-F238E27FC236}">
                  <a16:creationId xmlns:a16="http://schemas.microsoft.com/office/drawing/2014/main" id="{DDC2EA20-7C6D-CA1A-011D-ECA67BFB717C}"/>
                </a:ext>
              </a:extLst>
            </p:cNvPr>
            <p:cNvSpPr txBox="1">
              <a:spLocks/>
            </p:cNvSpPr>
            <p:nvPr/>
          </p:nvSpPr>
          <p:spPr>
            <a:xfrm>
              <a:off x="7442867" y="3443051"/>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4 | Sårbarheder i den digitale forsyningssikkerhed</a:t>
              </a:r>
            </a:p>
          </p:txBody>
        </p:sp>
        <p:sp>
          <p:nvSpPr>
            <p:cNvPr id="36" name="Freeform 8">
              <a:extLst>
                <a:ext uri="{FF2B5EF4-FFF2-40B4-BE49-F238E27FC236}">
                  <a16:creationId xmlns:a16="http://schemas.microsoft.com/office/drawing/2014/main" id="{41C43018-D83B-D42E-6526-A7D929DD7F0B}"/>
                </a:ext>
              </a:extLst>
            </p:cNvPr>
            <p:cNvSpPr>
              <a:spLocks noChangeAspect="1" noEditPoints="1"/>
            </p:cNvSpPr>
            <p:nvPr/>
          </p:nvSpPr>
          <p:spPr bwMode="auto">
            <a:xfrm>
              <a:off x="7227754" y="3487934"/>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96" name="Free-form: Shape 1">
            <a:extLst>
              <a:ext uri="{FF2B5EF4-FFF2-40B4-BE49-F238E27FC236}">
                <a16:creationId xmlns:a16="http://schemas.microsoft.com/office/drawing/2014/main" id="{7EE52453-4FF8-B0BE-BF3B-5B52B037FED7}"/>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95636C01-635A-9AE9-5D43-B604E38BD9BD}"/>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34164990-3344-4359-1C3F-2FA90C2F32EB}"/>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5C523881-5094-A20A-AD1C-8A6E1A173E25}"/>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E39E80EC-7170-9D48-FC21-47BEB25939A8}"/>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754278C9-B423-D874-3DE1-787A83C85F49}"/>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38" name="TextBox 137">
            <a:extLst>
              <a:ext uri="{FF2B5EF4-FFF2-40B4-BE49-F238E27FC236}">
                <a16:creationId xmlns:a16="http://schemas.microsoft.com/office/drawing/2014/main" id="{9CF60017-B935-769F-FBA8-6F602C27F2A3}"/>
              </a:ext>
            </a:extLst>
          </p:cNvPr>
          <p:cNvSpPr txBox="1"/>
          <p:nvPr/>
        </p:nvSpPr>
        <p:spPr>
          <a:xfrm>
            <a:off x="9469157" y="1874760"/>
            <a:ext cx="1931344" cy="246221"/>
          </a:xfrm>
          <a:prstGeom prst="rect">
            <a:avLst/>
          </a:prstGeom>
          <a:noFill/>
        </p:spPr>
        <p:txBody>
          <a:bodyPr wrap="square" lIns="72000">
            <a:spAutoFit/>
          </a:bodyPr>
          <a:lstStyle/>
          <a:p>
            <a:r>
              <a:rPr lang="da-DK" sz="1000" b="1" noProof="0" dirty="0">
                <a:solidFill>
                  <a:srgbClr val="36465A"/>
                </a:solidFill>
              </a:rPr>
              <a:t>Gevinster</a:t>
            </a:r>
            <a:endParaRPr lang="da-DK" sz="1000" noProof="0" dirty="0">
              <a:solidFill>
                <a:srgbClr val="36465A"/>
              </a:solidFill>
            </a:endParaRPr>
          </a:p>
        </p:txBody>
      </p:sp>
      <p:sp>
        <p:nvSpPr>
          <p:cNvPr id="179" name="Freeform 7">
            <a:extLst>
              <a:ext uri="{FF2B5EF4-FFF2-40B4-BE49-F238E27FC236}">
                <a16:creationId xmlns:a16="http://schemas.microsoft.com/office/drawing/2014/main" id="{75EBB137-BD2F-AA5D-E7A0-5CDA35A99EBD}"/>
              </a:ext>
              <a:ext uri="{C183D7F6-B498-43B3-948B-1728B52AA6E4}">
                <adec:decorative xmlns:adec="http://schemas.microsoft.com/office/drawing/2017/decorative" val="1"/>
              </a:ext>
            </a:extLst>
          </p:cNvPr>
          <p:cNvSpPr>
            <a:spLocks noEditPoints="1"/>
          </p:cNvSpPr>
          <p:nvPr/>
        </p:nvSpPr>
        <p:spPr bwMode="auto">
          <a:xfrm>
            <a:off x="11640820" y="204513"/>
            <a:ext cx="417912" cy="402986"/>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2C802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93" name="Rectangle 192">
            <a:extLst>
              <a:ext uri="{FF2B5EF4-FFF2-40B4-BE49-F238E27FC236}">
                <a16:creationId xmlns:a16="http://schemas.microsoft.com/office/drawing/2014/main" id="{4F7FE09A-2F31-B5E9-3EF5-B343736B7600}"/>
              </a:ext>
              <a:ext uri="{C183D7F6-B498-43B3-948B-1728B52AA6E4}">
                <adec:decorative xmlns:adec="http://schemas.microsoft.com/office/drawing/2017/decorative" val="1"/>
              </a:ext>
            </a:extLst>
          </p:cNvPr>
          <p:cNvSpPr>
            <a:spLocks/>
          </p:cNvSpPr>
          <p:nvPr/>
        </p:nvSpPr>
        <p:spPr>
          <a:xfrm>
            <a:off x="7179021" y="2203811"/>
            <a:ext cx="2290136" cy="380161"/>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94" name="Rectangle 193">
            <a:extLst>
              <a:ext uri="{FF2B5EF4-FFF2-40B4-BE49-F238E27FC236}">
                <a16:creationId xmlns:a16="http://schemas.microsoft.com/office/drawing/2014/main" id="{31305956-7AA4-3698-8639-F9ADDDA47313}"/>
              </a:ext>
              <a:ext uri="{C183D7F6-B498-43B3-948B-1728B52AA6E4}">
                <adec:decorative xmlns:adec="http://schemas.microsoft.com/office/drawing/2017/decorative" val="1"/>
              </a:ext>
            </a:extLst>
          </p:cNvPr>
          <p:cNvSpPr>
            <a:spLocks/>
          </p:cNvSpPr>
          <p:nvPr/>
        </p:nvSpPr>
        <p:spPr>
          <a:xfrm>
            <a:off x="7181829" y="3461397"/>
            <a:ext cx="2290136" cy="380161"/>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98" name="TextBox 197">
            <a:extLst>
              <a:ext uri="{FF2B5EF4-FFF2-40B4-BE49-F238E27FC236}">
                <a16:creationId xmlns:a16="http://schemas.microsoft.com/office/drawing/2014/main" id="{EF60143F-A4D3-E2FE-1682-7D0E51A5CD6C}"/>
              </a:ext>
            </a:extLst>
          </p:cNvPr>
          <p:cNvSpPr txBox="1"/>
          <p:nvPr/>
        </p:nvSpPr>
        <p:spPr>
          <a:xfrm>
            <a:off x="9857248" y="2233094"/>
            <a:ext cx="1495241"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Øget </a:t>
            </a:r>
            <a:r>
              <a:rPr lang="da-DK" sz="1000" noProof="0" dirty="0">
                <a:solidFill>
                  <a:srgbClr val="000000"/>
                </a:solidFill>
                <a:latin typeface="Arial" panose="020B0604020202020204" pitchFamily="34" charset="0"/>
              </a:rPr>
              <a:t>i</a:t>
            </a: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ndsigt i markedets kapabiliteter og begrænsninger.</a:t>
            </a:r>
          </a:p>
        </p:txBody>
      </p:sp>
      <p:sp>
        <p:nvSpPr>
          <p:cNvPr id="199" name="TextBox 198">
            <a:extLst>
              <a:ext uri="{FF2B5EF4-FFF2-40B4-BE49-F238E27FC236}">
                <a16:creationId xmlns:a16="http://schemas.microsoft.com/office/drawing/2014/main" id="{C3D718A0-1307-2F44-A9C7-6C698680295F}"/>
              </a:ext>
            </a:extLst>
          </p:cNvPr>
          <p:cNvSpPr txBox="1"/>
          <p:nvPr/>
        </p:nvSpPr>
        <p:spPr>
          <a:xfrm>
            <a:off x="9857248" y="2787985"/>
            <a:ext cx="1436160"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Styrket samarbejde mellem myndigheder og it-leverandører</a:t>
            </a:r>
            <a:r>
              <a:rPr lang="da-DK" sz="1000" noProof="0" dirty="0">
                <a:solidFill>
                  <a:srgbClr val="000000"/>
                </a:solidFill>
                <a:latin typeface="Arial" panose="020B0604020202020204" pitchFamily="34" charset="0"/>
              </a:rPr>
              <a:t>.</a:t>
            </a:r>
            <a:endPar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
        <p:nvSpPr>
          <p:cNvPr id="200" name="TextBox 199">
            <a:extLst>
              <a:ext uri="{FF2B5EF4-FFF2-40B4-BE49-F238E27FC236}">
                <a16:creationId xmlns:a16="http://schemas.microsoft.com/office/drawing/2014/main" id="{C6BA5509-83A7-0F58-3CD1-79810324894B}"/>
              </a:ext>
            </a:extLst>
          </p:cNvPr>
          <p:cNvSpPr txBox="1"/>
          <p:nvPr/>
        </p:nvSpPr>
        <p:spPr>
          <a:xfrm>
            <a:off x="9857248" y="3342875"/>
            <a:ext cx="1495241"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Bedre grundlag for kommende udbud og kontrakter.</a:t>
            </a:r>
          </a:p>
        </p:txBody>
      </p:sp>
      <p:sp>
        <p:nvSpPr>
          <p:cNvPr id="5" name="TextBox 4">
            <a:extLst>
              <a:ext uri="{FF2B5EF4-FFF2-40B4-BE49-F238E27FC236}">
                <a16:creationId xmlns:a16="http://schemas.microsoft.com/office/drawing/2014/main" id="{F7081F6C-FB5E-8B15-49E8-793C3D3D3A5E}"/>
              </a:ext>
            </a:extLst>
          </p:cNvPr>
          <p:cNvSpPr txBox="1"/>
          <p:nvPr/>
        </p:nvSpPr>
        <p:spPr>
          <a:xfrm>
            <a:off x="7135196" y="4384984"/>
            <a:ext cx="4080640" cy="246221"/>
          </a:xfrm>
          <a:prstGeom prst="rect">
            <a:avLst/>
          </a:prstGeom>
          <a:noFill/>
        </p:spPr>
        <p:txBody>
          <a:bodyPr wrap="square">
            <a:spAutoFit/>
          </a:bodyPr>
          <a:lstStyle/>
          <a:p>
            <a:r>
              <a:rPr lang="da-DK" sz="1000" b="1" noProof="0"/>
              <a:t>Forudsætninger for effektiv implementering</a:t>
            </a:r>
            <a:endParaRPr lang="da-DK" sz="1000" noProof="0"/>
          </a:p>
        </p:txBody>
      </p:sp>
      <p:grpSp>
        <p:nvGrpSpPr>
          <p:cNvPr id="310" name="Group 309">
            <a:extLst>
              <a:ext uri="{FF2B5EF4-FFF2-40B4-BE49-F238E27FC236}">
                <a16:creationId xmlns:a16="http://schemas.microsoft.com/office/drawing/2014/main" id="{55A76248-D31E-557E-A6ED-F5F0ACE89095}"/>
              </a:ext>
              <a:ext uri="{C183D7F6-B498-43B3-948B-1728B52AA6E4}">
                <adec:decorative xmlns:adec="http://schemas.microsoft.com/office/drawing/2017/decorative" val="1"/>
              </a:ext>
            </a:extLst>
          </p:cNvPr>
          <p:cNvGrpSpPr/>
          <p:nvPr/>
        </p:nvGrpSpPr>
        <p:grpSpPr>
          <a:xfrm>
            <a:off x="9564973" y="2233094"/>
            <a:ext cx="218250" cy="210236"/>
            <a:chOff x="9564973" y="2233094"/>
            <a:chExt cx="218250" cy="210236"/>
          </a:xfrm>
        </p:grpSpPr>
        <p:sp>
          <p:nvSpPr>
            <p:cNvPr id="311" name="Oval 310">
              <a:extLst>
                <a:ext uri="{FF2B5EF4-FFF2-40B4-BE49-F238E27FC236}">
                  <a16:creationId xmlns:a16="http://schemas.microsoft.com/office/drawing/2014/main" id="{8EB1229A-0888-4244-410B-91CAB24A498F}"/>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2" name="Freeform 24">
              <a:extLst>
                <a:ext uri="{FF2B5EF4-FFF2-40B4-BE49-F238E27FC236}">
                  <a16:creationId xmlns:a16="http://schemas.microsoft.com/office/drawing/2014/main" id="{8963403A-5219-7BF4-1980-C613EEF77F1D}"/>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2C8027"/>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313" name="Group 312">
            <a:extLst>
              <a:ext uri="{FF2B5EF4-FFF2-40B4-BE49-F238E27FC236}">
                <a16:creationId xmlns:a16="http://schemas.microsoft.com/office/drawing/2014/main" id="{574F8240-97BD-0F69-08E3-65A27623B015}"/>
              </a:ext>
              <a:ext uri="{C183D7F6-B498-43B3-948B-1728B52AA6E4}">
                <adec:decorative xmlns:adec="http://schemas.microsoft.com/office/drawing/2017/decorative" val="1"/>
              </a:ext>
            </a:extLst>
          </p:cNvPr>
          <p:cNvGrpSpPr/>
          <p:nvPr/>
        </p:nvGrpSpPr>
        <p:grpSpPr>
          <a:xfrm>
            <a:off x="9564973" y="2787985"/>
            <a:ext cx="218250" cy="210236"/>
            <a:chOff x="9564973" y="2233094"/>
            <a:chExt cx="218250" cy="210236"/>
          </a:xfrm>
        </p:grpSpPr>
        <p:sp>
          <p:nvSpPr>
            <p:cNvPr id="314" name="Oval 313">
              <a:extLst>
                <a:ext uri="{FF2B5EF4-FFF2-40B4-BE49-F238E27FC236}">
                  <a16:creationId xmlns:a16="http://schemas.microsoft.com/office/drawing/2014/main" id="{0A5CE800-055A-79A8-DB80-0B6FB7CE5366}"/>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5" name="Freeform 24">
              <a:extLst>
                <a:ext uri="{FF2B5EF4-FFF2-40B4-BE49-F238E27FC236}">
                  <a16:creationId xmlns:a16="http://schemas.microsoft.com/office/drawing/2014/main" id="{5656E599-1A8D-ED05-91C0-FC70A044FA4B}"/>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320" name="Group 319">
            <a:extLst>
              <a:ext uri="{FF2B5EF4-FFF2-40B4-BE49-F238E27FC236}">
                <a16:creationId xmlns:a16="http://schemas.microsoft.com/office/drawing/2014/main" id="{3D29C13C-99A9-EDEB-6512-3C97B5F473C8}"/>
              </a:ext>
              <a:ext uri="{C183D7F6-B498-43B3-948B-1728B52AA6E4}">
                <adec:decorative xmlns:adec="http://schemas.microsoft.com/office/drawing/2017/decorative" val="1"/>
              </a:ext>
            </a:extLst>
          </p:cNvPr>
          <p:cNvGrpSpPr/>
          <p:nvPr/>
        </p:nvGrpSpPr>
        <p:grpSpPr>
          <a:xfrm>
            <a:off x="9564973" y="3342875"/>
            <a:ext cx="218250" cy="210236"/>
            <a:chOff x="9564973" y="2233094"/>
            <a:chExt cx="218250" cy="210236"/>
          </a:xfrm>
        </p:grpSpPr>
        <p:sp>
          <p:nvSpPr>
            <p:cNvPr id="321" name="Oval 320">
              <a:extLst>
                <a:ext uri="{FF2B5EF4-FFF2-40B4-BE49-F238E27FC236}">
                  <a16:creationId xmlns:a16="http://schemas.microsoft.com/office/drawing/2014/main" id="{67BB7FFE-4340-8B7D-EB83-B806C15E6230}"/>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22" name="Freeform 24">
              <a:extLst>
                <a:ext uri="{FF2B5EF4-FFF2-40B4-BE49-F238E27FC236}">
                  <a16:creationId xmlns:a16="http://schemas.microsoft.com/office/drawing/2014/main" id="{FC27D9CE-34AF-E555-35D3-21C0E3A5AFE4}"/>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2C8027"/>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358" name="Left Brace 357">
            <a:extLst>
              <a:ext uri="{FF2B5EF4-FFF2-40B4-BE49-F238E27FC236}">
                <a16:creationId xmlns:a16="http://schemas.microsoft.com/office/drawing/2014/main" id="{8D906C0F-CE64-263D-4D31-006CA6425DCA}"/>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360" name="Rounded Rectangle 127">
            <a:extLst>
              <a:ext uri="{FF2B5EF4-FFF2-40B4-BE49-F238E27FC236}">
                <a16:creationId xmlns:a16="http://schemas.microsoft.com/office/drawing/2014/main" id="{A9B57378-2142-2D56-B4DF-2C9D06EC881B}"/>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r>
              <a:rPr lang="da-DK" sz="1000" noProof="0">
                <a:solidFill>
                  <a:schemeClr val="tx1"/>
                </a:solidFill>
                <a:latin typeface="Arial" panose="020B0604020202020204" pitchFamily="34" charset="0"/>
              </a:rPr>
              <a:t>Tydelig analyseramme, succeskriterier og centrale tematikker for afdækningen.</a:t>
            </a:r>
          </a:p>
        </p:txBody>
      </p:sp>
      <p:grpSp>
        <p:nvGrpSpPr>
          <p:cNvPr id="361" name="Group 360">
            <a:extLst>
              <a:ext uri="{FF2B5EF4-FFF2-40B4-BE49-F238E27FC236}">
                <a16:creationId xmlns:a16="http://schemas.microsoft.com/office/drawing/2014/main" id="{FAA37F02-81F8-A897-E25E-4A0953A9A2C5}"/>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362" name="Oval 361">
              <a:extLst>
                <a:ext uri="{FF2B5EF4-FFF2-40B4-BE49-F238E27FC236}">
                  <a16:creationId xmlns:a16="http://schemas.microsoft.com/office/drawing/2014/main" id="{382CE904-536B-94B0-047A-59A5203417E3}"/>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63" name="Oval 362">
              <a:extLst>
                <a:ext uri="{FF2B5EF4-FFF2-40B4-BE49-F238E27FC236}">
                  <a16:creationId xmlns:a16="http://schemas.microsoft.com/office/drawing/2014/main" id="{EBE11CCB-389E-1481-3324-D73572D1931E}"/>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365" name="Rounded Rectangle 127">
            <a:extLst>
              <a:ext uri="{FF2B5EF4-FFF2-40B4-BE49-F238E27FC236}">
                <a16:creationId xmlns:a16="http://schemas.microsoft.com/office/drawing/2014/main" id="{EEE4FF3C-2C59-1E59-51BB-598692B2A499}"/>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rPr>
              <a:t>Robust metode, der sikrer repræsentativitet på tværs af stakken, produktkategorier, virksomhedsstørrelser mv.</a:t>
            </a:r>
          </a:p>
        </p:txBody>
      </p:sp>
      <p:grpSp>
        <p:nvGrpSpPr>
          <p:cNvPr id="366" name="Group 365">
            <a:extLst>
              <a:ext uri="{FF2B5EF4-FFF2-40B4-BE49-F238E27FC236}">
                <a16:creationId xmlns:a16="http://schemas.microsoft.com/office/drawing/2014/main" id="{663383E0-2611-30F8-9E1D-2BC34D038F47}"/>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367" name="Oval 366">
              <a:extLst>
                <a:ext uri="{FF2B5EF4-FFF2-40B4-BE49-F238E27FC236}">
                  <a16:creationId xmlns:a16="http://schemas.microsoft.com/office/drawing/2014/main" id="{7C635716-6755-AD52-7845-10477375EFD9}"/>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68" name="Oval 367">
              <a:extLst>
                <a:ext uri="{FF2B5EF4-FFF2-40B4-BE49-F238E27FC236}">
                  <a16:creationId xmlns:a16="http://schemas.microsoft.com/office/drawing/2014/main" id="{7C50D47D-6400-8F6E-DE77-AC68FBB15181}"/>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370" name="Rounded Rectangle 127">
            <a:extLst>
              <a:ext uri="{FF2B5EF4-FFF2-40B4-BE49-F238E27FC236}">
                <a16:creationId xmlns:a16="http://schemas.microsoft.com/office/drawing/2014/main" id="{43A7D610-CF9E-6A71-80A1-D544158C4398}"/>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Struktureret opsamling af resultater inkl. kommunikation til de offentlige myndigheder. </a:t>
            </a:r>
          </a:p>
        </p:txBody>
      </p:sp>
      <p:grpSp>
        <p:nvGrpSpPr>
          <p:cNvPr id="371" name="Group 370">
            <a:extLst>
              <a:ext uri="{FF2B5EF4-FFF2-40B4-BE49-F238E27FC236}">
                <a16:creationId xmlns:a16="http://schemas.microsoft.com/office/drawing/2014/main" id="{F979CF66-B149-CB3E-F9C2-F2A412891C75}"/>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372" name="Oval 371">
              <a:extLst>
                <a:ext uri="{FF2B5EF4-FFF2-40B4-BE49-F238E27FC236}">
                  <a16:creationId xmlns:a16="http://schemas.microsoft.com/office/drawing/2014/main" id="{B71F3487-690B-731F-5FE4-D4421836D875}"/>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73" name="Oval 372">
              <a:extLst>
                <a:ext uri="{FF2B5EF4-FFF2-40B4-BE49-F238E27FC236}">
                  <a16:creationId xmlns:a16="http://schemas.microsoft.com/office/drawing/2014/main" id="{3B02D7B2-7714-9C06-A43F-19DA3D31ED9C}"/>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Tree>
    <p:extLst>
      <p:ext uri="{BB962C8B-B14F-4D97-AF65-F5344CB8AC3E}">
        <p14:creationId xmlns:p14="http://schemas.microsoft.com/office/powerpoint/2010/main" val="1426751763"/>
      </p:ext>
    </p:extLst>
  </p:cSld>
  <p:clrMapOvr>
    <a:masterClrMapping/>
  </p:clrMapOvr>
  <p:transition>
    <p:fade/>
  </p:transition>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1E422A-898E-796C-C0EA-830475C7B286}"/>
            </a:ext>
          </a:extLst>
        </p:cNvPr>
        <p:cNvGrpSpPr/>
        <p:nvPr/>
      </p:nvGrpSpPr>
      <p:grpSpPr>
        <a:xfrm>
          <a:off x="0" y="0"/>
          <a:ext cx="0" cy="0"/>
          <a:chOff x="0" y="0"/>
          <a:chExt cx="0" cy="0"/>
        </a:xfrm>
      </p:grpSpPr>
      <p:sp>
        <p:nvSpPr>
          <p:cNvPr id="38" name="Rectangle: Rounded Corners 37">
            <a:extLst>
              <a:ext uri="{FF2B5EF4-FFF2-40B4-BE49-F238E27FC236}">
                <a16:creationId xmlns:a16="http://schemas.microsoft.com/office/drawing/2014/main" id="{E7A0A989-D7A6-8AAF-4021-58FDD91AADCB}"/>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rgbClr val="2C8027"/>
                </a:solidFill>
              </a:rPr>
              <a:t>Spor 2 | Indkøb, krav og arkitektur</a:t>
            </a:r>
            <a:endParaRPr lang="da-DK" sz="1600" b="1" noProof="0" dirty="0">
              <a:solidFill>
                <a:srgbClr val="EE2F66"/>
              </a:solidFill>
              <a:latin typeface="Arial" panose="020B0604020202020204"/>
            </a:endParaRPr>
          </a:p>
        </p:txBody>
      </p:sp>
      <p:sp>
        <p:nvSpPr>
          <p:cNvPr id="8" name="Title 2">
            <a:extLst>
              <a:ext uri="{FF2B5EF4-FFF2-40B4-BE49-F238E27FC236}">
                <a16:creationId xmlns:a16="http://schemas.microsoft.com/office/drawing/2014/main" id="{97E821A1-0E51-F031-0EF3-3B678F5024C8}"/>
              </a:ext>
            </a:extLst>
          </p:cNvPr>
          <p:cNvSpPr>
            <a:spLocks noGrp="1"/>
          </p:cNvSpPr>
          <p:nvPr>
            <p:ph type="title"/>
          </p:nvPr>
        </p:nvSpPr>
        <p:spPr>
          <a:xfrm>
            <a:off x="554355" y="512763"/>
            <a:ext cx="11088000" cy="792465"/>
          </a:xfrm>
        </p:spPr>
        <p:txBody>
          <a:bodyPr/>
          <a:lstStyle/>
          <a:p>
            <a:r>
              <a:rPr lang="da-DK" sz="2200" b="1" noProof="0" dirty="0">
                <a:solidFill>
                  <a:srgbClr val="2C8027"/>
                </a:solidFill>
              </a:rPr>
              <a:t>2.2 Genbesøg af it- og arkitekturstrategier</a:t>
            </a:r>
          </a:p>
        </p:txBody>
      </p:sp>
      <p:sp>
        <p:nvSpPr>
          <p:cNvPr id="22" name="Rectangle: Rounded Corners 21">
            <a:extLst>
              <a:ext uri="{FF2B5EF4-FFF2-40B4-BE49-F238E27FC236}">
                <a16:creationId xmlns:a16="http://schemas.microsoft.com/office/drawing/2014/main" id="{2679B02E-7030-34E1-E897-EC81317A56BE}"/>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D5ECC8"/>
          </a:solidFill>
          <a:ln w="12700" cap="flat" cmpd="sng" algn="ctr">
            <a:solidFill>
              <a:srgbClr val="2C8027"/>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3B518E4C-539F-EEBF-FB42-38FDDC6AA2CE}"/>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A0B4E0CE-C0B8-286E-BE7F-1EE08771E105}"/>
              </a:ext>
            </a:extLst>
          </p:cNvPr>
          <p:cNvSpPr/>
          <p:nvPr/>
        </p:nvSpPr>
        <p:spPr>
          <a:xfrm>
            <a:off x="566629" y="1764045"/>
            <a:ext cx="6077214" cy="2353183"/>
          </a:xfrm>
          <a:prstGeom prst="roundRect">
            <a:avLst>
              <a:gd name="adj" fmla="val 6523"/>
            </a:avLst>
          </a:prstGeom>
          <a:no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b="1" noProof="0" dirty="0">
              <a:solidFill>
                <a:srgbClr val="36465A"/>
              </a:solidFill>
            </a:endParaRPr>
          </a:p>
          <a:p>
            <a:r>
              <a:rPr lang="da-DK" sz="1000" b="1" noProof="0" dirty="0">
                <a:solidFill>
                  <a:schemeClr val="tx1"/>
                </a:solidFill>
                <a:latin typeface="Arial" panose="020B0604020202020204" pitchFamily="34" charset="0"/>
              </a:rPr>
              <a:t>Formål: </a:t>
            </a:r>
            <a:r>
              <a:rPr lang="da-DK" sz="1000" noProof="0" dirty="0">
                <a:solidFill>
                  <a:schemeClr val="tx1"/>
                </a:solidFill>
                <a:latin typeface="Arial" panose="020B0604020202020204" pitchFamily="34" charset="0"/>
              </a:rPr>
              <a:t>At sikre, at myndighederne genovervejer it- og arkitekturstrategier for bedst muligt at kunne agere strategisk for at opnå øget digital suverænitet.</a:t>
            </a:r>
          </a:p>
          <a:p>
            <a:pPr>
              <a:spcBef>
                <a:spcPts val="300"/>
              </a:spcBef>
            </a:pPr>
            <a:r>
              <a:rPr lang="da-DK" sz="1000" b="1" noProof="0" dirty="0">
                <a:solidFill>
                  <a:schemeClr val="tx1"/>
                </a:solidFill>
                <a:latin typeface="Arial" panose="020B0604020202020204" pitchFamily="34" charset="0"/>
              </a:rPr>
              <a:t>Indhold: </a:t>
            </a:r>
            <a:r>
              <a:rPr lang="da-DK" sz="1000" noProof="0" dirty="0">
                <a:solidFill>
                  <a:schemeClr val="tx1"/>
                </a:solidFill>
                <a:latin typeface="Arial" panose="020B0604020202020204" pitchFamily="34" charset="0"/>
              </a:rPr>
              <a:t>Indsatsen indebærer, at myndighederne genbesøger og revurderer egne it- og arkitektur-strategier med fokus på bl.a. at fremme brugen af open </a:t>
            </a:r>
            <a:r>
              <a:rPr lang="da-DK" sz="1000" noProof="0" dirty="0" err="1">
                <a:solidFill>
                  <a:schemeClr val="tx1"/>
                </a:solidFill>
                <a:latin typeface="Arial" panose="020B0604020202020204" pitchFamily="34" charset="0"/>
              </a:rPr>
              <a:t>souce</a:t>
            </a:r>
            <a:r>
              <a:rPr lang="da-DK" sz="1000" noProof="0" dirty="0">
                <a:solidFill>
                  <a:schemeClr val="tx1"/>
                </a:solidFill>
                <a:latin typeface="Arial" panose="020B0604020202020204" pitchFamily="34" charset="0"/>
              </a:rPr>
              <a:t>-software (OSS) og åbne standarder, modulopbygget arkitektur via </a:t>
            </a:r>
            <a:r>
              <a:rPr lang="da-DK" sz="1000" noProof="0" dirty="0" err="1">
                <a:solidFill>
                  <a:schemeClr val="tx1"/>
                </a:solidFill>
                <a:latin typeface="Arial" panose="020B0604020202020204" pitchFamily="34" charset="0"/>
              </a:rPr>
              <a:t>containerisation</a:t>
            </a:r>
            <a:r>
              <a:rPr lang="da-DK" sz="1000" noProof="0" dirty="0">
                <a:solidFill>
                  <a:schemeClr val="tx1"/>
                </a:solidFill>
                <a:latin typeface="Arial" panose="020B0604020202020204" pitchFamily="34" charset="0"/>
              </a:rPr>
              <a:t>, hybride cloud-miljøer for at reducere </a:t>
            </a:r>
            <a:r>
              <a:rPr lang="da-DK" sz="1000" noProof="0" dirty="0" err="1">
                <a:solidFill>
                  <a:schemeClr val="tx1"/>
                </a:solidFill>
                <a:latin typeface="Arial" panose="020B0604020202020204" pitchFamily="34" charset="0"/>
              </a:rPr>
              <a:t>proprietære</a:t>
            </a:r>
            <a:r>
              <a:rPr lang="da-DK" sz="1000" noProof="0" dirty="0">
                <a:solidFill>
                  <a:schemeClr val="tx1"/>
                </a:solidFill>
                <a:latin typeface="Arial" panose="020B0604020202020204" pitchFamily="34" charset="0"/>
              </a:rPr>
              <a:t> bindinger, fremme konkurrence på markedet og alternative (</a:t>
            </a:r>
            <a:r>
              <a:rPr lang="da-DK" sz="1000" noProof="0" dirty="0" err="1">
                <a:solidFill>
                  <a:schemeClr val="tx1"/>
                </a:solidFill>
                <a:latin typeface="Arial" panose="020B0604020202020204" pitchFamily="34" charset="0"/>
              </a:rPr>
              <a:t>fall</a:t>
            </a:r>
            <a:r>
              <a:rPr lang="da-DK" sz="1000" noProof="0" dirty="0">
                <a:solidFill>
                  <a:schemeClr val="tx1"/>
                </a:solidFill>
                <a:latin typeface="Arial" panose="020B0604020202020204" pitchFamily="34" charset="0"/>
              </a:rPr>
              <a:t>-back) løsninger samt for at understøtte, at offentlige it-systemer uanset valg af software kan udveksle informationer på tværs. Myndighederne kan herfra beskrive tydelige mål, principper og krav til leverandører. </a:t>
            </a:r>
          </a:p>
          <a:p>
            <a:pPr>
              <a:spcBef>
                <a:spcPts val="300"/>
              </a:spcBef>
            </a:pPr>
            <a:r>
              <a:rPr lang="da-DK" sz="1000" noProof="0" dirty="0">
                <a:solidFill>
                  <a:schemeClr val="tx1"/>
                </a:solidFill>
                <a:latin typeface="Arial" panose="020B0604020202020204" pitchFamily="34" charset="0"/>
              </a:rPr>
              <a:t>Som led i indsatsen vurderer hver myndighed nuværende kapabiliteter og modenhedsniveauer, herunder anvendte leverancemodeller, udviklingsmodeller, open source-software, standarder mv. Desuden sikres det, at digital suverænitet fremtræder tydeligt i FDA arkitekturprincipper.</a:t>
            </a:r>
            <a:endParaRPr lang="da-DK" sz="1000" noProof="0" dirty="0">
              <a:solidFill>
                <a:schemeClr val="tx1"/>
              </a:solidFill>
            </a:endParaRPr>
          </a:p>
          <a:p>
            <a:pPr>
              <a:spcBef>
                <a:spcPts val="300"/>
              </a:spcBef>
            </a:pPr>
            <a:r>
              <a:rPr lang="da-DK" sz="1000" b="1" noProof="0" dirty="0">
                <a:solidFill>
                  <a:schemeClr val="tx1"/>
                </a:solidFill>
              </a:rPr>
              <a:t>Erfaringsgrundlag: </a:t>
            </a:r>
            <a:r>
              <a:rPr lang="da-DK" sz="1000" noProof="0" dirty="0">
                <a:solidFill>
                  <a:schemeClr val="tx1"/>
                </a:solidFill>
              </a:rPr>
              <a:t>Aarhus Kommune, Bankdata, Digitaliseringsstyrelsen (FDA), Home Office, KL/</a:t>
            </a:r>
            <a:r>
              <a:rPr lang="da-DK" sz="1000" noProof="0" dirty="0" err="1">
                <a:solidFill>
                  <a:schemeClr val="tx1"/>
                </a:solidFill>
              </a:rPr>
              <a:t>Kombit</a:t>
            </a:r>
            <a:r>
              <a:rPr lang="da-DK" sz="1000" noProof="0" dirty="0">
                <a:solidFill>
                  <a:schemeClr val="tx1"/>
                </a:solidFill>
              </a:rPr>
              <a:t> (rammearkitektur), Statens IT, Sundhedsdatastyrelsen (husregler), STIL. </a:t>
            </a:r>
          </a:p>
        </p:txBody>
      </p:sp>
      <p:sp>
        <p:nvSpPr>
          <p:cNvPr id="45" name="Rounded Rectangle 127">
            <a:extLst>
              <a:ext uri="{FF2B5EF4-FFF2-40B4-BE49-F238E27FC236}">
                <a16:creationId xmlns:a16="http://schemas.microsoft.com/office/drawing/2014/main" id="{16794D34-4167-BBE3-74C2-D9A3C53B42C9}"/>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D5ECC8"/>
          </a:solid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107403"/>
                </a:solidFill>
              </a:rPr>
              <a:t>Formål og indhold</a:t>
            </a:r>
          </a:p>
        </p:txBody>
      </p:sp>
      <p:sp>
        <p:nvSpPr>
          <p:cNvPr id="65" name="Rounded Rectangle 127">
            <a:extLst>
              <a:ext uri="{FF2B5EF4-FFF2-40B4-BE49-F238E27FC236}">
                <a16:creationId xmlns:a16="http://schemas.microsoft.com/office/drawing/2014/main" id="{3FDE6959-2EC5-199B-EC7E-DC00D265C34E}"/>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655E4B33-756C-EF29-418F-57C2741A2C47}"/>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D5ECC8"/>
          </a:solid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107403"/>
                </a:solidFill>
              </a:rPr>
              <a:t>Vurdering</a:t>
            </a:r>
          </a:p>
        </p:txBody>
      </p:sp>
      <p:sp>
        <p:nvSpPr>
          <p:cNvPr id="64" name="Rectangle: Top Corners Rounded 63">
            <a:extLst>
              <a:ext uri="{FF2B5EF4-FFF2-40B4-BE49-F238E27FC236}">
                <a16:creationId xmlns:a16="http://schemas.microsoft.com/office/drawing/2014/main" id="{2BFC3194-0F08-FAF3-697D-17377A416FE3}"/>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16" name="TextBox 115">
            <a:extLst>
              <a:ext uri="{FF2B5EF4-FFF2-40B4-BE49-F238E27FC236}">
                <a16:creationId xmlns:a16="http://schemas.microsoft.com/office/drawing/2014/main" id="{391A3710-79F8-30CF-86ED-99BA4390AE40}"/>
              </a:ext>
            </a:extLst>
          </p:cNvPr>
          <p:cNvSpPr txBox="1"/>
          <p:nvPr/>
        </p:nvSpPr>
        <p:spPr>
          <a:xfrm>
            <a:off x="612348" y="5253913"/>
            <a:ext cx="3721145" cy="1092607"/>
          </a:xfrm>
          <a:prstGeom prst="rect">
            <a:avLst/>
          </a:prstGeom>
          <a:noFill/>
        </p:spPr>
        <p:txBody>
          <a:bodyPr wrap="square">
            <a:spAutoFit/>
          </a:bodyPr>
          <a:lstStyle/>
          <a:p>
            <a:r>
              <a:rPr lang="da-DK" sz="1000" b="1" noProof="0" dirty="0">
                <a:solidFill>
                  <a:srgbClr val="00172D"/>
                </a:solidFill>
              </a:rPr>
              <a:t>Niveau: </a:t>
            </a:r>
            <a:r>
              <a:rPr lang="da-DK" sz="1000" noProof="0" dirty="0">
                <a:latin typeface="Arial" panose="020B0604020202020204" pitchFamily="34" charset="0"/>
              </a:rPr>
              <a:t>Den enkelte myndighed.</a:t>
            </a: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Kan gennemføres på &lt;6 måneder for den enkelte myndighed.</a:t>
            </a:r>
          </a:p>
          <a:p>
            <a:pPr>
              <a:spcBef>
                <a:spcPts val="300"/>
              </a:spcBef>
            </a:pPr>
            <a:r>
              <a:rPr lang="da-DK" sz="1000" b="1" noProof="0" dirty="0">
                <a:latin typeface="Arial" panose="020B0604020202020204" pitchFamily="34" charset="0"/>
              </a:rPr>
              <a:t>Afhængigheder:</a:t>
            </a:r>
            <a:r>
              <a:rPr lang="da-DK" sz="1000" noProof="0" dirty="0">
                <a:latin typeface="Arial" panose="020B0604020202020204" pitchFamily="34" charset="0"/>
              </a:rPr>
              <a:t> Hænger tæt sammen med indsats 3.4 om etablering af lokal enhed for digital suverænitet. Sætter retning og ramme for lokale projekter om digital suverænitet. </a:t>
            </a:r>
          </a:p>
        </p:txBody>
      </p:sp>
      <p:grpSp>
        <p:nvGrpSpPr>
          <p:cNvPr id="40" name="Group 39" descr="Samlet kompleksitetsvurdering, 3 ud af 10">
            <a:extLst>
              <a:ext uri="{FF2B5EF4-FFF2-40B4-BE49-F238E27FC236}">
                <a16:creationId xmlns:a16="http://schemas.microsoft.com/office/drawing/2014/main" id="{22527237-6E59-C962-99EF-CD6704F8D034}"/>
              </a:ext>
            </a:extLst>
          </p:cNvPr>
          <p:cNvGrpSpPr/>
          <p:nvPr/>
        </p:nvGrpSpPr>
        <p:grpSpPr>
          <a:xfrm>
            <a:off x="649826" y="4555473"/>
            <a:ext cx="3279436" cy="551762"/>
            <a:chOff x="1383755" y="4555473"/>
            <a:chExt cx="3279436" cy="551762"/>
          </a:xfrm>
        </p:grpSpPr>
        <p:sp>
          <p:nvSpPr>
            <p:cNvPr id="42" name="TextBox 41">
              <a:extLst>
                <a:ext uri="{FF2B5EF4-FFF2-40B4-BE49-F238E27FC236}">
                  <a16:creationId xmlns:a16="http://schemas.microsoft.com/office/drawing/2014/main" id="{870C9A20-3432-643E-94D2-1566D09E9E05}"/>
                </a:ext>
              </a:extLst>
            </p:cNvPr>
            <p:cNvSpPr txBox="1"/>
            <p:nvPr/>
          </p:nvSpPr>
          <p:spPr>
            <a:xfrm>
              <a:off x="2431748" y="4555473"/>
              <a:ext cx="1191621" cy="261610"/>
            </a:xfrm>
            <a:prstGeom prst="rect">
              <a:avLst/>
            </a:prstGeom>
            <a:noFill/>
          </p:spPr>
          <p:txBody>
            <a:bodyPr wrap="square">
              <a:spAutoFit/>
            </a:bodyPr>
            <a:lstStyle/>
            <a:p>
              <a:pPr algn="ctr"/>
              <a:r>
                <a:rPr lang="da-DK" sz="1100" b="1" noProof="0" dirty="0"/>
                <a:t>Kompleksitet</a:t>
              </a:r>
            </a:p>
          </p:txBody>
        </p:sp>
        <p:grpSp>
          <p:nvGrpSpPr>
            <p:cNvPr id="46" name="Group 45">
              <a:extLst>
                <a:ext uri="{FF2B5EF4-FFF2-40B4-BE49-F238E27FC236}">
                  <a16:creationId xmlns:a16="http://schemas.microsoft.com/office/drawing/2014/main" id="{87ACAAC8-CCFB-03D8-BCE9-B629B85788BA}"/>
                </a:ext>
              </a:extLst>
            </p:cNvPr>
            <p:cNvGrpSpPr/>
            <p:nvPr/>
          </p:nvGrpSpPr>
          <p:grpSpPr>
            <a:xfrm>
              <a:off x="1383755" y="4900497"/>
              <a:ext cx="3279436" cy="206738"/>
              <a:chOff x="4280723" y="3040512"/>
              <a:chExt cx="3161620" cy="171957"/>
            </a:xfrm>
          </p:grpSpPr>
          <p:grpSp>
            <p:nvGrpSpPr>
              <p:cNvPr id="48" name="Group 47">
                <a:extLst>
                  <a:ext uri="{FF2B5EF4-FFF2-40B4-BE49-F238E27FC236}">
                    <a16:creationId xmlns:a16="http://schemas.microsoft.com/office/drawing/2014/main" id="{EE05BCAA-05C9-2A1B-68D4-4CBCD0CDDFB9}"/>
                  </a:ext>
                </a:extLst>
              </p:cNvPr>
              <p:cNvGrpSpPr/>
              <p:nvPr/>
            </p:nvGrpSpPr>
            <p:grpSpPr>
              <a:xfrm>
                <a:off x="4383394" y="3153610"/>
                <a:ext cx="2961649" cy="45719"/>
                <a:chOff x="4383394" y="3153610"/>
                <a:chExt cx="2961649" cy="45719"/>
              </a:xfrm>
            </p:grpSpPr>
            <p:cxnSp>
              <p:nvCxnSpPr>
                <p:cNvPr id="52" name="Straight Connector 51">
                  <a:extLst>
                    <a:ext uri="{FF2B5EF4-FFF2-40B4-BE49-F238E27FC236}">
                      <a16:creationId xmlns:a16="http://schemas.microsoft.com/office/drawing/2014/main" id="{C270DBB7-4C58-0467-E7A9-81E29A1530EF}"/>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53" name="Oval 52">
                  <a:extLst>
                    <a:ext uri="{FF2B5EF4-FFF2-40B4-BE49-F238E27FC236}">
                      <a16:creationId xmlns:a16="http://schemas.microsoft.com/office/drawing/2014/main" id="{48545CD7-127A-8457-F893-DCA85E9F8D31}"/>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55" name="Oval 54">
                  <a:extLst>
                    <a:ext uri="{FF2B5EF4-FFF2-40B4-BE49-F238E27FC236}">
                      <a16:creationId xmlns:a16="http://schemas.microsoft.com/office/drawing/2014/main" id="{5A1171AC-83A7-877C-72A5-53142B9EB8DF}"/>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49" name="Straight Connector 48">
                <a:extLst>
                  <a:ext uri="{FF2B5EF4-FFF2-40B4-BE49-F238E27FC236}">
                    <a16:creationId xmlns:a16="http://schemas.microsoft.com/office/drawing/2014/main" id="{03BE06DD-0D4F-C6EF-1CEB-4138BE988B2E}"/>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50" name="TextBox 49">
                <a:extLst>
                  <a:ext uri="{FF2B5EF4-FFF2-40B4-BE49-F238E27FC236}">
                    <a16:creationId xmlns:a16="http://schemas.microsoft.com/office/drawing/2014/main" id="{5A20AC8D-3EF6-8194-D92F-E817B07E9BCA}"/>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51" name="TextBox 50">
                <a:extLst>
                  <a:ext uri="{FF2B5EF4-FFF2-40B4-BE49-F238E27FC236}">
                    <a16:creationId xmlns:a16="http://schemas.microsoft.com/office/drawing/2014/main" id="{B11C7F56-296A-A954-BCB1-F7BC222EFC92}"/>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grpSp>
      <p:sp>
        <p:nvSpPr>
          <p:cNvPr id="86" name="TextBox 85">
            <a:extLst>
              <a:ext uri="{FF2B5EF4-FFF2-40B4-BE49-F238E27FC236}">
                <a16:creationId xmlns:a16="http://schemas.microsoft.com/office/drawing/2014/main" id="{A9F256A9-F8E9-C90C-A8E7-B9FE2EC15878}"/>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a:t>Teknisk</a:t>
            </a:r>
            <a:endParaRPr lang="da-DK" sz="1100" b="1" i="1" noProof="0"/>
          </a:p>
        </p:txBody>
      </p:sp>
      <p:grpSp>
        <p:nvGrpSpPr>
          <p:cNvPr id="71" name="Group 70" descr="Vurdering af teknsik kompleksitet, 4 ud af 10">
            <a:extLst>
              <a:ext uri="{FF2B5EF4-FFF2-40B4-BE49-F238E27FC236}">
                <a16:creationId xmlns:a16="http://schemas.microsoft.com/office/drawing/2014/main" id="{36E01541-5481-70B5-D994-9755FAF500A0}"/>
              </a:ext>
            </a:extLst>
          </p:cNvPr>
          <p:cNvGrpSpPr/>
          <p:nvPr/>
        </p:nvGrpSpPr>
        <p:grpSpPr>
          <a:xfrm>
            <a:off x="4755593" y="4883930"/>
            <a:ext cx="1707066" cy="248033"/>
            <a:chOff x="860772" y="4916533"/>
            <a:chExt cx="1487909" cy="216189"/>
          </a:xfrm>
        </p:grpSpPr>
        <p:grpSp>
          <p:nvGrpSpPr>
            <p:cNvPr id="72" name="Group 71">
              <a:extLst>
                <a:ext uri="{FF2B5EF4-FFF2-40B4-BE49-F238E27FC236}">
                  <a16:creationId xmlns:a16="http://schemas.microsoft.com/office/drawing/2014/main" id="{3FFF3A5C-36E3-B65C-4F3C-C72946EE61B9}"/>
                </a:ext>
              </a:extLst>
            </p:cNvPr>
            <p:cNvGrpSpPr/>
            <p:nvPr/>
          </p:nvGrpSpPr>
          <p:grpSpPr>
            <a:xfrm>
              <a:off x="860772" y="4916533"/>
              <a:ext cx="1487909" cy="180194"/>
              <a:chOff x="5354949" y="3040512"/>
              <a:chExt cx="1645739" cy="171957"/>
            </a:xfrm>
          </p:grpSpPr>
          <p:grpSp>
            <p:nvGrpSpPr>
              <p:cNvPr id="74" name="Group 73">
                <a:extLst>
                  <a:ext uri="{FF2B5EF4-FFF2-40B4-BE49-F238E27FC236}">
                    <a16:creationId xmlns:a16="http://schemas.microsoft.com/office/drawing/2014/main" id="{DA642FE4-FBF1-875D-DD5A-279D55826C19}"/>
                  </a:ext>
                </a:extLst>
              </p:cNvPr>
              <p:cNvGrpSpPr/>
              <p:nvPr/>
            </p:nvGrpSpPr>
            <p:grpSpPr>
              <a:xfrm>
                <a:off x="5458296" y="3153610"/>
                <a:ext cx="1445092" cy="45719"/>
                <a:chOff x="5458296" y="3153610"/>
                <a:chExt cx="1445092" cy="45719"/>
              </a:xfrm>
            </p:grpSpPr>
            <p:cxnSp>
              <p:nvCxnSpPr>
                <p:cNvPr id="79" name="Straight Connector 78">
                  <a:extLst>
                    <a:ext uri="{FF2B5EF4-FFF2-40B4-BE49-F238E27FC236}">
                      <a16:creationId xmlns:a16="http://schemas.microsoft.com/office/drawing/2014/main" id="{8B7287C3-3BC6-ECB9-1B9C-DDDCF65CF9DF}"/>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0" name="Oval 79">
                  <a:extLst>
                    <a:ext uri="{FF2B5EF4-FFF2-40B4-BE49-F238E27FC236}">
                      <a16:creationId xmlns:a16="http://schemas.microsoft.com/office/drawing/2014/main" id="{37A7ECB9-68CD-3A6B-97CC-EC0FED380E22}"/>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3" name="Oval 82">
                  <a:extLst>
                    <a:ext uri="{FF2B5EF4-FFF2-40B4-BE49-F238E27FC236}">
                      <a16:creationId xmlns:a16="http://schemas.microsoft.com/office/drawing/2014/main" id="{37D2B830-1469-1B44-F88D-9E10ADC90856}"/>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75" name="Straight Connector 74">
                <a:extLst>
                  <a:ext uri="{FF2B5EF4-FFF2-40B4-BE49-F238E27FC236}">
                    <a16:creationId xmlns:a16="http://schemas.microsoft.com/office/drawing/2014/main" id="{356C6233-5712-2B6E-EBC8-808E0363ED23}"/>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6" name="TextBox 75">
                <a:extLst>
                  <a:ext uri="{FF2B5EF4-FFF2-40B4-BE49-F238E27FC236}">
                    <a16:creationId xmlns:a16="http://schemas.microsoft.com/office/drawing/2014/main" id="{59D45152-CCC5-B44C-6A5D-C582B0B3C91E}"/>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78" name="TextBox 77">
                <a:extLst>
                  <a:ext uri="{FF2B5EF4-FFF2-40B4-BE49-F238E27FC236}">
                    <a16:creationId xmlns:a16="http://schemas.microsoft.com/office/drawing/2014/main" id="{C4B4A002-DF67-DD90-7EE6-0508C1D90929}"/>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73" name="Oval 72">
              <a:extLst>
                <a:ext uri="{FF2B5EF4-FFF2-40B4-BE49-F238E27FC236}">
                  <a16:creationId xmlns:a16="http://schemas.microsoft.com/office/drawing/2014/main" id="{35CF81AB-6669-7BA2-1229-EC7E45593E20}"/>
                </a:ext>
              </a:extLst>
            </p:cNvPr>
            <p:cNvSpPr/>
            <p:nvPr/>
          </p:nvSpPr>
          <p:spPr>
            <a:xfrm>
              <a:off x="1390532"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101" name="TextBox 100">
            <a:extLst>
              <a:ext uri="{FF2B5EF4-FFF2-40B4-BE49-F238E27FC236}">
                <a16:creationId xmlns:a16="http://schemas.microsoft.com/office/drawing/2014/main" id="{F13C29DA-7F8E-C68E-CFBF-F0213998CF7F}"/>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87" name="Group 86" descr="Vurdering af organisatorisk kompleksitet, 2 ud af 10">
            <a:extLst>
              <a:ext uri="{FF2B5EF4-FFF2-40B4-BE49-F238E27FC236}">
                <a16:creationId xmlns:a16="http://schemas.microsoft.com/office/drawing/2014/main" id="{4E40DEA2-F580-6DBA-C53D-90514EED61A2}"/>
              </a:ext>
            </a:extLst>
          </p:cNvPr>
          <p:cNvGrpSpPr/>
          <p:nvPr/>
        </p:nvGrpSpPr>
        <p:grpSpPr>
          <a:xfrm>
            <a:off x="4756736" y="5395827"/>
            <a:ext cx="1707066" cy="248033"/>
            <a:chOff x="860772" y="4916533"/>
            <a:chExt cx="1487909" cy="216189"/>
          </a:xfrm>
        </p:grpSpPr>
        <p:grpSp>
          <p:nvGrpSpPr>
            <p:cNvPr id="88" name="Group 87">
              <a:extLst>
                <a:ext uri="{FF2B5EF4-FFF2-40B4-BE49-F238E27FC236}">
                  <a16:creationId xmlns:a16="http://schemas.microsoft.com/office/drawing/2014/main" id="{433ACDFC-2636-288E-5138-EEA01C1CAA2E}"/>
                </a:ext>
              </a:extLst>
            </p:cNvPr>
            <p:cNvGrpSpPr/>
            <p:nvPr/>
          </p:nvGrpSpPr>
          <p:grpSpPr>
            <a:xfrm>
              <a:off x="860772" y="4916533"/>
              <a:ext cx="1487909" cy="180194"/>
              <a:chOff x="5354949" y="3040512"/>
              <a:chExt cx="1645739" cy="171957"/>
            </a:xfrm>
          </p:grpSpPr>
          <p:grpSp>
            <p:nvGrpSpPr>
              <p:cNvPr id="90" name="Group 89">
                <a:extLst>
                  <a:ext uri="{FF2B5EF4-FFF2-40B4-BE49-F238E27FC236}">
                    <a16:creationId xmlns:a16="http://schemas.microsoft.com/office/drawing/2014/main" id="{D7186276-E317-6794-950E-F47D169693BA}"/>
                  </a:ext>
                </a:extLst>
              </p:cNvPr>
              <p:cNvGrpSpPr/>
              <p:nvPr/>
            </p:nvGrpSpPr>
            <p:grpSpPr>
              <a:xfrm>
                <a:off x="5458296" y="3153610"/>
                <a:ext cx="1445092" cy="45719"/>
                <a:chOff x="5458296" y="3153610"/>
                <a:chExt cx="1445092" cy="45719"/>
              </a:xfrm>
            </p:grpSpPr>
            <p:cxnSp>
              <p:nvCxnSpPr>
                <p:cNvPr id="98" name="Straight Connector 97">
                  <a:extLst>
                    <a:ext uri="{FF2B5EF4-FFF2-40B4-BE49-F238E27FC236}">
                      <a16:creationId xmlns:a16="http://schemas.microsoft.com/office/drawing/2014/main" id="{21891884-34E1-5904-1FDA-1D788E800062}"/>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9" name="Oval 98">
                  <a:extLst>
                    <a:ext uri="{FF2B5EF4-FFF2-40B4-BE49-F238E27FC236}">
                      <a16:creationId xmlns:a16="http://schemas.microsoft.com/office/drawing/2014/main" id="{AB11FF5C-77FE-1025-F46E-77C7AF895A7B}"/>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0" name="Oval 99">
                  <a:extLst>
                    <a:ext uri="{FF2B5EF4-FFF2-40B4-BE49-F238E27FC236}">
                      <a16:creationId xmlns:a16="http://schemas.microsoft.com/office/drawing/2014/main" id="{F83477DB-0F3D-5027-6AF8-63F343BF1FCB}"/>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93" name="Straight Connector 92">
                <a:extLst>
                  <a:ext uri="{FF2B5EF4-FFF2-40B4-BE49-F238E27FC236}">
                    <a16:creationId xmlns:a16="http://schemas.microsoft.com/office/drawing/2014/main" id="{B88B429A-50E4-AEC0-7019-27F952580AD3}"/>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4" name="TextBox 93">
                <a:extLst>
                  <a:ext uri="{FF2B5EF4-FFF2-40B4-BE49-F238E27FC236}">
                    <a16:creationId xmlns:a16="http://schemas.microsoft.com/office/drawing/2014/main" id="{22A61A9E-9E1A-9408-DBBC-70168C031E89}"/>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97" name="TextBox 96">
                <a:extLst>
                  <a:ext uri="{FF2B5EF4-FFF2-40B4-BE49-F238E27FC236}">
                    <a16:creationId xmlns:a16="http://schemas.microsoft.com/office/drawing/2014/main" id="{92629024-B5BD-C624-E28C-BBCBD1243E59}"/>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89" name="Oval 88">
              <a:extLst>
                <a:ext uri="{FF2B5EF4-FFF2-40B4-BE49-F238E27FC236}">
                  <a16:creationId xmlns:a16="http://schemas.microsoft.com/office/drawing/2014/main" id="{6D26CD28-EE98-D2F9-B09A-578390EE88BC}"/>
                </a:ext>
              </a:extLst>
            </p:cNvPr>
            <p:cNvSpPr/>
            <p:nvPr/>
          </p:nvSpPr>
          <p:spPr>
            <a:xfrm>
              <a:off x="1213935"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14" name="TextBox 113">
            <a:extLst>
              <a:ext uri="{FF2B5EF4-FFF2-40B4-BE49-F238E27FC236}">
                <a16:creationId xmlns:a16="http://schemas.microsoft.com/office/drawing/2014/main" id="{9975469B-E9F8-B1C0-7852-15F859F6640D}"/>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grpSp>
        <p:nvGrpSpPr>
          <p:cNvPr id="102" name="Group 101" descr="Vurdering af organisatorisk kompleksitet, 1 ud af 10">
            <a:extLst>
              <a:ext uri="{FF2B5EF4-FFF2-40B4-BE49-F238E27FC236}">
                <a16:creationId xmlns:a16="http://schemas.microsoft.com/office/drawing/2014/main" id="{A1BD79B2-2896-4E98-EBF7-5D23CD6FD0B9}"/>
              </a:ext>
            </a:extLst>
          </p:cNvPr>
          <p:cNvGrpSpPr/>
          <p:nvPr/>
        </p:nvGrpSpPr>
        <p:grpSpPr>
          <a:xfrm>
            <a:off x="4754048" y="5907971"/>
            <a:ext cx="1707066" cy="248033"/>
            <a:chOff x="860772" y="4916533"/>
            <a:chExt cx="1487909" cy="216189"/>
          </a:xfrm>
        </p:grpSpPr>
        <p:grpSp>
          <p:nvGrpSpPr>
            <p:cNvPr id="103" name="Group 102">
              <a:extLst>
                <a:ext uri="{FF2B5EF4-FFF2-40B4-BE49-F238E27FC236}">
                  <a16:creationId xmlns:a16="http://schemas.microsoft.com/office/drawing/2014/main" id="{C07175A2-4226-225A-6BE0-796015B784A9}"/>
                </a:ext>
              </a:extLst>
            </p:cNvPr>
            <p:cNvGrpSpPr/>
            <p:nvPr/>
          </p:nvGrpSpPr>
          <p:grpSpPr>
            <a:xfrm>
              <a:off x="860772" y="4916533"/>
              <a:ext cx="1487909" cy="180194"/>
              <a:chOff x="5354949" y="3040512"/>
              <a:chExt cx="1645739" cy="171957"/>
            </a:xfrm>
          </p:grpSpPr>
          <p:grpSp>
            <p:nvGrpSpPr>
              <p:cNvPr id="105" name="Group 104">
                <a:extLst>
                  <a:ext uri="{FF2B5EF4-FFF2-40B4-BE49-F238E27FC236}">
                    <a16:creationId xmlns:a16="http://schemas.microsoft.com/office/drawing/2014/main" id="{492A21FC-BF8A-CF56-DB69-7D864C3C589B}"/>
                  </a:ext>
                </a:extLst>
              </p:cNvPr>
              <p:cNvGrpSpPr/>
              <p:nvPr/>
            </p:nvGrpSpPr>
            <p:grpSpPr>
              <a:xfrm>
                <a:off x="5458296" y="3153610"/>
                <a:ext cx="1445092" cy="45719"/>
                <a:chOff x="5458296" y="3153610"/>
                <a:chExt cx="1445092" cy="45719"/>
              </a:xfrm>
            </p:grpSpPr>
            <p:cxnSp>
              <p:nvCxnSpPr>
                <p:cNvPr id="110" name="Straight Connector 109">
                  <a:extLst>
                    <a:ext uri="{FF2B5EF4-FFF2-40B4-BE49-F238E27FC236}">
                      <a16:creationId xmlns:a16="http://schemas.microsoft.com/office/drawing/2014/main" id="{80DD25C0-B42A-65B9-B8DD-11BBDBFED81A}"/>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11" name="Oval 110">
                  <a:extLst>
                    <a:ext uri="{FF2B5EF4-FFF2-40B4-BE49-F238E27FC236}">
                      <a16:creationId xmlns:a16="http://schemas.microsoft.com/office/drawing/2014/main" id="{05E7EDC9-2044-6F85-9066-D20F1C67E0BD}"/>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12" name="Oval 111">
                  <a:extLst>
                    <a:ext uri="{FF2B5EF4-FFF2-40B4-BE49-F238E27FC236}">
                      <a16:creationId xmlns:a16="http://schemas.microsoft.com/office/drawing/2014/main" id="{CDA1A525-8778-A859-2CB7-5C9A96E433D7}"/>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06" name="Straight Connector 105">
                <a:extLst>
                  <a:ext uri="{FF2B5EF4-FFF2-40B4-BE49-F238E27FC236}">
                    <a16:creationId xmlns:a16="http://schemas.microsoft.com/office/drawing/2014/main" id="{550C411B-779F-053D-0970-BA143D370478}"/>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07" name="TextBox 106">
                <a:extLst>
                  <a:ext uri="{FF2B5EF4-FFF2-40B4-BE49-F238E27FC236}">
                    <a16:creationId xmlns:a16="http://schemas.microsoft.com/office/drawing/2014/main" id="{3525AFC0-2548-804E-11F9-ACABD18FD98F}"/>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108" name="TextBox 107">
                <a:extLst>
                  <a:ext uri="{FF2B5EF4-FFF2-40B4-BE49-F238E27FC236}">
                    <a16:creationId xmlns:a16="http://schemas.microsoft.com/office/drawing/2014/main" id="{8BBC11BF-3304-3A2E-D910-78A00F1C629B}"/>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104" name="Oval 103">
              <a:extLst>
                <a:ext uri="{FF2B5EF4-FFF2-40B4-BE49-F238E27FC236}">
                  <a16:creationId xmlns:a16="http://schemas.microsoft.com/office/drawing/2014/main" id="{0B5DF765-B744-7C0C-BE06-8903FC13E038}"/>
                </a:ext>
              </a:extLst>
            </p:cNvPr>
            <p:cNvSpPr/>
            <p:nvPr/>
          </p:nvSpPr>
          <p:spPr>
            <a:xfrm>
              <a:off x="1005653"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7" name="Group 6">
            <a:extLst>
              <a:ext uri="{FF2B5EF4-FFF2-40B4-BE49-F238E27FC236}">
                <a16:creationId xmlns:a16="http://schemas.microsoft.com/office/drawing/2014/main" id="{E09B6A50-4FC3-365D-BCEC-17616AD90F1F}"/>
              </a:ext>
              <a:ext uri="{C183D7F6-B498-43B3-948B-1728B52AA6E4}">
                <adec:decorative xmlns:adec="http://schemas.microsoft.com/office/drawing/2017/decorative" val="1"/>
              </a:ext>
            </a:extLst>
          </p:cNvPr>
          <p:cNvGrpSpPr/>
          <p:nvPr/>
        </p:nvGrpSpPr>
        <p:grpSpPr>
          <a:xfrm>
            <a:off x="7242764" y="2228720"/>
            <a:ext cx="2215585" cy="319850"/>
            <a:chOff x="7158625" y="2042360"/>
            <a:chExt cx="2215585" cy="319850"/>
          </a:xfrm>
        </p:grpSpPr>
        <p:sp>
          <p:nvSpPr>
            <p:cNvPr id="24" name="Rektangel: afrundede hjørner 10">
              <a:extLst>
                <a:ext uri="{FF2B5EF4-FFF2-40B4-BE49-F238E27FC236}">
                  <a16:creationId xmlns:a16="http://schemas.microsoft.com/office/drawing/2014/main" id="{B4F07920-00DE-E23B-E018-94077B4F4A32}"/>
                </a:ext>
              </a:extLst>
            </p:cNvPr>
            <p:cNvSpPr>
              <a:spLocks/>
            </p:cNvSpPr>
            <p:nvPr/>
          </p:nvSpPr>
          <p:spPr>
            <a:xfrm>
              <a:off x="7158625" y="204236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B83B500F-AD63-17ED-A103-C0053CCB4936}"/>
                </a:ext>
              </a:extLst>
            </p:cNvPr>
            <p:cNvSpPr>
              <a:spLocks noEditPoints="1"/>
            </p:cNvSpPr>
            <p:nvPr/>
          </p:nvSpPr>
          <p:spPr bwMode="auto">
            <a:xfrm>
              <a:off x="7204885" y="210766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6" name="TextBox 4">
              <a:extLst>
                <a:ext uri="{FF2B5EF4-FFF2-40B4-BE49-F238E27FC236}">
                  <a16:creationId xmlns:a16="http://schemas.microsoft.com/office/drawing/2014/main" id="{4AA2888E-FAB8-1F9A-BE19-971BD047C6C1}"/>
                </a:ext>
              </a:extLst>
            </p:cNvPr>
            <p:cNvSpPr txBox="1">
              <a:spLocks/>
            </p:cNvSpPr>
            <p:nvPr/>
          </p:nvSpPr>
          <p:spPr>
            <a:xfrm>
              <a:off x="7442867" y="2057663"/>
              <a:ext cx="1931343" cy="296832"/>
            </a:xfrm>
            <a:prstGeom prst="rect">
              <a:avLst/>
            </a:prstGeom>
            <a:noFill/>
          </p:spPr>
          <p:txBody>
            <a:bodyPr wrap="square" rtlCol="0" anchor="ctr">
              <a:noAutofit/>
            </a:bodyPr>
            <a:lstStyle/>
            <a:p>
              <a:r>
                <a:rPr lang="da-DK" sz="700" b="1" noProof="0">
                  <a:solidFill>
                    <a:srgbClr val="024D78"/>
                  </a:solidFill>
                </a:rPr>
                <a:t>01 | Høj afhængighed af større leverandører og manglende konkurrence</a:t>
              </a:r>
            </a:p>
          </p:txBody>
        </p:sp>
      </p:grpSp>
      <p:grpSp>
        <p:nvGrpSpPr>
          <p:cNvPr id="6" name="Group 5">
            <a:extLst>
              <a:ext uri="{FF2B5EF4-FFF2-40B4-BE49-F238E27FC236}">
                <a16:creationId xmlns:a16="http://schemas.microsoft.com/office/drawing/2014/main" id="{A313EB2C-9735-EBC1-2AAF-B62BC8D0FEAD}"/>
              </a:ext>
              <a:ext uri="{C183D7F6-B498-43B3-948B-1728B52AA6E4}">
                <adec:decorative xmlns:adec="http://schemas.microsoft.com/office/drawing/2017/decorative" val="1"/>
              </a:ext>
            </a:extLst>
          </p:cNvPr>
          <p:cNvGrpSpPr/>
          <p:nvPr/>
        </p:nvGrpSpPr>
        <p:grpSpPr>
          <a:xfrm>
            <a:off x="7242764" y="2651061"/>
            <a:ext cx="2215585" cy="319850"/>
            <a:chOff x="7158625" y="2502254"/>
            <a:chExt cx="2215585" cy="319850"/>
          </a:xfrm>
        </p:grpSpPr>
        <p:sp>
          <p:nvSpPr>
            <p:cNvPr id="27" name="Rektangel: afrundede hjørner 5">
              <a:extLst>
                <a:ext uri="{FF2B5EF4-FFF2-40B4-BE49-F238E27FC236}">
                  <a16:creationId xmlns:a16="http://schemas.microsoft.com/office/drawing/2014/main" id="{6B7EEAF1-33A1-E0DF-7379-0C30A3CF1FCD}"/>
                </a:ext>
              </a:extLst>
            </p:cNvPr>
            <p:cNvSpPr>
              <a:spLocks/>
            </p:cNvSpPr>
            <p:nvPr/>
          </p:nvSpPr>
          <p:spPr>
            <a:xfrm>
              <a:off x="7158625" y="2502254"/>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8" name="TextBox 11">
              <a:extLst>
                <a:ext uri="{FF2B5EF4-FFF2-40B4-BE49-F238E27FC236}">
                  <a16:creationId xmlns:a16="http://schemas.microsoft.com/office/drawing/2014/main" id="{E1414837-E99F-44AF-D442-2E164EE29800}"/>
                </a:ext>
              </a:extLst>
            </p:cNvPr>
            <p:cNvSpPr txBox="1">
              <a:spLocks/>
            </p:cNvSpPr>
            <p:nvPr/>
          </p:nvSpPr>
          <p:spPr>
            <a:xfrm>
              <a:off x="7442867" y="2522989"/>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2 | Manglende kontrol og transparens over egne data</a:t>
              </a:r>
            </a:p>
          </p:txBody>
        </p:sp>
        <p:grpSp>
          <p:nvGrpSpPr>
            <p:cNvPr id="29" name="Group 45">
              <a:extLst>
                <a:ext uri="{FF2B5EF4-FFF2-40B4-BE49-F238E27FC236}">
                  <a16:creationId xmlns:a16="http://schemas.microsoft.com/office/drawing/2014/main" id="{12A5678D-24CB-5449-E3D1-745C83C4CF90}"/>
                </a:ext>
              </a:extLst>
            </p:cNvPr>
            <p:cNvGrpSpPr>
              <a:grpSpLocks/>
            </p:cNvGrpSpPr>
            <p:nvPr/>
          </p:nvGrpSpPr>
          <p:grpSpPr>
            <a:xfrm>
              <a:off x="7226460" y="2558422"/>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85DFFD9D-0082-E90E-B544-58BA90D167BE}"/>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9C3817AB-78EE-EC06-0DEF-F03826501152}"/>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C5D4549A-957B-C089-8CF9-653A45C06897}"/>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537F53B9-A8FA-152F-30B3-4A852A5A8B0C}"/>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grpSp>
      <p:sp>
        <p:nvSpPr>
          <p:cNvPr id="30" name="Rektangel: afrundede hjørner 9">
            <a:extLst>
              <a:ext uri="{FF2B5EF4-FFF2-40B4-BE49-F238E27FC236}">
                <a16:creationId xmlns:a16="http://schemas.microsoft.com/office/drawing/2014/main" id="{934B9768-7DC2-24C1-7AA9-12B83252F422}"/>
              </a:ext>
              <a:ext uri="{C183D7F6-B498-43B3-948B-1728B52AA6E4}">
                <adec:decorative xmlns:adec="http://schemas.microsoft.com/office/drawing/2017/decorative" val="1"/>
              </a:ext>
            </a:extLst>
          </p:cNvPr>
          <p:cNvSpPr>
            <a:spLocks/>
          </p:cNvSpPr>
          <p:nvPr/>
        </p:nvSpPr>
        <p:spPr>
          <a:xfrm>
            <a:off x="7242991" y="3073402"/>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34" name="TextBox 133">
            <a:extLst>
              <a:ext uri="{FF2B5EF4-FFF2-40B4-BE49-F238E27FC236}">
                <a16:creationId xmlns:a16="http://schemas.microsoft.com/office/drawing/2014/main" id="{5DD5A343-BB3A-B8FC-A231-EC112F389843}"/>
              </a:ext>
            </a:extLst>
          </p:cNvPr>
          <p:cNvSpPr txBox="1"/>
          <p:nvPr/>
        </p:nvSpPr>
        <p:spPr>
          <a:xfrm>
            <a:off x="7249102" y="1874760"/>
            <a:ext cx="2162754" cy="246221"/>
          </a:xfrm>
          <a:prstGeom prst="rect">
            <a:avLst/>
          </a:prstGeom>
          <a:noFill/>
        </p:spPr>
        <p:txBody>
          <a:bodyPr wrap="square" lIns="0">
            <a:spAutoFit/>
          </a:bodyPr>
          <a:lstStyle/>
          <a:p>
            <a:r>
              <a:rPr lang="da-DK" sz="1000" b="1" noProof="0">
                <a:solidFill>
                  <a:srgbClr val="36465A"/>
                </a:solidFill>
              </a:rPr>
              <a:t>Udfordringer adresseret</a:t>
            </a:r>
            <a:endParaRPr lang="da-DK" sz="1000" noProof="0">
              <a:solidFill>
                <a:srgbClr val="36465A"/>
              </a:solidFill>
            </a:endParaRPr>
          </a:p>
        </p:txBody>
      </p:sp>
      <p:sp>
        <p:nvSpPr>
          <p:cNvPr id="31" name="TextBox 23">
            <a:extLst>
              <a:ext uri="{FF2B5EF4-FFF2-40B4-BE49-F238E27FC236}">
                <a16:creationId xmlns:a16="http://schemas.microsoft.com/office/drawing/2014/main" id="{31A5B4A7-CA17-C996-FFED-B356E1AC91A4}"/>
              </a:ext>
              <a:ext uri="{C183D7F6-B498-43B3-948B-1728B52AA6E4}">
                <adec:decorative xmlns:adec="http://schemas.microsoft.com/office/drawing/2017/decorative" val="0"/>
              </a:ext>
            </a:extLst>
          </p:cNvPr>
          <p:cNvSpPr txBox="1">
            <a:spLocks/>
          </p:cNvSpPr>
          <p:nvPr/>
        </p:nvSpPr>
        <p:spPr>
          <a:xfrm>
            <a:off x="7526779" y="3094137"/>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dirty="0"/>
              <a:t>03 | Begrænset kontrol og styring af digitale løsninger</a:t>
            </a:r>
          </a:p>
        </p:txBody>
      </p:sp>
      <p:sp>
        <p:nvSpPr>
          <p:cNvPr id="32" name="Freeform 6">
            <a:extLst>
              <a:ext uri="{FF2B5EF4-FFF2-40B4-BE49-F238E27FC236}">
                <a16:creationId xmlns:a16="http://schemas.microsoft.com/office/drawing/2014/main" id="{85ABBE14-80E9-FB02-7646-CA24865605BC}"/>
              </a:ext>
              <a:ext uri="{C183D7F6-B498-43B3-948B-1728B52AA6E4}">
                <adec:decorative xmlns:adec="http://schemas.microsoft.com/office/drawing/2017/decorative" val="1"/>
              </a:ext>
            </a:extLst>
          </p:cNvPr>
          <p:cNvSpPr>
            <a:spLocks noChangeAspect="1" noEditPoints="1"/>
          </p:cNvSpPr>
          <p:nvPr/>
        </p:nvSpPr>
        <p:spPr bwMode="auto">
          <a:xfrm>
            <a:off x="7298989" y="3133958"/>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nvGrpSpPr>
          <p:cNvPr id="2" name="Group 1">
            <a:extLst>
              <a:ext uri="{FF2B5EF4-FFF2-40B4-BE49-F238E27FC236}">
                <a16:creationId xmlns:a16="http://schemas.microsoft.com/office/drawing/2014/main" id="{A8DDBBB9-0C34-4B1E-EA7E-A7F9EDD3908C}"/>
              </a:ext>
              <a:ext uri="{C183D7F6-B498-43B3-948B-1728B52AA6E4}">
                <adec:decorative xmlns:adec="http://schemas.microsoft.com/office/drawing/2017/decorative" val="1"/>
              </a:ext>
            </a:extLst>
          </p:cNvPr>
          <p:cNvGrpSpPr/>
          <p:nvPr/>
        </p:nvGrpSpPr>
        <p:grpSpPr>
          <a:xfrm>
            <a:off x="7242991" y="3495743"/>
            <a:ext cx="2215131" cy="320400"/>
            <a:chOff x="7159079" y="3422041"/>
            <a:chExt cx="2215131" cy="320400"/>
          </a:xfrm>
        </p:grpSpPr>
        <p:sp>
          <p:nvSpPr>
            <p:cNvPr id="33" name="Rektangel: afrundede hjørner 39">
              <a:extLst>
                <a:ext uri="{FF2B5EF4-FFF2-40B4-BE49-F238E27FC236}">
                  <a16:creationId xmlns:a16="http://schemas.microsoft.com/office/drawing/2014/main" id="{1A07E233-6D1B-4982-D160-2FC54EE5806E}"/>
                </a:ext>
              </a:extLst>
            </p:cNvPr>
            <p:cNvSpPr>
              <a:spLocks/>
            </p:cNvSpPr>
            <p:nvPr/>
          </p:nvSpPr>
          <p:spPr>
            <a:xfrm>
              <a:off x="7159079" y="3422041"/>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TextBox 27">
              <a:extLst>
                <a:ext uri="{FF2B5EF4-FFF2-40B4-BE49-F238E27FC236}">
                  <a16:creationId xmlns:a16="http://schemas.microsoft.com/office/drawing/2014/main" id="{53F1A246-18DE-4B33-BFEB-ABA15A257145}"/>
                </a:ext>
              </a:extLst>
            </p:cNvPr>
            <p:cNvSpPr txBox="1">
              <a:spLocks/>
            </p:cNvSpPr>
            <p:nvPr/>
          </p:nvSpPr>
          <p:spPr>
            <a:xfrm>
              <a:off x="7442867" y="3443051"/>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4 | Sårbarheder i den digitale forsyningssikkerhed</a:t>
              </a:r>
            </a:p>
          </p:txBody>
        </p:sp>
        <p:sp>
          <p:nvSpPr>
            <p:cNvPr id="36" name="Freeform 8">
              <a:extLst>
                <a:ext uri="{FF2B5EF4-FFF2-40B4-BE49-F238E27FC236}">
                  <a16:creationId xmlns:a16="http://schemas.microsoft.com/office/drawing/2014/main" id="{3561DAE1-42B0-18E0-E97E-17CA6DA4109D}"/>
                </a:ext>
              </a:extLst>
            </p:cNvPr>
            <p:cNvSpPr>
              <a:spLocks noChangeAspect="1" noEditPoints="1"/>
            </p:cNvSpPr>
            <p:nvPr/>
          </p:nvSpPr>
          <p:spPr bwMode="auto">
            <a:xfrm>
              <a:off x="7227754" y="3487934"/>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96" name="Free-form: Shape 1">
            <a:extLst>
              <a:ext uri="{FF2B5EF4-FFF2-40B4-BE49-F238E27FC236}">
                <a16:creationId xmlns:a16="http://schemas.microsoft.com/office/drawing/2014/main" id="{1C0165B3-8C1C-CC5F-A019-20A345872BF7}"/>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A0BC9E27-6AB3-B023-775D-BBBB093473E7}"/>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8710169E-ACA7-3FA0-88C7-576F22B2CC82}"/>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EB016CC5-0F99-3821-F61E-5105ED934829}"/>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83307828-1838-6C11-C102-492D93587BE6}"/>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A9208537-13AF-CAF3-929D-235D5D26A795}"/>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38" name="TextBox 137">
            <a:extLst>
              <a:ext uri="{FF2B5EF4-FFF2-40B4-BE49-F238E27FC236}">
                <a16:creationId xmlns:a16="http://schemas.microsoft.com/office/drawing/2014/main" id="{FD147778-86A3-C1ED-9114-BD5B83E48249}"/>
              </a:ext>
            </a:extLst>
          </p:cNvPr>
          <p:cNvSpPr txBox="1"/>
          <p:nvPr/>
        </p:nvSpPr>
        <p:spPr>
          <a:xfrm>
            <a:off x="9469157" y="1874760"/>
            <a:ext cx="1931344" cy="246221"/>
          </a:xfrm>
          <a:prstGeom prst="rect">
            <a:avLst/>
          </a:prstGeom>
          <a:noFill/>
        </p:spPr>
        <p:txBody>
          <a:bodyPr wrap="square" lIns="72000">
            <a:spAutoFit/>
          </a:bodyPr>
          <a:lstStyle/>
          <a:p>
            <a:r>
              <a:rPr lang="da-DK" sz="1000" b="1" noProof="0">
                <a:solidFill>
                  <a:srgbClr val="36465A"/>
                </a:solidFill>
              </a:rPr>
              <a:t>Gevinster</a:t>
            </a:r>
            <a:endParaRPr lang="da-DK" sz="1000" noProof="0">
              <a:solidFill>
                <a:srgbClr val="36465A"/>
              </a:solidFill>
            </a:endParaRPr>
          </a:p>
        </p:txBody>
      </p:sp>
      <p:sp>
        <p:nvSpPr>
          <p:cNvPr id="4" name="TextBox 3">
            <a:extLst>
              <a:ext uri="{FF2B5EF4-FFF2-40B4-BE49-F238E27FC236}">
                <a16:creationId xmlns:a16="http://schemas.microsoft.com/office/drawing/2014/main" id="{1B28DD2C-CFB9-B08A-BC46-72E84C9AAE7E}"/>
              </a:ext>
            </a:extLst>
          </p:cNvPr>
          <p:cNvSpPr txBox="1"/>
          <p:nvPr/>
        </p:nvSpPr>
        <p:spPr>
          <a:xfrm>
            <a:off x="9857248" y="2233094"/>
            <a:ext cx="1495241" cy="600164"/>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lang="da-DK" sz="900" noProof="0" dirty="0">
                <a:solidFill>
                  <a:srgbClr val="000000"/>
                </a:solidFill>
                <a:latin typeface="Arial" panose="020B0604020202020204" pitchFamily="34" charset="0"/>
              </a:rPr>
              <a:t>Bedre kobling mellem teknologivalg og organisatoriske kapabiliteter – også på længere sigt. </a:t>
            </a:r>
            <a:endPar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
        <p:nvSpPr>
          <p:cNvPr id="9" name="TextBox 8">
            <a:extLst>
              <a:ext uri="{FF2B5EF4-FFF2-40B4-BE49-F238E27FC236}">
                <a16:creationId xmlns:a16="http://schemas.microsoft.com/office/drawing/2014/main" id="{01BB5D24-0ED0-FF91-A553-DF0A05297A6E}"/>
              </a:ext>
            </a:extLst>
          </p:cNvPr>
          <p:cNvSpPr txBox="1"/>
          <p:nvPr/>
        </p:nvSpPr>
        <p:spPr>
          <a:xfrm>
            <a:off x="9857248" y="2872688"/>
            <a:ext cx="1436160" cy="877163"/>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lang="da-DK" sz="900" noProof="0" dirty="0">
                <a:solidFill>
                  <a:srgbClr val="000000"/>
                </a:solidFill>
                <a:latin typeface="Arial" panose="020B0604020202020204" pitchFamily="34" charset="0"/>
              </a:rPr>
              <a:t>Bedre koordination mellem forskellige indsatser og sammenhænge på tværs af teknologistakken gennem arkitekturprincipper, standarder og teknologivalg.</a:t>
            </a:r>
            <a:endParaRPr kumimoji="0" lang="da-DK" sz="9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
        <p:nvSpPr>
          <p:cNvPr id="179" name="Freeform 7">
            <a:extLst>
              <a:ext uri="{FF2B5EF4-FFF2-40B4-BE49-F238E27FC236}">
                <a16:creationId xmlns:a16="http://schemas.microsoft.com/office/drawing/2014/main" id="{EAD89014-856D-C856-F172-83A66A2E324A}"/>
              </a:ext>
              <a:ext uri="{C183D7F6-B498-43B3-948B-1728B52AA6E4}">
                <adec:decorative xmlns:adec="http://schemas.microsoft.com/office/drawing/2017/decorative" val="1"/>
              </a:ext>
            </a:extLst>
          </p:cNvPr>
          <p:cNvSpPr>
            <a:spLocks noEditPoints="1"/>
          </p:cNvSpPr>
          <p:nvPr/>
        </p:nvSpPr>
        <p:spPr bwMode="auto">
          <a:xfrm>
            <a:off x="11640820" y="204513"/>
            <a:ext cx="417912" cy="402986"/>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2C802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93" name="Rectangle 192">
            <a:extLst>
              <a:ext uri="{FF2B5EF4-FFF2-40B4-BE49-F238E27FC236}">
                <a16:creationId xmlns:a16="http://schemas.microsoft.com/office/drawing/2014/main" id="{2CAB8F77-687D-BEF3-A59A-DAE41A5E2191}"/>
              </a:ext>
              <a:ext uri="{C183D7F6-B498-43B3-948B-1728B52AA6E4}">
                <adec:decorative xmlns:adec="http://schemas.microsoft.com/office/drawing/2017/decorative" val="1"/>
              </a:ext>
            </a:extLst>
          </p:cNvPr>
          <p:cNvSpPr>
            <a:spLocks/>
          </p:cNvSpPr>
          <p:nvPr/>
        </p:nvSpPr>
        <p:spPr>
          <a:xfrm>
            <a:off x="7192883" y="2186875"/>
            <a:ext cx="2290136" cy="803880"/>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94" name="Rectangle 193">
            <a:extLst>
              <a:ext uri="{FF2B5EF4-FFF2-40B4-BE49-F238E27FC236}">
                <a16:creationId xmlns:a16="http://schemas.microsoft.com/office/drawing/2014/main" id="{683B3D5B-EF03-2B78-B928-398F4176620F}"/>
              </a:ext>
              <a:ext uri="{C183D7F6-B498-43B3-948B-1728B52AA6E4}">
                <adec:decorative xmlns:adec="http://schemas.microsoft.com/office/drawing/2017/decorative" val="1"/>
              </a:ext>
            </a:extLst>
          </p:cNvPr>
          <p:cNvSpPr>
            <a:spLocks/>
          </p:cNvSpPr>
          <p:nvPr/>
        </p:nvSpPr>
        <p:spPr>
          <a:xfrm>
            <a:off x="7179021" y="3451873"/>
            <a:ext cx="2290136" cy="380161"/>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15" name="Left Brace 114">
            <a:extLst>
              <a:ext uri="{FF2B5EF4-FFF2-40B4-BE49-F238E27FC236}">
                <a16:creationId xmlns:a16="http://schemas.microsoft.com/office/drawing/2014/main" id="{5A4FEA62-45AD-94C6-1742-D21F4625A3BC}"/>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5" name="TextBox 4">
            <a:extLst>
              <a:ext uri="{FF2B5EF4-FFF2-40B4-BE49-F238E27FC236}">
                <a16:creationId xmlns:a16="http://schemas.microsoft.com/office/drawing/2014/main" id="{3F1AA876-D274-9903-338B-82DDF377BA6F}"/>
              </a:ext>
            </a:extLst>
          </p:cNvPr>
          <p:cNvSpPr txBox="1"/>
          <p:nvPr/>
        </p:nvSpPr>
        <p:spPr>
          <a:xfrm>
            <a:off x="7135196" y="4384984"/>
            <a:ext cx="4080640" cy="246221"/>
          </a:xfrm>
          <a:prstGeom prst="rect">
            <a:avLst/>
          </a:prstGeom>
          <a:noFill/>
        </p:spPr>
        <p:txBody>
          <a:bodyPr wrap="square">
            <a:spAutoFit/>
          </a:bodyPr>
          <a:lstStyle/>
          <a:p>
            <a:r>
              <a:rPr lang="da-DK" sz="1000" b="1" noProof="0"/>
              <a:t>Forudsætninger for effektiv implementering</a:t>
            </a:r>
            <a:endParaRPr lang="da-DK" sz="1000" noProof="0"/>
          </a:p>
        </p:txBody>
      </p:sp>
      <p:sp>
        <p:nvSpPr>
          <p:cNvPr id="118" name="Rounded Rectangle 127">
            <a:extLst>
              <a:ext uri="{FF2B5EF4-FFF2-40B4-BE49-F238E27FC236}">
                <a16:creationId xmlns:a16="http://schemas.microsoft.com/office/drawing/2014/main" id="{EFBF38FA-F71E-9B2A-F627-89EE7F59970A}"/>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Ins="0" rtlCol="0" anchor="ctr"/>
          <a:lstStyle/>
          <a:p>
            <a:endParaRPr lang="da-DK" sz="1000" noProof="0" dirty="0">
              <a:solidFill>
                <a:schemeClr val="tx1"/>
              </a:solidFill>
              <a:latin typeface="Arial" panose="020B0604020202020204" pitchFamily="34" charset="0"/>
            </a:endParaRPr>
          </a:p>
          <a:p>
            <a:r>
              <a:rPr lang="da-DK" sz="1000" noProof="0" dirty="0">
                <a:solidFill>
                  <a:schemeClr val="tx1"/>
                </a:solidFill>
                <a:latin typeface="Arial" panose="020B0604020202020204" pitchFamily="34" charset="0"/>
              </a:rPr>
              <a:t>National handleplan og principper for digital suverænitet som kan understøttes af evt. forpligtende mål og aftaler.</a:t>
            </a:r>
            <a:endParaRPr lang="da-DK" sz="1000" i="1" noProof="0" dirty="0">
              <a:solidFill>
                <a:schemeClr val="tx1"/>
              </a:solidFill>
              <a:latin typeface="Arial" panose="020B0604020202020204" pitchFamily="34" charset="0"/>
            </a:endParaRPr>
          </a:p>
          <a:p>
            <a:endParaRPr lang="da-DK" sz="1000" noProof="0" dirty="0">
              <a:solidFill>
                <a:schemeClr val="tx1"/>
              </a:solidFill>
              <a:latin typeface="Arial" panose="020B0604020202020204" pitchFamily="34" charset="0"/>
            </a:endParaRPr>
          </a:p>
        </p:txBody>
      </p:sp>
      <p:grpSp>
        <p:nvGrpSpPr>
          <p:cNvPr id="121" name="Group 120">
            <a:extLst>
              <a:ext uri="{FF2B5EF4-FFF2-40B4-BE49-F238E27FC236}">
                <a16:creationId xmlns:a16="http://schemas.microsoft.com/office/drawing/2014/main" id="{8681E512-0CFD-7FF0-CC57-4D819181DA7A}"/>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122" name="Oval 121">
              <a:extLst>
                <a:ext uri="{FF2B5EF4-FFF2-40B4-BE49-F238E27FC236}">
                  <a16:creationId xmlns:a16="http://schemas.microsoft.com/office/drawing/2014/main" id="{B437C6B3-A668-96DF-BF96-1BADF436759F}"/>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124" name="Oval 123">
              <a:extLst>
                <a:ext uri="{FF2B5EF4-FFF2-40B4-BE49-F238E27FC236}">
                  <a16:creationId xmlns:a16="http://schemas.microsoft.com/office/drawing/2014/main" id="{6BE12DBE-3DE7-7238-C252-71B5BB2D613C}"/>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dirty="0">
                <a:solidFill>
                  <a:schemeClr val="tx1"/>
                </a:solidFill>
              </a:endParaRPr>
            </a:p>
          </p:txBody>
        </p:sp>
      </p:grpSp>
      <p:sp>
        <p:nvSpPr>
          <p:cNvPr id="18" name="Rounded Rectangle 127">
            <a:extLst>
              <a:ext uri="{FF2B5EF4-FFF2-40B4-BE49-F238E27FC236}">
                <a16:creationId xmlns:a16="http://schemas.microsoft.com/office/drawing/2014/main" id="{22163D04-05E7-DF7F-D91B-3A6D45601526}"/>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Ins="0" rtlCol="0" anchor="ctr"/>
          <a:lstStyle/>
          <a:p>
            <a:pPr>
              <a:defRPr/>
            </a:pPr>
            <a:r>
              <a:rPr lang="da-DK" sz="1000" noProof="0">
                <a:solidFill>
                  <a:schemeClr val="tx1"/>
                </a:solidFill>
                <a:latin typeface="Arial" panose="020B0604020202020204" pitchFamily="34" charset="0"/>
              </a:rPr>
              <a:t>Forankring af indsats og strategi i topledelsen og med opbakning hos ansvarlig leder for digitalisering og teknologi. </a:t>
            </a:r>
          </a:p>
        </p:txBody>
      </p:sp>
      <p:sp>
        <p:nvSpPr>
          <p:cNvPr id="141" name="Rounded Rectangle 127">
            <a:extLst>
              <a:ext uri="{FF2B5EF4-FFF2-40B4-BE49-F238E27FC236}">
                <a16:creationId xmlns:a16="http://schemas.microsoft.com/office/drawing/2014/main" id="{C226A768-D916-702A-32B1-DE095BDB165B}"/>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Interne ressourcer i myndigheden til at opdatere/udvikle it- og arkitekturstrategi. </a:t>
            </a:r>
          </a:p>
        </p:txBody>
      </p:sp>
      <p:grpSp>
        <p:nvGrpSpPr>
          <p:cNvPr id="142" name="Group 141">
            <a:extLst>
              <a:ext uri="{FF2B5EF4-FFF2-40B4-BE49-F238E27FC236}">
                <a16:creationId xmlns:a16="http://schemas.microsoft.com/office/drawing/2014/main" id="{91BB7255-3506-735E-845A-63E2F70F3A5E}"/>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143" name="Oval 142">
              <a:extLst>
                <a:ext uri="{FF2B5EF4-FFF2-40B4-BE49-F238E27FC236}">
                  <a16:creationId xmlns:a16="http://schemas.microsoft.com/office/drawing/2014/main" id="{05A80876-3EEB-6606-8028-203BB100D9F1}"/>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44" name="Oval 143">
              <a:extLst>
                <a:ext uri="{FF2B5EF4-FFF2-40B4-BE49-F238E27FC236}">
                  <a16:creationId xmlns:a16="http://schemas.microsoft.com/office/drawing/2014/main" id="{88E1A0B2-48F2-5A0F-BDF4-DE8D6B0B2DAE}"/>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grpSp>
        <p:nvGrpSpPr>
          <p:cNvPr id="10" name="Group 9">
            <a:extLst>
              <a:ext uri="{FF2B5EF4-FFF2-40B4-BE49-F238E27FC236}">
                <a16:creationId xmlns:a16="http://schemas.microsoft.com/office/drawing/2014/main" id="{194B9158-5DCC-4D51-1A06-033728610FFD}"/>
              </a:ext>
              <a:ext uri="{C183D7F6-B498-43B3-948B-1728B52AA6E4}">
                <adec:decorative xmlns:adec="http://schemas.microsoft.com/office/drawing/2017/decorative" val="1"/>
              </a:ext>
            </a:extLst>
          </p:cNvPr>
          <p:cNvGrpSpPr/>
          <p:nvPr/>
        </p:nvGrpSpPr>
        <p:grpSpPr>
          <a:xfrm>
            <a:off x="9564973" y="2233094"/>
            <a:ext cx="218250" cy="210236"/>
            <a:chOff x="9564973" y="2233094"/>
            <a:chExt cx="218250" cy="210236"/>
          </a:xfrm>
        </p:grpSpPr>
        <p:sp>
          <p:nvSpPr>
            <p:cNvPr id="11" name="Oval 10">
              <a:extLst>
                <a:ext uri="{FF2B5EF4-FFF2-40B4-BE49-F238E27FC236}">
                  <a16:creationId xmlns:a16="http://schemas.microsoft.com/office/drawing/2014/main" id="{46166E2D-DE73-0CDB-5B28-11C4C0B2832D}"/>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2" name="Freeform 24">
              <a:extLst>
                <a:ext uri="{FF2B5EF4-FFF2-40B4-BE49-F238E27FC236}">
                  <a16:creationId xmlns:a16="http://schemas.microsoft.com/office/drawing/2014/main" id="{999B4F6D-07D7-BC20-E1C9-E44A0E34B852}"/>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13" name="Group 12">
            <a:extLst>
              <a:ext uri="{FF2B5EF4-FFF2-40B4-BE49-F238E27FC236}">
                <a16:creationId xmlns:a16="http://schemas.microsoft.com/office/drawing/2014/main" id="{945128C2-8CB6-8A1E-3219-C16CC2A78090}"/>
              </a:ext>
              <a:ext uri="{C183D7F6-B498-43B3-948B-1728B52AA6E4}">
                <adec:decorative xmlns:adec="http://schemas.microsoft.com/office/drawing/2017/decorative" val="1"/>
              </a:ext>
            </a:extLst>
          </p:cNvPr>
          <p:cNvGrpSpPr/>
          <p:nvPr/>
        </p:nvGrpSpPr>
        <p:grpSpPr>
          <a:xfrm>
            <a:off x="9564973" y="2872819"/>
            <a:ext cx="218250" cy="210236"/>
            <a:chOff x="9564973" y="2233094"/>
            <a:chExt cx="218250" cy="210236"/>
          </a:xfrm>
        </p:grpSpPr>
        <p:sp>
          <p:nvSpPr>
            <p:cNvPr id="15" name="Oval 14">
              <a:extLst>
                <a:ext uri="{FF2B5EF4-FFF2-40B4-BE49-F238E27FC236}">
                  <a16:creationId xmlns:a16="http://schemas.microsoft.com/office/drawing/2014/main" id="{BA52C4C8-A650-35C4-5F72-77C553919371}"/>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6" name="Freeform 24">
              <a:extLst>
                <a:ext uri="{FF2B5EF4-FFF2-40B4-BE49-F238E27FC236}">
                  <a16:creationId xmlns:a16="http://schemas.microsoft.com/office/drawing/2014/main" id="{EA501521-9DAF-B1E6-855F-22C2904D9F98}"/>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19" name="Group 18">
            <a:extLst>
              <a:ext uri="{FF2B5EF4-FFF2-40B4-BE49-F238E27FC236}">
                <a16:creationId xmlns:a16="http://schemas.microsoft.com/office/drawing/2014/main" id="{9715A0C4-C033-91BE-2166-1B832728F2D4}"/>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35" name="Oval 34">
              <a:extLst>
                <a:ext uri="{FF2B5EF4-FFF2-40B4-BE49-F238E27FC236}">
                  <a16:creationId xmlns:a16="http://schemas.microsoft.com/office/drawing/2014/main" id="{15D1D4D3-A3C6-4E10-4BD4-5961C5FB8ECB}"/>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7" name="Oval 36">
              <a:extLst>
                <a:ext uri="{FF2B5EF4-FFF2-40B4-BE49-F238E27FC236}">
                  <a16:creationId xmlns:a16="http://schemas.microsoft.com/office/drawing/2014/main" id="{0C03888E-F4A8-79AF-9A23-5158EBDB4CD2}"/>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41" name="Rectangle 1">
            <a:extLst>
              <a:ext uri="{FF2B5EF4-FFF2-40B4-BE49-F238E27FC236}">
                <a16:creationId xmlns:a16="http://schemas.microsoft.com/office/drawing/2014/main" id="{FE936F15-D479-24E8-8983-581B250BA430}"/>
              </a:ext>
              <a:ext uri="{C183D7F6-B498-43B3-948B-1728B52AA6E4}">
                <adec:decorative xmlns:adec="http://schemas.microsoft.com/office/drawing/2017/decorative" val="1"/>
              </a:ext>
            </a:extLst>
          </p:cNvPr>
          <p:cNvSpPr>
            <a:spLocks noChangeArrowheads="1"/>
          </p:cNvSpPr>
          <p:nvPr/>
        </p:nvSpPr>
        <p:spPr bwMode="auto">
          <a:xfrm>
            <a:off x="0" y="-276999"/>
            <a:ext cx="65" cy="55399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endParaRPr kumimoji="0" lang="da-DK" sz="1800" b="0" i="0" u="none" strike="noStrike" cap="none" normalizeH="0" baseline="0" noProof="0" dirty="0">
              <a:ln>
                <a:noFill/>
              </a:ln>
              <a:solidFill>
                <a:schemeClr val="tx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endParaRPr kumimoji="0" lang="da-DK" sz="1800" b="0" i="0" u="none" strike="noStrike" cap="none" normalizeH="0" baseline="0" noProof="0" dirty="0">
              <a:ln>
                <a:noFill/>
              </a:ln>
              <a:solidFill>
                <a:schemeClr val="tx1"/>
              </a:solidFill>
              <a:effectLst/>
              <a:latin typeface="Arial" panose="020B0604020202020204" pitchFamily="34" charset="0"/>
            </a:endParaRPr>
          </a:p>
        </p:txBody>
      </p:sp>
      <p:sp>
        <p:nvSpPr>
          <p:cNvPr id="56" name="Oval 55">
            <a:extLst>
              <a:ext uri="{FF2B5EF4-FFF2-40B4-BE49-F238E27FC236}">
                <a16:creationId xmlns:a16="http://schemas.microsoft.com/office/drawing/2014/main" id="{F2D53498-211D-2801-5F4C-A1B0F88E3A78}"/>
              </a:ext>
              <a:ext uri="{C183D7F6-B498-43B3-948B-1728B52AA6E4}">
                <adec:decorative xmlns:adec="http://schemas.microsoft.com/office/drawing/2017/decorative" val="1"/>
              </a:ext>
            </a:extLst>
          </p:cNvPr>
          <p:cNvSpPr/>
          <p:nvPr/>
        </p:nvSpPr>
        <p:spPr>
          <a:xfrm>
            <a:off x="1553668" y="4982797"/>
            <a:ext cx="165210" cy="165211"/>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Tree>
    <p:extLst>
      <p:ext uri="{BB962C8B-B14F-4D97-AF65-F5344CB8AC3E}">
        <p14:creationId xmlns:p14="http://schemas.microsoft.com/office/powerpoint/2010/main" val="4171224427"/>
      </p:ext>
    </p:extLst>
  </p:cSld>
  <p:clrMapOvr>
    <a:masterClrMapping/>
  </p:clrMapOvr>
  <p:transition>
    <p:fade/>
  </p:transition>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5D2F59-C064-8C2D-312E-34323CFC178F}"/>
            </a:ext>
          </a:extLst>
        </p:cNvPr>
        <p:cNvGrpSpPr/>
        <p:nvPr/>
      </p:nvGrpSpPr>
      <p:grpSpPr>
        <a:xfrm>
          <a:off x="0" y="0"/>
          <a:ext cx="0" cy="0"/>
          <a:chOff x="0" y="0"/>
          <a:chExt cx="0" cy="0"/>
        </a:xfrm>
      </p:grpSpPr>
      <p:sp>
        <p:nvSpPr>
          <p:cNvPr id="112" name="Rectangle: Rounded Corners 111">
            <a:extLst>
              <a:ext uri="{FF2B5EF4-FFF2-40B4-BE49-F238E27FC236}">
                <a16:creationId xmlns:a16="http://schemas.microsoft.com/office/drawing/2014/main" id="{CA6C42B3-840D-54CA-56A5-CF2E28EA3677}"/>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rgbClr val="2C8027"/>
                </a:solidFill>
              </a:rPr>
              <a:t>Spor 2 | Indkøb, krav og arkitektur</a:t>
            </a:r>
            <a:endParaRPr lang="da-DK" sz="1600" b="1" noProof="0" dirty="0">
              <a:solidFill>
                <a:srgbClr val="EE2F66"/>
              </a:solidFill>
              <a:latin typeface="Arial" panose="020B0604020202020204"/>
            </a:endParaRPr>
          </a:p>
        </p:txBody>
      </p:sp>
      <p:sp>
        <p:nvSpPr>
          <p:cNvPr id="8" name="Title 2">
            <a:extLst>
              <a:ext uri="{FF2B5EF4-FFF2-40B4-BE49-F238E27FC236}">
                <a16:creationId xmlns:a16="http://schemas.microsoft.com/office/drawing/2014/main" id="{7C4A5DA8-648B-176C-4D1C-404076A5AD37}"/>
              </a:ext>
            </a:extLst>
          </p:cNvPr>
          <p:cNvSpPr>
            <a:spLocks noGrp="1"/>
          </p:cNvSpPr>
          <p:nvPr>
            <p:ph type="title"/>
          </p:nvPr>
        </p:nvSpPr>
        <p:spPr>
          <a:xfrm>
            <a:off x="554355" y="512763"/>
            <a:ext cx="11088000" cy="792465"/>
          </a:xfrm>
        </p:spPr>
        <p:txBody>
          <a:bodyPr/>
          <a:lstStyle/>
          <a:p>
            <a:r>
              <a:rPr lang="da-DK" sz="2200" b="1" noProof="0" dirty="0">
                <a:solidFill>
                  <a:srgbClr val="2C8027"/>
                </a:solidFill>
              </a:rPr>
              <a:t>2.3 Fælles “suverænitetspakke” til offentlige it-udbud </a:t>
            </a:r>
            <a:endParaRPr lang="da-DK" sz="2200" noProof="0" dirty="0">
              <a:solidFill>
                <a:schemeClr val="tx1"/>
              </a:solidFill>
              <a:latin typeface="Arial" panose="020B0604020202020204" pitchFamily="34" charset="0"/>
            </a:endParaRPr>
          </a:p>
        </p:txBody>
      </p:sp>
      <p:sp>
        <p:nvSpPr>
          <p:cNvPr id="22" name="Rectangle: Rounded Corners 21">
            <a:extLst>
              <a:ext uri="{FF2B5EF4-FFF2-40B4-BE49-F238E27FC236}">
                <a16:creationId xmlns:a16="http://schemas.microsoft.com/office/drawing/2014/main" id="{BF9DDFE8-00E8-DDB7-2847-E80A3B836064}"/>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D5ECC8"/>
          </a:solidFill>
          <a:ln w="12700" cap="flat" cmpd="sng" algn="ctr">
            <a:solidFill>
              <a:srgbClr val="2C8027"/>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494E728C-4C45-8540-4AC2-4FE405E4A8DA}"/>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34B5666F-807C-7FEE-0A1C-98F664D97543}"/>
              </a:ext>
            </a:extLst>
          </p:cNvPr>
          <p:cNvSpPr/>
          <p:nvPr/>
        </p:nvSpPr>
        <p:spPr>
          <a:xfrm>
            <a:off x="566629" y="1764045"/>
            <a:ext cx="6077214" cy="2353183"/>
          </a:xfrm>
          <a:prstGeom prst="roundRect">
            <a:avLst>
              <a:gd name="adj" fmla="val 6523"/>
            </a:avLst>
          </a:prstGeom>
          <a:no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Ins="36000" rtlCol="0" anchor="t"/>
          <a:lstStyle/>
          <a:p>
            <a:endParaRPr lang="da-DK" sz="900" b="1" noProof="0" dirty="0">
              <a:solidFill>
                <a:schemeClr val="tx1"/>
              </a:solidFill>
            </a:endParaRPr>
          </a:p>
          <a:p>
            <a:r>
              <a:rPr lang="da-DK" sz="1000" b="1" noProof="0" dirty="0">
                <a:solidFill>
                  <a:schemeClr val="tx1"/>
                </a:solidFill>
                <a:latin typeface="Arial" panose="020B0604020202020204" pitchFamily="34" charset="0"/>
              </a:rPr>
              <a:t>Formål: </a:t>
            </a:r>
            <a:r>
              <a:rPr lang="da-DK" sz="1000" noProof="0" dirty="0">
                <a:solidFill>
                  <a:schemeClr val="tx1"/>
                </a:solidFill>
                <a:latin typeface="Arial" panose="020B0604020202020204" pitchFamily="34" charset="0"/>
              </a:rPr>
              <a:t>At etablere en samlet ”</a:t>
            </a:r>
            <a:r>
              <a:rPr lang="da-DK" sz="1000" noProof="0" dirty="0" err="1">
                <a:solidFill>
                  <a:schemeClr val="tx1"/>
                </a:solidFill>
                <a:latin typeface="Arial" panose="020B0604020202020204" pitchFamily="34" charset="0"/>
              </a:rPr>
              <a:t>videnspakke</a:t>
            </a:r>
            <a:r>
              <a:rPr lang="da-DK" sz="1000" noProof="0" dirty="0">
                <a:solidFill>
                  <a:schemeClr val="tx1"/>
                </a:solidFill>
                <a:latin typeface="Arial" panose="020B0604020202020204" pitchFamily="34" charset="0"/>
              </a:rPr>
              <a:t>” med konkrete eksempler på, hvordan offentlige myndigheder kan formulere krav om øget digital suverænitet mhp. </a:t>
            </a:r>
            <a:r>
              <a:rPr lang="da-DK" sz="1000" noProof="0" dirty="0">
                <a:solidFill>
                  <a:schemeClr val="tx1"/>
                </a:solidFill>
              </a:rPr>
              <a:t>skabe øget konkurrence og stimulere markedet. Pakken implementeres i relevante SKI-aftaler. </a:t>
            </a:r>
            <a:endParaRPr lang="da-DK" sz="1000" b="1" noProof="0" dirty="0">
              <a:solidFill>
                <a:schemeClr val="tx1"/>
              </a:solidFill>
              <a:latin typeface="Arial" panose="020B0604020202020204" pitchFamily="34" charset="0"/>
            </a:endParaRPr>
          </a:p>
          <a:p>
            <a:pPr>
              <a:spcBef>
                <a:spcPts val="300"/>
              </a:spcBef>
            </a:pPr>
            <a:r>
              <a:rPr lang="da-DK" sz="1000" b="1" noProof="0" dirty="0">
                <a:solidFill>
                  <a:schemeClr val="tx1"/>
                </a:solidFill>
                <a:latin typeface="Arial" panose="020B0604020202020204" pitchFamily="34" charset="0"/>
              </a:rPr>
              <a:t>Indhold: </a:t>
            </a:r>
            <a:r>
              <a:rPr lang="da-DK" sz="1000" noProof="0" dirty="0">
                <a:solidFill>
                  <a:schemeClr val="tx1"/>
                </a:solidFill>
                <a:latin typeface="Arial" panose="020B0604020202020204" pitchFamily="34" charset="0"/>
              </a:rPr>
              <a:t>Med afsæt i tilgængelig viden og udbudsmaterialer etableres en samlet suverænitetspakke, som kan understøtte myndighederne ifm. kommende it-udbud og justeringer i nuværende kontrakter. Relevante SKI-aftaler opdateres med inspiration fra indførelsen af grønne krav og sikkerhedskrav.</a:t>
            </a:r>
          </a:p>
          <a:p>
            <a:pPr>
              <a:spcBef>
                <a:spcPts val="300"/>
              </a:spcBef>
            </a:pPr>
            <a:r>
              <a:rPr lang="da-DK" sz="1000" noProof="0" dirty="0">
                <a:solidFill>
                  <a:schemeClr val="tx1"/>
                </a:solidFill>
                <a:latin typeface="Arial" panose="020B0604020202020204" pitchFamily="34" charset="0"/>
              </a:rPr>
              <a:t>Pakken kan bl.a. indeholde konkrete eksempler på krav og kontraktklausuler om fx dataflyt (</a:t>
            </a:r>
            <a:r>
              <a:rPr lang="da-DK" sz="1000" noProof="0" dirty="0" err="1">
                <a:solidFill>
                  <a:schemeClr val="tx1"/>
                </a:solidFill>
                <a:latin typeface="Arial" panose="020B0604020202020204" pitchFamily="34" charset="0"/>
              </a:rPr>
              <a:t>portabilitet</a:t>
            </a:r>
            <a:r>
              <a:rPr lang="da-DK" sz="1000" noProof="0" dirty="0">
                <a:solidFill>
                  <a:schemeClr val="tx1"/>
                </a:solidFill>
                <a:latin typeface="Arial" panose="020B0604020202020204" pitchFamily="34" charset="0"/>
              </a:rPr>
              <a:t>), datalokalisering, krypteringsnøgler, omkostningsfri adgang til data, open source-komponenter, </a:t>
            </a:r>
            <a:r>
              <a:rPr lang="da-DK" sz="1000" noProof="0" dirty="0" err="1">
                <a:solidFill>
                  <a:schemeClr val="tx1"/>
                </a:solidFill>
                <a:latin typeface="Arial" panose="020B0604020202020204" pitchFamily="34" charset="0"/>
              </a:rPr>
              <a:t>privacy-enhancing</a:t>
            </a:r>
            <a:r>
              <a:rPr lang="da-DK" sz="1000" noProof="0" dirty="0">
                <a:solidFill>
                  <a:schemeClr val="tx1"/>
                </a:solidFill>
                <a:latin typeface="Arial" panose="020B0604020202020204" pitchFamily="34" charset="0"/>
              </a:rPr>
              <a:t> </a:t>
            </a:r>
            <a:r>
              <a:rPr lang="da-DK" sz="1000" noProof="0" dirty="0" err="1">
                <a:solidFill>
                  <a:schemeClr val="tx1"/>
                </a:solidFill>
                <a:latin typeface="Arial" panose="020B0604020202020204" pitchFamily="34" charset="0"/>
              </a:rPr>
              <a:t>technologies</a:t>
            </a:r>
            <a:r>
              <a:rPr lang="da-DK" sz="1000" noProof="0" dirty="0">
                <a:solidFill>
                  <a:schemeClr val="tx1"/>
                </a:solidFill>
                <a:latin typeface="Arial" panose="020B0604020202020204" pitchFamily="34" charset="0"/>
              </a:rPr>
              <a:t> (</a:t>
            </a:r>
            <a:r>
              <a:rPr lang="da-DK" sz="1000" noProof="0" dirty="0" err="1">
                <a:solidFill>
                  <a:schemeClr val="tx1"/>
                </a:solidFill>
                <a:latin typeface="Arial" panose="020B0604020202020204" pitchFamily="34" charset="0"/>
              </a:rPr>
              <a:t>PETs</a:t>
            </a:r>
            <a:r>
              <a:rPr lang="da-DK" sz="1000" noProof="0" dirty="0">
                <a:solidFill>
                  <a:schemeClr val="tx1"/>
                </a:solidFill>
                <a:latin typeface="Arial" panose="020B0604020202020204" pitchFamily="34" charset="0"/>
              </a:rPr>
              <a:t>), kode-</a:t>
            </a:r>
            <a:r>
              <a:rPr lang="da-DK" sz="1000" noProof="0" dirty="0" err="1">
                <a:solidFill>
                  <a:schemeClr val="tx1"/>
                </a:solidFill>
                <a:latin typeface="Arial" panose="020B0604020202020204" pitchFamily="34" charset="0"/>
              </a:rPr>
              <a:t>reviews</a:t>
            </a:r>
            <a:r>
              <a:rPr lang="da-DK" sz="1000" noProof="0" dirty="0">
                <a:solidFill>
                  <a:schemeClr val="tx1"/>
                </a:solidFill>
                <a:latin typeface="Arial" panose="020B0604020202020204" pitchFamily="34" charset="0"/>
              </a:rPr>
              <a:t>, transparens over leverandørkæder og audits, standardiserede snitflader, udvidet brugsret til kode, åben datamodel, åbne </a:t>
            </a:r>
            <a:r>
              <a:rPr lang="da-DK" sz="1000" noProof="0" dirty="0" err="1">
                <a:solidFill>
                  <a:schemeClr val="tx1"/>
                </a:solidFill>
                <a:latin typeface="Arial" panose="020B0604020202020204" pitchFamily="34" charset="0"/>
              </a:rPr>
              <a:t>API’er</a:t>
            </a:r>
            <a:r>
              <a:rPr lang="da-DK" sz="1000" noProof="0" dirty="0">
                <a:solidFill>
                  <a:schemeClr val="tx1"/>
                </a:solidFill>
                <a:latin typeface="Arial" panose="020B0604020202020204" pitchFamily="34" charset="0"/>
              </a:rPr>
              <a:t>, åbne frameworks og kodebiblioteker, åbne standarder mv. Pakken bør suppleres med vejledning til evalueringsmodeller med anvendelse af nye suverænitetskriterier som input til vurdering af leverandører og produkter. </a:t>
            </a:r>
          </a:p>
          <a:p>
            <a:pPr>
              <a:spcBef>
                <a:spcPts val="300"/>
              </a:spcBef>
            </a:pPr>
            <a:r>
              <a:rPr lang="da-DK" sz="1000" b="1" noProof="0" dirty="0">
                <a:solidFill>
                  <a:schemeClr val="tx1"/>
                </a:solidFill>
              </a:rPr>
              <a:t>Erfaringsgrundlag:</a:t>
            </a:r>
            <a:r>
              <a:rPr lang="da-DK" sz="1000" noProof="0" dirty="0">
                <a:solidFill>
                  <a:schemeClr val="tx1"/>
                </a:solidFill>
              </a:rPr>
              <a:t> EU-Kommissionen, Digitaliseringsstyrelsen og KL (arkitektur og OSS), OS2.</a:t>
            </a:r>
          </a:p>
          <a:p>
            <a:endParaRPr lang="da-DK" sz="1000" noProof="0" dirty="0">
              <a:solidFill>
                <a:schemeClr val="tx1"/>
              </a:solidFill>
            </a:endParaRPr>
          </a:p>
        </p:txBody>
      </p:sp>
      <p:sp>
        <p:nvSpPr>
          <p:cNvPr id="45" name="Rounded Rectangle 127">
            <a:extLst>
              <a:ext uri="{FF2B5EF4-FFF2-40B4-BE49-F238E27FC236}">
                <a16:creationId xmlns:a16="http://schemas.microsoft.com/office/drawing/2014/main" id="{809F281F-6A43-29E9-38C7-C5EF11EB691A}"/>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D5ECC8"/>
          </a:solid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107403"/>
                </a:solidFill>
              </a:rPr>
              <a:t>Formål og indhold</a:t>
            </a:r>
          </a:p>
        </p:txBody>
      </p:sp>
      <p:sp>
        <p:nvSpPr>
          <p:cNvPr id="65" name="Rounded Rectangle 127">
            <a:extLst>
              <a:ext uri="{FF2B5EF4-FFF2-40B4-BE49-F238E27FC236}">
                <a16:creationId xmlns:a16="http://schemas.microsoft.com/office/drawing/2014/main" id="{A8ECB4DD-A33C-CE46-9AF3-280130D79B83}"/>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02FAD3B9-059E-BC2F-B3AA-3C5BA9F9B618}"/>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D5ECC8"/>
          </a:solid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107403"/>
                </a:solidFill>
              </a:rPr>
              <a:t>Vurdering</a:t>
            </a:r>
          </a:p>
        </p:txBody>
      </p:sp>
      <p:sp>
        <p:nvSpPr>
          <p:cNvPr id="64" name="Rectangle: Top Corners Rounded 63">
            <a:extLst>
              <a:ext uri="{FF2B5EF4-FFF2-40B4-BE49-F238E27FC236}">
                <a16:creationId xmlns:a16="http://schemas.microsoft.com/office/drawing/2014/main" id="{CA262E40-8148-C463-C9CC-49DF67FE3283}"/>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95" name="TextBox 94">
            <a:extLst>
              <a:ext uri="{FF2B5EF4-FFF2-40B4-BE49-F238E27FC236}">
                <a16:creationId xmlns:a16="http://schemas.microsoft.com/office/drawing/2014/main" id="{19B70093-ECCA-7EBF-EA23-6D255DB60684}"/>
              </a:ext>
            </a:extLst>
          </p:cNvPr>
          <p:cNvSpPr txBox="1"/>
          <p:nvPr/>
        </p:nvSpPr>
        <p:spPr>
          <a:xfrm>
            <a:off x="612348" y="5253913"/>
            <a:ext cx="3812015" cy="1246495"/>
          </a:xfrm>
          <a:prstGeom prst="rect">
            <a:avLst/>
          </a:prstGeom>
          <a:noFill/>
        </p:spPr>
        <p:txBody>
          <a:bodyPr wrap="square">
            <a:spAutoFit/>
          </a:bodyPr>
          <a:lstStyle/>
          <a:p>
            <a:r>
              <a:rPr lang="da-DK" sz="1000" b="1" noProof="0" dirty="0">
                <a:solidFill>
                  <a:srgbClr val="00172D"/>
                </a:solidFill>
              </a:rPr>
              <a:t>Niveau: </a:t>
            </a:r>
            <a:r>
              <a:rPr lang="da-DK" sz="1000" noProof="0" dirty="0">
                <a:solidFill>
                  <a:srgbClr val="00172D"/>
                </a:solidFill>
              </a:rPr>
              <a:t>Fællesoffentligt</a:t>
            </a:r>
            <a:r>
              <a:rPr lang="da-DK" sz="1000" noProof="0" dirty="0">
                <a:solidFill>
                  <a:srgbClr val="00172D"/>
                </a:solidFill>
                <a:latin typeface="Arial" panose="020B0604020202020204" pitchFamily="34" charset="0"/>
              </a:rPr>
              <a:t>.</a:t>
            </a:r>
            <a:endParaRPr lang="da-DK" sz="1000" b="1" noProof="0" dirty="0">
              <a:latin typeface="Arial" panose="020B0604020202020204" pitchFamily="34" charset="0"/>
            </a:endParaRP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Kan gennemføres på 1-2 år (</a:t>
            </a:r>
            <a:r>
              <a:rPr lang="da-DK" sz="1000" noProof="0" dirty="0" err="1">
                <a:latin typeface="Arial" panose="020B0604020202020204" pitchFamily="34" charset="0"/>
              </a:rPr>
              <a:t>fsv</a:t>
            </a:r>
            <a:r>
              <a:rPr lang="da-DK" sz="1000" noProof="0" dirty="0">
                <a:latin typeface="Arial" panose="020B0604020202020204" pitchFamily="34" charset="0"/>
              </a:rPr>
              <a:t>. angår SKI aftaler, kan krav formentlig implementeres hurtigt i de dynamiske indkøbssystemer, men først ved genudbud ifm. rammeaftalerne)</a:t>
            </a:r>
          </a:p>
          <a:p>
            <a:pPr>
              <a:spcBef>
                <a:spcPts val="300"/>
              </a:spcBef>
            </a:pPr>
            <a:r>
              <a:rPr lang="da-DK" sz="1000" b="1" noProof="0" dirty="0">
                <a:latin typeface="Arial" panose="020B0604020202020204" pitchFamily="34" charset="0"/>
              </a:rPr>
              <a:t>Afhængigheder:</a:t>
            </a:r>
            <a:r>
              <a:rPr lang="da-DK" sz="1000" noProof="0" dirty="0">
                <a:latin typeface="Arial" panose="020B0604020202020204" pitchFamily="34" charset="0"/>
              </a:rPr>
              <a:t> Kan med fordel etableres med input fra markedsafdækning (indsats 2.1).</a:t>
            </a:r>
          </a:p>
          <a:p>
            <a:endParaRPr lang="da-DK" sz="1000" noProof="0" dirty="0">
              <a:latin typeface="Arial" panose="020B0604020202020204" pitchFamily="34" charset="0"/>
            </a:endParaRPr>
          </a:p>
        </p:txBody>
      </p:sp>
      <p:grpSp>
        <p:nvGrpSpPr>
          <p:cNvPr id="4" name="Group 3" descr="Samlet kompleksitetsvurdering, 5 ud af 10">
            <a:extLst>
              <a:ext uri="{FF2B5EF4-FFF2-40B4-BE49-F238E27FC236}">
                <a16:creationId xmlns:a16="http://schemas.microsoft.com/office/drawing/2014/main" id="{61BCF8F2-2B41-5010-B077-18F8D7B1200D}"/>
              </a:ext>
            </a:extLst>
          </p:cNvPr>
          <p:cNvGrpSpPr/>
          <p:nvPr/>
        </p:nvGrpSpPr>
        <p:grpSpPr>
          <a:xfrm>
            <a:off x="649827" y="4555473"/>
            <a:ext cx="3279437" cy="592559"/>
            <a:chOff x="1383756" y="4555473"/>
            <a:chExt cx="3279437" cy="592559"/>
          </a:xfrm>
        </p:grpSpPr>
        <p:sp>
          <p:nvSpPr>
            <p:cNvPr id="9" name="TextBox 8">
              <a:extLst>
                <a:ext uri="{FF2B5EF4-FFF2-40B4-BE49-F238E27FC236}">
                  <a16:creationId xmlns:a16="http://schemas.microsoft.com/office/drawing/2014/main" id="{AEE57DC3-9F51-7DD3-8DFF-7D1A986D6059}"/>
                </a:ext>
              </a:extLst>
            </p:cNvPr>
            <p:cNvSpPr txBox="1"/>
            <p:nvPr/>
          </p:nvSpPr>
          <p:spPr>
            <a:xfrm>
              <a:off x="2431748" y="4555473"/>
              <a:ext cx="1191621" cy="261610"/>
            </a:xfrm>
            <a:prstGeom prst="rect">
              <a:avLst/>
            </a:prstGeom>
            <a:noFill/>
          </p:spPr>
          <p:txBody>
            <a:bodyPr wrap="square">
              <a:spAutoFit/>
            </a:bodyPr>
            <a:lstStyle/>
            <a:p>
              <a:pPr algn="ctr"/>
              <a:r>
                <a:rPr lang="da-DK" sz="1100" b="1" noProof="0" dirty="0"/>
                <a:t>Kompleksitet</a:t>
              </a:r>
            </a:p>
          </p:txBody>
        </p:sp>
        <p:grpSp>
          <p:nvGrpSpPr>
            <p:cNvPr id="10" name="Group 9">
              <a:extLst>
                <a:ext uri="{FF2B5EF4-FFF2-40B4-BE49-F238E27FC236}">
                  <a16:creationId xmlns:a16="http://schemas.microsoft.com/office/drawing/2014/main" id="{3BB78E1C-E038-E83D-2CFE-8737B1BF76E1}"/>
                </a:ext>
              </a:extLst>
            </p:cNvPr>
            <p:cNvGrpSpPr>
              <a:grpSpLocks noChangeAspect="1"/>
            </p:cNvGrpSpPr>
            <p:nvPr/>
          </p:nvGrpSpPr>
          <p:grpSpPr>
            <a:xfrm>
              <a:off x="1383756" y="4900479"/>
              <a:ext cx="3279437" cy="247553"/>
              <a:chOff x="-110431" y="4916533"/>
              <a:chExt cx="2858416" cy="215770"/>
            </a:xfrm>
          </p:grpSpPr>
          <p:grpSp>
            <p:nvGrpSpPr>
              <p:cNvPr id="11" name="Group 10">
                <a:extLst>
                  <a:ext uri="{FF2B5EF4-FFF2-40B4-BE49-F238E27FC236}">
                    <a16:creationId xmlns:a16="http://schemas.microsoft.com/office/drawing/2014/main" id="{C79305C4-DC11-7A85-8EDF-ADC5553168AB}"/>
                  </a:ext>
                </a:extLst>
              </p:cNvPr>
              <p:cNvGrpSpPr/>
              <p:nvPr/>
            </p:nvGrpSpPr>
            <p:grpSpPr>
              <a:xfrm>
                <a:off x="-110431" y="4916533"/>
                <a:ext cx="2858416" cy="180194"/>
                <a:chOff x="4280723" y="3040512"/>
                <a:chExt cx="3161620" cy="171957"/>
              </a:xfrm>
            </p:grpSpPr>
            <p:grpSp>
              <p:nvGrpSpPr>
                <p:cNvPr id="13" name="Group 12">
                  <a:extLst>
                    <a:ext uri="{FF2B5EF4-FFF2-40B4-BE49-F238E27FC236}">
                      <a16:creationId xmlns:a16="http://schemas.microsoft.com/office/drawing/2014/main" id="{498710EF-9195-795C-86C7-5E6E389CD748}"/>
                    </a:ext>
                  </a:extLst>
                </p:cNvPr>
                <p:cNvGrpSpPr/>
                <p:nvPr/>
              </p:nvGrpSpPr>
              <p:grpSpPr>
                <a:xfrm>
                  <a:off x="4383394" y="3153610"/>
                  <a:ext cx="2961649" cy="45719"/>
                  <a:chOff x="4383394" y="3153610"/>
                  <a:chExt cx="2961649" cy="45719"/>
                </a:xfrm>
              </p:grpSpPr>
              <p:cxnSp>
                <p:nvCxnSpPr>
                  <p:cNvPr id="18" name="Straight Connector 17">
                    <a:extLst>
                      <a:ext uri="{FF2B5EF4-FFF2-40B4-BE49-F238E27FC236}">
                        <a16:creationId xmlns:a16="http://schemas.microsoft.com/office/drawing/2014/main" id="{5C1EF7F7-D713-4082-360D-08D4E3880D9B}"/>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9" name="Oval 18">
                    <a:extLst>
                      <a:ext uri="{FF2B5EF4-FFF2-40B4-BE49-F238E27FC236}">
                        <a16:creationId xmlns:a16="http://schemas.microsoft.com/office/drawing/2014/main" id="{1330074E-48E3-6FEC-E923-C2B1DDAB61AA}"/>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5" name="Oval 34">
                    <a:extLst>
                      <a:ext uri="{FF2B5EF4-FFF2-40B4-BE49-F238E27FC236}">
                        <a16:creationId xmlns:a16="http://schemas.microsoft.com/office/drawing/2014/main" id="{68D9ECC4-A0E6-2BDE-9D3A-CF429CB34804}"/>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5" name="Straight Connector 14">
                  <a:extLst>
                    <a:ext uri="{FF2B5EF4-FFF2-40B4-BE49-F238E27FC236}">
                      <a16:creationId xmlns:a16="http://schemas.microsoft.com/office/drawing/2014/main" id="{83ECA6DD-9277-058F-038F-6F621EBE3F62}"/>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AABF1F50-49FC-73DA-5CE6-F4D6E2F5789B}"/>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17" name="TextBox 16">
                  <a:extLst>
                    <a:ext uri="{FF2B5EF4-FFF2-40B4-BE49-F238E27FC236}">
                      <a16:creationId xmlns:a16="http://schemas.microsoft.com/office/drawing/2014/main" id="{DB1EBF5C-0EDD-CF32-3920-B2427F113562}"/>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sp>
            <p:nvSpPr>
              <p:cNvPr id="12" name="Oval 11">
                <a:extLst>
                  <a:ext uri="{FF2B5EF4-FFF2-40B4-BE49-F238E27FC236}">
                    <a16:creationId xmlns:a16="http://schemas.microsoft.com/office/drawing/2014/main" id="{92C36AFD-A0B2-4FD9-06A5-4FE2125F4B60}"/>
                  </a:ext>
                </a:extLst>
              </p:cNvPr>
              <p:cNvSpPr/>
              <p:nvPr/>
            </p:nvSpPr>
            <p:spPr>
              <a:xfrm>
                <a:off x="1239822" y="4988303"/>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sp>
        <p:nvSpPr>
          <p:cNvPr id="70" name="TextBox 69">
            <a:extLst>
              <a:ext uri="{FF2B5EF4-FFF2-40B4-BE49-F238E27FC236}">
                <a16:creationId xmlns:a16="http://schemas.microsoft.com/office/drawing/2014/main" id="{BF7663F9-57CE-FE92-C30A-CD31DC97B55D}"/>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a:t>Teknisk</a:t>
            </a:r>
            <a:endParaRPr lang="da-DK" sz="1100" b="1" i="1" noProof="0"/>
          </a:p>
        </p:txBody>
      </p:sp>
      <p:grpSp>
        <p:nvGrpSpPr>
          <p:cNvPr id="53" name="Group 52" descr="Vurdering af teknisk kompleksitet, 2.5 ud af 10">
            <a:extLst>
              <a:ext uri="{FF2B5EF4-FFF2-40B4-BE49-F238E27FC236}">
                <a16:creationId xmlns:a16="http://schemas.microsoft.com/office/drawing/2014/main" id="{D879BF7E-4D05-10FD-0072-253FADCBA4E4}"/>
              </a:ext>
            </a:extLst>
          </p:cNvPr>
          <p:cNvGrpSpPr/>
          <p:nvPr/>
        </p:nvGrpSpPr>
        <p:grpSpPr>
          <a:xfrm>
            <a:off x="4755591" y="4883930"/>
            <a:ext cx="1707066" cy="248033"/>
            <a:chOff x="860772" y="4916533"/>
            <a:chExt cx="1487909" cy="216189"/>
          </a:xfrm>
        </p:grpSpPr>
        <p:grpSp>
          <p:nvGrpSpPr>
            <p:cNvPr id="55" name="Group 54">
              <a:extLst>
                <a:ext uri="{FF2B5EF4-FFF2-40B4-BE49-F238E27FC236}">
                  <a16:creationId xmlns:a16="http://schemas.microsoft.com/office/drawing/2014/main" id="{5396C479-2E30-7F63-54D4-131874A117F6}"/>
                </a:ext>
              </a:extLst>
            </p:cNvPr>
            <p:cNvGrpSpPr/>
            <p:nvPr/>
          </p:nvGrpSpPr>
          <p:grpSpPr>
            <a:xfrm>
              <a:off x="860772" y="4916533"/>
              <a:ext cx="1487909" cy="180194"/>
              <a:chOff x="5354949" y="3040512"/>
              <a:chExt cx="1645739" cy="171957"/>
            </a:xfrm>
          </p:grpSpPr>
          <p:grpSp>
            <p:nvGrpSpPr>
              <p:cNvPr id="57" name="Group 56">
                <a:extLst>
                  <a:ext uri="{FF2B5EF4-FFF2-40B4-BE49-F238E27FC236}">
                    <a16:creationId xmlns:a16="http://schemas.microsoft.com/office/drawing/2014/main" id="{B93A6526-AFDE-3A63-A61A-5675364ECE37}"/>
                  </a:ext>
                </a:extLst>
              </p:cNvPr>
              <p:cNvGrpSpPr/>
              <p:nvPr/>
            </p:nvGrpSpPr>
            <p:grpSpPr>
              <a:xfrm>
                <a:off x="5458296" y="3153610"/>
                <a:ext cx="1445092" cy="45719"/>
                <a:chOff x="5458296" y="3153610"/>
                <a:chExt cx="1445092" cy="45719"/>
              </a:xfrm>
            </p:grpSpPr>
            <p:cxnSp>
              <p:nvCxnSpPr>
                <p:cNvPr id="67" name="Straight Connector 66">
                  <a:extLst>
                    <a:ext uri="{FF2B5EF4-FFF2-40B4-BE49-F238E27FC236}">
                      <a16:creationId xmlns:a16="http://schemas.microsoft.com/office/drawing/2014/main" id="{76FFD4B4-9747-8858-239D-EE12B00E4D28}"/>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8" name="Oval 67">
                  <a:extLst>
                    <a:ext uri="{FF2B5EF4-FFF2-40B4-BE49-F238E27FC236}">
                      <a16:creationId xmlns:a16="http://schemas.microsoft.com/office/drawing/2014/main" id="{86A853FB-3368-DB3F-9303-3E39717865F3}"/>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69" name="Oval 68">
                  <a:extLst>
                    <a:ext uri="{FF2B5EF4-FFF2-40B4-BE49-F238E27FC236}">
                      <a16:creationId xmlns:a16="http://schemas.microsoft.com/office/drawing/2014/main" id="{947282F0-0017-1FA3-0E01-FF6BD154C16D}"/>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61" name="Straight Connector 60">
                <a:extLst>
                  <a:ext uri="{FF2B5EF4-FFF2-40B4-BE49-F238E27FC236}">
                    <a16:creationId xmlns:a16="http://schemas.microsoft.com/office/drawing/2014/main" id="{E3B93B5C-8D94-F484-2FCA-D8966B12800F}"/>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2" name="TextBox 61">
                <a:extLst>
                  <a:ext uri="{FF2B5EF4-FFF2-40B4-BE49-F238E27FC236}">
                    <a16:creationId xmlns:a16="http://schemas.microsoft.com/office/drawing/2014/main" id="{A722883F-B97A-9F5F-D7C1-00CFD3D7ECCA}"/>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66" name="TextBox 65">
                <a:extLst>
                  <a:ext uri="{FF2B5EF4-FFF2-40B4-BE49-F238E27FC236}">
                    <a16:creationId xmlns:a16="http://schemas.microsoft.com/office/drawing/2014/main" id="{591B1291-DD2D-E468-B0C2-2ECA54F06E44}"/>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56" name="Oval 55">
              <a:extLst>
                <a:ext uri="{FF2B5EF4-FFF2-40B4-BE49-F238E27FC236}">
                  <a16:creationId xmlns:a16="http://schemas.microsoft.com/office/drawing/2014/main" id="{8A2A22AB-D53D-7066-4603-7E7E0EC245E9}"/>
                </a:ext>
              </a:extLst>
            </p:cNvPr>
            <p:cNvSpPr/>
            <p:nvPr/>
          </p:nvSpPr>
          <p:spPr>
            <a:xfrm>
              <a:off x="1231519"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81" name="TextBox 80">
            <a:extLst>
              <a:ext uri="{FF2B5EF4-FFF2-40B4-BE49-F238E27FC236}">
                <a16:creationId xmlns:a16="http://schemas.microsoft.com/office/drawing/2014/main" id="{C5C9CCF0-7C91-B9B7-7067-71ACC485931D}"/>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71" name="Group 70" descr="Vurdering af organisatorisk kompleksitet, 5 ud af 10">
            <a:extLst>
              <a:ext uri="{FF2B5EF4-FFF2-40B4-BE49-F238E27FC236}">
                <a16:creationId xmlns:a16="http://schemas.microsoft.com/office/drawing/2014/main" id="{E8440DC7-8FD3-82A9-E7E3-2987ACCB9367}"/>
              </a:ext>
            </a:extLst>
          </p:cNvPr>
          <p:cNvGrpSpPr/>
          <p:nvPr/>
        </p:nvGrpSpPr>
        <p:grpSpPr>
          <a:xfrm>
            <a:off x="4756734" y="5395827"/>
            <a:ext cx="1707066" cy="248033"/>
            <a:chOff x="860772" y="4916533"/>
            <a:chExt cx="1487909" cy="216189"/>
          </a:xfrm>
        </p:grpSpPr>
        <p:grpSp>
          <p:nvGrpSpPr>
            <p:cNvPr id="72" name="Group 71">
              <a:extLst>
                <a:ext uri="{FF2B5EF4-FFF2-40B4-BE49-F238E27FC236}">
                  <a16:creationId xmlns:a16="http://schemas.microsoft.com/office/drawing/2014/main" id="{2F14E1B6-E9F0-B790-175A-EB1C2C2BA82B}"/>
                </a:ext>
              </a:extLst>
            </p:cNvPr>
            <p:cNvGrpSpPr/>
            <p:nvPr/>
          </p:nvGrpSpPr>
          <p:grpSpPr>
            <a:xfrm>
              <a:off x="860772" y="4916533"/>
              <a:ext cx="1487909" cy="180194"/>
              <a:chOff x="5354949" y="3040512"/>
              <a:chExt cx="1645739" cy="171957"/>
            </a:xfrm>
          </p:grpSpPr>
          <p:grpSp>
            <p:nvGrpSpPr>
              <p:cNvPr id="74" name="Group 73">
                <a:extLst>
                  <a:ext uri="{FF2B5EF4-FFF2-40B4-BE49-F238E27FC236}">
                    <a16:creationId xmlns:a16="http://schemas.microsoft.com/office/drawing/2014/main" id="{B49AD57B-BCD0-FD69-D800-D3AD498BD986}"/>
                  </a:ext>
                </a:extLst>
              </p:cNvPr>
              <p:cNvGrpSpPr/>
              <p:nvPr/>
            </p:nvGrpSpPr>
            <p:grpSpPr>
              <a:xfrm>
                <a:off x="5458296" y="3153610"/>
                <a:ext cx="1445092" cy="45719"/>
                <a:chOff x="5458296" y="3153610"/>
                <a:chExt cx="1445092" cy="45719"/>
              </a:xfrm>
            </p:grpSpPr>
            <p:cxnSp>
              <p:nvCxnSpPr>
                <p:cNvPr id="78" name="Straight Connector 77">
                  <a:extLst>
                    <a:ext uri="{FF2B5EF4-FFF2-40B4-BE49-F238E27FC236}">
                      <a16:creationId xmlns:a16="http://schemas.microsoft.com/office/drawing/2014/main" id="{F51136D0-608C-42A1-A199-D3773640EE14}"/>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9" name="Oval 78">
                  <a:extLst>
                    <a:ext uri="{FF2B5EF4-FFF2-40B4-BE49-F238E27FC236}">
                      <a16:creationId xmlns:a16="http://schemas.microsoft.com/office/drawing/2014/main" id="{6CD3AA0A-B5FE-D11E-B50A-8EEF7E79398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0" name="Oval 79">
                  <a:extLst>
                    <a:ext uri="{FF2B5EF4-FFF2-40B4-BE49-F238E27FC236}">
                      <a16:creationId xmlns:a16="http://schemas.microsoft.com/office/drawing/2014/main" id="{9E129E92-A54B-3472-BA4A-89F9D4AA3006}"/>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75" name="Straight Connector 74">
                <a:extLst>
                  <a:ext uri="{FF2B5EF4-FFF2-40B4-BE49-F238E27FC236}">
                    <a16:creationId xmlns:a16="http://schemas.microsoft.com/office/drawing/2014/main" id="{09BCB083-7A01-4783-C073-560939D885B5}"/>
                  </a:ext>
                </a:extLst>
              </p:cNvPr>
              <p:cNvCxnSpPr>
                <a:cxnSpLocks/>
              </p:cNvCxnSpPr>
              <p:nvPr/>
            </p:nvCxnSpPr>
            <p:spPr>
              <a:xfrm>
                <a:off x="6176326" y="3140469"/>
                <a:ext cx="0" cy="72000"/>
              </a:xfrm>
              <a:prstGeom prst="line">
                <a:avLst/>
              </a:prstGeom>
              <a:ln w="12700">
                <a:solidFill>
                  <a:schemeClr val="accent4"/>
                </a:solidFill>
              </a:ln>
            </p:spPr>
            <p:style>
              <a:lnRef idx="1">
                <a:schemeClr val="accent1"/>
              </a:lnRef>
              <a:fillRef idx="0">
                <a:schemeClr val="accent1"/>
              </a:fillRef>
              <a:effectRef idx="0">
                <a:schemeClr val="accent1"/>
              </a:effectRef>
              <a:fontRef idx="minor">
                <a:schemeClr val="tx1"/>
              </a:fontRef>
            </p:style>
          </p:cxnSp>
          <p:sp>
            <p:nvSpPr>
              <p:cNvPr id="76" name="TextBox 75">
                <a:extLst>
                  <a:ext uri="{FF2B5EF4-FFF2-40B4-BE49-F238E27FC236}">
                    <a16:creationId xmlns:a16="http://schemas.microsoft.com/office/drawing/2014/main" id="{4FD957E3-F814-538E-35AA-A3E682B212A5}"/>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77" name="TextBox 76">
                <a:extLst>
                  <a:ext uri="{FF2B5EF4-FFF2-40B4-BE49-F238E27FC236}">
                    <a16:creationId xmlns:a16="http://schemas.microsoft.com/office/drawing/2014/main" id="{F6494313-70C5-4468-FF9E-FBBE461B36F1}"/>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73" name="Oval 72">
              <a:extLst>
                <a:ext uri="{FF2B5EF4-FFF2-40B4-BE49-F238E27FC236}">
                  <a16:creationId xmlns:a16="http://schemas.microsoft.com/office/drawing/2014/main" id="{43826713-3AAF-71C9-A591-DB57BFD5AE02}"/>
                </a:ext>
              </a:extLst>
            </p:cNvPr>
            <p:cNvSpPr/>
            <p:nvPr/>
          </p:nvSpPr>
          <p:spPr>
            <a:xfrm>
              <a:off x="1544717"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93" name="TextBox 92">
            <a:extLst>
              <a:ext uri="{FF2B5EF4-FFF2-40B4-BE49-F238E27FC236}">
                <a16:creationId xmlns:a16="http://schemas.microsoft.com/office/drawing/2014/main" id="{559E8EFE-5885-321D-B604-EF1D4AE59F18}"/>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grpSp>
        <p:nvGrpSpPr>
          <p:cNvPr id="82" name="Group 81" descr="Vurdering af organisatorisk kompleksitet, 8 ud af 10">
            <a:extLst>
              <a:ext uri="{FF2B5EF4-FFF2-40B4-BE49-F238E27FC236}">
                <a16:creationId xmlns:a16="http://schemas.microsoft.com/office/drawing/2014/main" id="{7B6A3716-EFC9-AE7F-BF79-C0F18295FDC0}"/>
              </a:ext>
            </a:extLst>
          </p:cNvPr>
          <p:cNvGrpSpPr/>
          <p:nvPr/>
        </p:nvGrpSpPr>
        <p:grpSpPr>
          <a:xfrm>
            <a:off x="4754046" y="5907971"/>
            <a:ext cx="1707066" cy="248033"/>
            <a:chOff x="860772" y="4916533"/>
            <a:chExt cx="1487909" cy="216189"/>
          </a:xfrm>
        </p:grpSpPr>
        <p:grpSp>
          <p:nvGrpSpPr>
            <p:cNvPr id="83" name="Group 82">
              <a:extLst>
                <a:ext uri="{FF2B5EF4-FFF2-40B4-BE49-F238E27FC236}">
                  <a16:creationId xmlns:a16="http://schemas.microsoft.com/office/drawing/2014/main" id="{A568AD81-3C47-E022-CB19-5EDB86C63CF1}"/>
                </a:ext>
              </a:extLst>
            </p:cNvPr>
            <p:cNvGrpSpPr/>
            <p:nvPr/>
          </p:nvGrpSpPr>
          <p:grpSpPr>
            <a:xfrm>
              <a:off x="860772" y="4916533"/>
              <a:ext cx="1487909" cy="180194"/>
              <a:chOff x="5354949" y="3040512"/>
              <a:chExt cx="1645739" cy="171957"/>
            </a:xfrm>
          </p:grpSpPr>
          <p:grpSp>
            <p:nvGrpSpPr>
              <p:cNvPr id="86" name="Group 85">
                <a:extLst>
                  <a:ext uri="{FF2B5EF4-FFF2-40B4-BE49-F238E27FC236}">
                    <a16:creationId xmlns:a16="http://schemas.microsoft.com/office/drawing/2014/main" id="{FC874ADA-654A-7D95-3A7A-93E207C0928E}"/>
                  </a:ext>
                </a:extLst>
              </p:cNvPr>
              <p:cNvGrpSpPr/>
              <p:nvPr/>
            </p:nvGrpSpPr>
            <p:grpSpPr>
              <a:xfrm>
                <a:off x="5458296" y="3153610"/>
                <a:ext cx="1445092" cy="45719"/>
                <a:chOff x="5458296" y="3153610"/>
                <a:chExt cx="1445092" cy="45719"/>
              </a:xfrm>
            </p:grpSpPr>
            <p:cxnSp>
              <p:nvCxnSpPr>
                <p:cNvPr id="90" name="Straight Connector 89">
                  <a:extLst>
                    <a:ext uri="{FF2B5EF4-FFF2-40B4-BE49-F238E27FC236}">
                      <a16:creationId xmlns:a16="http://schemas.microsoft.com/office/drawing/2014/main" id="{4EAD0B23-BF20-1A22-8405-11143E8772B0}"/>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1" name="Oval 90">
                  <a:extLst>
                    <a:ext uri="{FF2B5EF4-FFF2-40B4-BE49-F238E27FC236}">
                      <a16:creationId xmlns:a16="http://schemas.microsoft.com/office/drawing/2014/main" id="{34520741-7E4A-1729-48DA-B99E72BF6FB1}"/>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92" name="Oval 91">
                  <a:extLst>
                    <a:ext uri="{FF2B5EF4-FFF2-40B4-BE49-F238E27FC236}">
                      <a16:creationId xmlns:a16="http://schemas.microsoft.com/office/drawing/2014/main" id="{D69DA709-D594-E445-3580-D0CF98580B36}"/>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87" name="Straight Connector 86">
                <a:extLst>
                  <a:ext uri="{FF2B5EF4-FFF2-40B4-BE49-F238E27FC236}">
                    <a16:creationId xmlns:a16="http://schemas.microsoft.com/office/drawing/2014/main" id="{3B278BA6-7C86-5FFC-0786-9B2D09B5A6E2}"/>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BB5312CF-9DCC-6500-42DF-53553A35A210}"/>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89" name="TextBox 88">
                <a:extLst>
                  <a:ext uri="{FF2B5EF4-FFF2-40B4-BE49-F238E27FC236}">
                    <a16:creationId xmlns:a16="http://schemas.microsoft.com/office/drawing/2014/main" id="{E869FE7D-53BE-44B7-3C07-159FBFA2B029}"/>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85" name="Oval 84">
              <a:extLst>
                <a:ext uri="{FF2B5EF4-FFF2-40B4-BE49-F238E27FC236}">
                  <a16:creationId xmlns:a16="http://schemas.microsoft.com/office/drawing/2014/main" id="{A1D35B7F-CB21-CB1A-B632-5F45BEFDEEF8}"/>
                </a:ext>
              </a:extLst>
            </p:cNvPr>
            <p:cNvSpPr/>
            <p:nvPr/>
          </p:nvSpPr>
          <p:spPr>
            <a:xfrm>
              <a:off x="1951130"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nvGrpSpPr>
          <p:cNvPr id="7" name="Group 6">
            <a:extLst>
              <a:ext uri="{FF2B5EF4-FFF2-40B4-BE49-F238E27FC236}">
                <a16:creationId xmlns:a16="http://schemas.microsoft.com/office/drawing/2014/main" id="{AE220111-8C1B-AF80-BAD6-456274DA9313}"/>
              </a:ext>
              <a:ext uri="{C183D7F6-B498-43B3-948B-1728B52AA6E4}">
                <adec:decorative xmlns:adec="http://schemas.microsoft.com/office/drawing/2017/decorative" val="1"/>
              </a:ext>
            </a:extLst>
          </p:cNvPr>
          <p:cNvGrpSpPr/>
          <p:nvPr/>
        </p:nvGrpSpPr>
        <p:grpSpPr>
          <a:xfrm>
            <a:off x="7242764" y="2228720"/>
            <a:ext cx="2215585" cy="319850"/>
            <a:chOff x="7158625" y="2042360"/>
            <a:chExt cx="2215585" cy="319850"/>
          </a:xfrm>
        </p:grpSpPr>
        <p:sp>
          <p:nvSpPr>
            <p:cNvPr id="24" name="Rektangel: afrundede hjørner 10">
              <a:extLst>
                <a:ext uri="{FF2B5EF4-FFF2-40B4-BE49-F238E27FC236}">
                  <a16:creationId xmlns:a16="http://schemas.microsoft.com/office/drawing/2014/main" id="{24FC40B0-0B25-D67C-059E-86BF42670DE5}"/>
                </a:ext>
              </a:extLst>
            </p:cNvPr>
            <p:cNvSpPr>
              <a:spLocks/>
            </p:cNvSpPr>
            <p:nvPr/>
          </p:nvSpPr>
          <p:spPr>
            <a:xfrm>
              <a:off x="7158625" y="204236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D4ED3631-208A-6979-4222-6718F9680C6B}"/>
                </a:ext>
              </a:extLst>
            </p:cNvPr>
            <p:cNvSpPr>
              <a:spLocks noEditPoints="1"/>
            </p:cNvSpPr>
            <p:nvPr/>
          </p:nvSpPr>
          <p:spPr bwMode="auto">
            <a:xfrm>
              <a:off x="7204885" y="210766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26" name="TextBox 4">
              <a:extLst>
                <a:ext uri="{FF2B5EF4-FFF2-40B4-BE49-F238E27FC236}">
                  <a16:creationId xmlns:a16="http://schemas.microsoft.com/office/drawing/2014/main" id="{FEBBAB14-9404-2739-2DD3-8356D52EC911}"/>
                </a:ext>
              </a:extLst>
            </p:cNvPr>
            <p:cNvSpPr txBox="1">
              <a:spLocks/>
            </p:cNvSpPr>
            <p:nvPr/>
          </p:nvSpPr>
          <p:spPr>
            <a:xfrm>
              <a:off x="7442867" y="2057663"/>
              <a:ext cx="1931343" cy="296832"/>
            </a:xfrm>
            <a:prstGeom prst="rect">
              <a:avLst/>
            </a:prstGeom>
            <a:noFill/>
          </p:spPr>
          <p:txBody>
            <a:bodyPr wrap="square" rtlCol="0" anchor="ctr">
              <a:noAutofit/>
            </a:bodyPr>
            <a:lstStyle/>
            <a:p>
              <a:r>
                <a:rPr lang="da-DK" sz="700" b="1" noProof="0">
                  <a:solidFill>
                    <a:srgbClr val="024D78"/>
                  </a:solidFill>
                </a:rPr>
                <a:t>01 | Høj afhængighed af større leverandører og manglende konkurrence</a:t>
              </a:r>
            </a:p>
          </p:txBody>
        </p:sp>
      </p:grpSp>
      <p:sp>
        <p:nvSpPr>
          <p:cNvPr id="27" name="Rektangel: afrundede hjørner 5">
            <a:extLst>
              <a:ext uri="{FF2B5EF4-FFF2-40B4-BE49-F238E27FC236}">
                <a16:creationId xmlns:a16="http://schemas.microsoft.com/office/drawing/2014/main" id="{B3859680-E3BE-1A47-2481-A2AF7F20BAFE}"/>
              </a:ext>
              <a:ext uri="{C183D7F6-B498-43B3-948B-1728B52AA6E4}">
                <adec:decorative xmlns:adec="http://schemas.microsoft.com/office/drawing/2017/decorative" val="1"/>
              </a:ext>
            </a:extLst>
          </p:cNvPr>
          <p:cNvSpPr>
            <a:spLocks/>
          </p:cNvSpPr>
          <p:nvPr/>
        </p:nvSpPr>
        <p:spPr>
          <a:xfrm>
            <a:off x="7242764" y="2651061"/>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34" name="TextBox 133">
            <a:extLst>
              <a:ext uri="{FF2B5EF4-FFF2-40B4-BE49-F238E27FC236}">
                <a16:creationId xmlns:a16="http://schemas.microsoft.com/office/drawing/2014/main" id="{12175425-D768-E179-EC14-59703B560D81}"/>
              </a:ext>
            </a:extLst>
          </p:cNvPr>
          <p:cNvSpPr txBox="1"/>
          <p:nvPr/>
        </p:nvSpPr>
        <p:spPr>
          <a:xfrm>
            <a:off x="7249102" y="1874760"/>
            <a:ext cx="2162754" cy="246221"/>
          </a:xfrm>
          <a:prstGeom prst="rect">
            <a:avLst/>
          </a:prstGeom>
          <a:noFill/>
        </p:spPr>
        <p:txBody>
          <a:bodyPr wrap="square" lIns="0">
            <a:spAutoFit/>
          </a:bodyPr>
          <a:lstStyle/>
          <a:p>
            <a:r>
              <a:rPr lang="da-DK" sz="1000" b="1" noProof="0">
                <a:solidFill>
                  <a:srgbClr val="36465A"/>
                </a:solidFill>
              </a:rPr>
              <a:t>Udfordringer adresseret</a:t>
            </a:r>
            <a:endParaRPr lang="da-DK" sz="1000" noProof="0">
              <a:solidFill>
                <a:srgbClr val="36465A"/>
              </a:solidFill>
            </a:endParaRPr>
          </a:p>
        </p:txBody>
      </p:sp>
      <p:sp>
        <p:nvSpPr>
          <p:cNvPr id="28" name="TextBox 11">
            <a:extLst>
              <a:ext uri="{FF2B5EF4-FFF2-40B4-BE49-F238E27FC236}">
                <a16:creationId xmlns:a16="http://schemas.microsoft.com/office/drawing/2014/main" id="{F41A9437-79B4-29C3-84B1-85ABD17957E7}"/>
              </a:ext>
              <a:ext uri="{C183D7F6-B498-43B3-948B-1728B52AA6E4}">
                <adec:decorative xmlns:adec="http://schemas.microsoft.com/office/drawing/2017/decorative" val="0"/>
              </a:ext>
            </a:extLst>
          </p:cNvPr>
          <p:cNvSpPr txBox="1">
            <a:spLocks/>
          </p:cNvSpPr>
          <p:nvPr/>
        </p:nvSpPr>
        <p:spPr>
          <a:xfrm>
            <a:off x="7527006" y="2671796"/>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dirty="0"/>
              <a:t>02 | Manglende kontrol og transparens over egne data</a:t>
            </a:r>
          </a:p>
        </p:txBody>
      </p:sp>
      <p:grpSp>
        <p:nvGrpSpPr>
          <p:cNvPr id="29" name="Group 45">
            <a:extLst>
              <a:ext uri="{FF2B5EF4-FFF2-40B4-BE49-F238E27FC236}">
                <a16:creationId xmlns:a16="http://schemas.microsoft.com/office/drawing/2014/main" id="{EC8D3441-EA0C-0E58-46D0-B4B31794683B}"/>
              </a:ext>
              <a:ext uri="{C183D7F6-B498-43B3-948B-1728B52AA6E4}">
                <adec:decorative xmlns:adec="http://schemas.microsoft.com/office/drawing/2017/decorative" val="1"/>
              </a:ext>
            </a:extLst>
          </p:cNvPr>
          <p:cNvGrpSpPr>
            <a:grpSpLocks/>
          </p:cNvGrpSpPr>
          <p:nvPr/>
        </p:nvGrpSpPr>
        <p:grpSpPr>
          <a:xfrm>
            <a:off x="7310599" y="2707229"/>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FD9DE915-D47F-3389-9FE5-C7B1756DC7AD}"/>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1CCC6559-7F3F-114E-D488-AC0B0B8D88EA}"/>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E8BACAFD-4783-417F-B1BF-872DFA8AC699}"/>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C5D5DAE8-82A1-956F-2848-87AC7E9EDD25}"/>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30" name="Rektangel: afrundede hjørner 9">
            <a:extLst>
              <a:ext uri="{FF2B5EF4-FFF2-40B4-BE49-F238E27FC236}">
                <a16:creationId xmlns:a16="http://schemas.microsoft.com/office/drawing/2014/main" id="{7D8355B4-C94D-EDEE-CD0F-5EEDBFFC3EEE}"/>
              </a:ext>
              <a:ext uri="{C183D7F6-B498-43B3-948B-1728B52AA6E4}">
                <adec:decorative xmlns:adec="http://schemas.microsoft.com/office/drawing/2017/decorative" val="1"/>
              </a:ext>
            </a:extLst>
          </p:cNvPr>
          <p:cNvSpPr>
            <a:spLocks/>
          </p:cNvSpPr>
          <p:nvPr/>
        </p:nvSpPr>
        <p:spPr>
          <a:xfrm>
            <a:off x="7242991" y="3073402"/>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TextBox 23">
            <a:extLst>
              <a:ext uri="{FF2B5EF4-FFF2-40B4-BE49-F238E27FC236}">
                <a16:creationId xmlns:a16="http://schemas.microsoft.com/office/drawing/2014/main" id="{849EA9C2-F21A-CA3A-DC95-02AC38C6B8A3}"/>
              </a:ext>
              <a:ext uri="{C183D7F6-B498-43B3-948B-1728B52AA6E4}">
                <adec:decorative xmlns:adec="http://schemas.microsoft.com/office/drawing/2017/decorative" val="0"/>
              </a:ext>
            </a:extLst>
          </p:cNvPr>
          <p:cNvSpPr txBox="1">
            <a:spLocks/>
          </p:cNvSpPr>
          <p:nvPr/>
        </p:nvSpPr>
        <p:spPr>
          <a:xfrm>
            <a:off x="7526779" y="3094137"/>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3 | Begrænset kontrol og styring af digitale løsninger</a:t>
            </a:r>
          </a:p>
        </p:txBody>
      </p:sp>
      <p:sp>
        <p:nvSpPr>
          <p:cNvPr id="32" name="Freeform 6">
            <a:extLst>
              <a:ext uri="{FF2B5EF4-FFF2-40B4-BE49-F238E27FC236}">
                <a16:creationId xmlns:a16="http://schemas.microsoft.com/office/drawing/2014/main" id="{7E9711B8-0C77-8909-2563-84D67BB6FBE5}"/>
              </a:ext>
              <a:ext uri="{C183D7F6-B498-43B3-948B-1728B52AA6E4}">
                <adec:decorative xmlns:adec="http://schemas.microsoft.com/office/drawing/2017/decorative" val="1"/>
              </a:ext>
            </a:extLst>
          </p:cNvPr>
          <p:cNvSpPr>
            <a:spLocks noChangeAspect="1" noEditPoints="1"/>
          </p:cNvSpPr>
          <p:nvPr/>
        </p:nvSpPr>
        <p:spPr bwMode="auto">
          <a:xfrm>
            <a:off x="7298989" y="3133958"/>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nvGrpSpPr>
          <p:cNvPr id="2" name="Group 1">
            <a:extLst>
              <a:ext uri="{FF2B5EF4-FFF2-40B4-BE49-F238E27FC236}">
                <a16:creationId xmlns:a16="http://schemas.microsoft.com/office/drawing/2014/main" id="{2C5E06B3-26B4-1F81-9036-ABD7E0EACBAE}"/>
              </a:ext>
              <a:ext uri="{C183D7F6-B498-43B3-948B-1728B52AA6E4}">
                <adec:decorative xmlns:adec="http://schemas.microsoft.com/office/drawing/2017/decorative" val="1"/>
              </a:ext>
            </a:extLst>
          </p:cNvPr>
          <p:cNvGrpSpPr/>
          <p:nvPr/>
        </p:nvGrpSpPr>
        <p:grpSpPr>
          <a:xfrm>
            <a:off x="7242991" y="3495743"/>
            <a:ext cx="2215131" cy="320400"/>
            <a:chOff x="7159079" y="3422041"/>
            <a:chExt cx="2215131" cy="320400"/>
          </a:xfrm>
        </p:grpSpPr>
        <p:sp>
          <p:nvSpPr>
            <p:cNvPr id="33" name="Rektangel: afrundede hjørner 39">
              <a:extLst>
                <a:ext uri="{FF2B5EF4-FFF2-40B4-BE49-F238E27FC236}">
                  <a16:creationId xmlns:a16="http://schemas.microsoft.com/office/drawing/2014/main" id="{E48F2861-9CB6-DF27-EDB5-049D54AA785C}"/>
                </a:ext>
              </a:extLst>
            </p:cNvPr>
            <p:cNvSpPr>
              <a:spLocks/>
            </p:cNvSpPr>
            <p:nvPr/>
          </p:nvSpPr>
          <p:spPr>
            <a:xfrm>
              <a:off x="7159079" y="3422041"/>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TextBox 27">
              <a:extLst>
                <a:ext uri="{FF2B5EF4-FFF2-40B4-BE49-F238E27FC236}">
                  <a16:creationId xmlns:a16="http://schemas.microsoft.com/office/drawing/2014/main" id="{593F4638-B44A-F928-E48F-0F1B3142E616}"/>
                </a:ext>
              </a:extLst>
            </p:cNvPr>
            <p:cNvSpPr txBox="1">
              <a:spLocks/>
            </p:cNvSpPr>
            <p:nvPr/>
          </p:nvSpPr>
          <p:spPr>
            <a:xfrm>
              <a:off x="7442867" y="3443051"/>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4 | Sårbarheder i den digitale forsyningssikkerhed</a:t>
              </a:r>
            </a:p>
          </p:txBody>
        </p:sp>
        <p:sp>
          <p:nvSpPr>
            <p:cNvPr id="36" name="Freeform 8">
              <a:extLst>
                <a:ext uri="{FF2B5EF4-FFF2-40B4-BE49-F238E27FC236}">
                  <a16:creationId xmlns:a16="http://schemas.microsoft.com/office/drawing/2014/main" id="{77ABADCC-C224-B4D6-5B28-86E474FC9C73}"/>
                </a:ext>
              </a:extLst>
            </p:cNvPr>
            <p:cNvSpPr>
              <a:spLocks noChangeAspect="1" noEditPoints="1"/>
            </p:cNvSpPr>
            <p:nvPr/>
          </p:nvSpPr>
          <p:spPr bwMode="auto">
            <a:xfrm>
              <a:off x="7227754" y="3487934"/>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96" name="Free-form: Shape 1">
            <a:extLst>
              <a:ext uri="{FF2B5EF4-FFF2-40B4-BE49-F238E27FC236}">
                <a16:creationId xmlns:a16="http://schemas.microsoft.com/office/drawing/2014/main" id="{61363EDC-A304-1889-010E-A5028D79EDB8}"/>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E519E14C-2B45-D2BA-9024-5FB7DFD88184}"/>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8C1553E7-5479-365A-9767-7CEC52295556}"/>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46630211-9BED-4AE9-14F7-43734EE69476}"/>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E440A076-B848-E058-C599-37A9EC024529}"/>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BBDFD60F-D75B-5ADF-1101-DC05297E50B6}"/>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38" name="TextBox 137">
            <a:extLst>
              <a:ext uri="{FF2B5EF4-FFF2-40B4-BE49-F238E27FC236}">
                <a16:creationId xmlns:a16="http://schemas.microsoft.com/office/drawing/2014/main" id="{9384AD26-28A7-A924-AC27-C9749BB7733D}"/>
              </a:ext>
            </a:extLst>
          </p:cNvPr>
          <p:cNvSpPr txBox="1"/>
          <p:nvPr/>
        </p:nvSpPr>
        <p:spPr>
          <a:xfrm>
            <a:off x="9469157" y="1874760"/>
            <a:ext cx="1931344" cy="246221"/>
          </a:xfrm>
          <a:prstGeom prst="rect">
            <a:avLst/>
          </a:prstGeom>
          <a:noFill/>
        </p:spPr>
        <p:txBody>
          <a:bodyPr wrap="square" lIns="72000">
            <a:spAutoFit/>
          </a:bodyPr>
          <a:lstStyle/>
          <a:p>
            <a:r>
              <a:rPr lang="da-DK" sz="1000" b="1" noProof="0" dirty="0">
                <a:solidFill>
                  <a:srgbClr val="36465A"/>
                </a:solidFill>
              </a:rPr>
              <a:t>Gevinster</a:t>
            </a:r>
            <a:endParaRPr lang="da-DK" sz="1000" noProof="0" dirty="0">
              <a:solidFill>
                <a:srgbClr val="36465A"/>
              </a:solidFill>
            </a:endParaRPr>
          </a:p>
        </p:txBody>
      </p:sp>
      <p:sp>
        <p:nvSpPr>
          <p:cNvPr id="179" name="Freeform 7">
            <a:extLst>
              <a:ext uri="{FF2B5EF4-FFF2-40B4-BE49-F238E27FC236}">
                <a16:creationId xmlns:a16="http://schemas.microsoft.com/office/drawing/2014/main" id="{54015EC2-F62D-61AD-575F-612DADD3B9EE}"/>
              </a:ext>
              <a:ext uri="{C183D7F6-B498-43B3-948B-1728B52AA6E4}">
                <adec:decorative xmlns:adec="http://schemas.microsoft.com/office/drawing/2017/decorative" val="1"/>
              </a:ext>
            </a:extLst>
          </p:cNvPr>
          <p:cNvSpPr>
            <a:spLocks noEditPoints="1"/>
          </p:cNvSpPr>
          <p:nvPr/>
        </p:nvSpPr>
        <p:spPr bwMode="auto">
          <a:xfrm>
            <a:off x="11640820" y="204513"/>
            <a:ext cx="417912" cy="402986"/>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2C802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93" name="Rectangle 192">
            <a:extLst>
              <a:ext uri="{FF2B5EF4-FFF2-40B4-BE49-F238E27FC236}">
                <a16:creationId xmlns:a16="http://schemas.microsoft.com/office/drawing/2014/main" id="{64279973-857C-24E6-5AE5-63E27166EFA4}"/>
              </a:ext>
              <a:ext uri="{C183D7F6-B498-43B3-948B-1728B52AA6E4}">
                <adec:decorative xmlns:adec="http://schemas.microsoft.com/office/drawing/2017/decorative" val="1"/>
              </a:ext>
            </a:extLst>
          </p:cNvPr>
          <p:cNvSpPr>
            <a:spLocks/>
          </p:cNvSpPr>
          <p:nvPr/>
        </p:nvSpPr>
        <p:spPr>
          <a:xfrm>
            <a:off x="7192883" y="2186875"/>
            <a:ext cx="2290136" cy="410271"/>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94" name="Rectangle 193">
            <a:extLst>
              <a:ext uri="{FF2B5EF4-FFF2-40B4-BE49-F238E27FC236}">
                <a16:creationId xmlns:a16="http://schemas.microsoft.com/office/drawing/2014/main" id="{72D6CA2A-F6F3-FC5F-177D-6BF037024CBE}"/>
              </a:ext>
              <a:ext uri="{C183D7F6-B498-43B3-948B-1728B52AA6E4}">
                <adec:decorative xmlns:adec="http://schemas.microsoft.com/office/drawing/2017/decorative" val="1"/>
              </a:ext>
            </a:extLst>
          </p:cNvPr>
          <p:cNvSpPr>
            <a:spLocks/>
          </p:cNvSpPr>
          <p:nvPr/>
        </p:nvSpPr>
        <p:spPr>
          <a:xfrm>
            <a:off x="7179021" y="3451873"/>
            <a:ext cx="2290136" cy="380161"/>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98" name="TextBox 197">
            <a:extLst>
              <a:ext uri="{FF2B5EF4-FFF2-40B4-BE49-F238E27FC236}">
                <a16:creationId xmlns:a16="http://schemas.microsoft.com/office/drawing/2014/main" id="{58A18A17-828D-7D62-FFDB-EF1DDCF30CDF}"/>
              </a:ext>
            </a:extLst>
          </p:cNvPr>
          <p:cNvSpPr txBox="1"/>
          <p:nvPr/>
        </p:nvSpPr>
        <p:spPr>
          <a:xfrm>
            <a:off x="9857248" y="2233094"/>
            <a:ext cx="1495241" cy="661720"/>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Bedre forudsætninger for </a:t>
            </a:r>
            <a:r>
              <a:rPr kumimoji="0" lang="da-DK" sz="1000" b="0" i="0" u="none" strike="noStrike" kern="1200" cap="none" spc="0" normalizeH="0" baseline="0" noProof="0" dirty="0" err="1">
                <a:ln>
                  <a:noFill/>
                </a:ln>
                <a:solidFill>
                  <a:srgbClr val="000000"/>
                </a:solidFill>
                <a:effectLst/>
                <a:uLnTx/>
                <a:uFillTx/>
                <a:latin typeface="Arial" panose="020B0604020202020204" pitchFamily="34" charset="0"/>
                <a:ea typeface="+mn-ea"/>
                <a:cs typeface="+mn-cs"/>
              </a:rPr>
              <a:t>kravstillelse</a:t>
            </a: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 til digital suverænitet i den enkelte myndighed.</a:t>
            </a:r>
          </a:p>
        </p:txBody>
      </p:sp>
      <p:sp>
        <p:nvSpPr>
          <p:cNvPr id="199" name="TextBox 198">
            <a:extLst>
              <a:ext uri="{FF2B5EF4-FFF2-40B4-BE49-F238E27FC236}">
                <a16:creationId xmlns:a16="http://schemas.microsoft.com/office/drawing/2014/main" id="{CBE7BA88-13A5-5A4C-9CDD-04736B6F2327}"/>
              </a:ext>
            </a:extLst>
          </p:cNvPr>
          <p:cNvSpPr txBox="1"/>
          <p:nvPr/>
        </p:nvSpPr>
        <p:spPr>
          <a:xfrm>
            <a:off x="9857248" y="2958039"/>
            <a:ext cx="1436160" cy="815608"/>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Bedre mulighed for at påvirke leverandør-markedet i retning af mere digitalt suveræne  løsninger.</a:t>
            </a:r>
          </a:p>
        </p:txBody>
      </p:sp>
      <p:grpSp>
        <p:nvGrpSpPr>
          <p:cNvPr id="47" name="Group 46">
            <a:extLst>
              <a:ext uri="{FF2B5EF4-FFF2-40B4-BE49-F238E27FC236}">
                <a16:creationId xmlns:a16="http://schemas.microsoft.com/office/drawing/2014/main" id="{D1BFB492-DCA7-318F-1643-F0611AFB5B51}"/>
              </a:ext>
              <a:ext uri="{C183D7F6-B498-43B3-948B-1728B52AA6E4}">
                <adec:decorative xmlns:adec="http://schemas.microsoft.com/office/drawing/2017/decorative" val="1"/>
              </a:ext>
            </a:extLst>
          </p:cNvPr>
          <p:cNvGrpSpPr/>
          <p:nvPr/>
        </p:nvGrpSpPr>
        <p:grpSpPr>
          <a:xfrm>
            <a:off x="9565600" y="2233094"/>
            <a:ext cx="218250" cy="210236"/>
            <a:chOff x="9564973" y="2233094"/>
            <a:chExt cx="218250" cy="210236"/>
          </a:xfrm>
        </p:grpSpPr>
        <p:sp>
          <p:nvSpPr>
            <p:cNvPr id="132" name="Oval 131">
              <a:extLst>
                <a:ext uri="{FF2B5EF4-FFF2-40B4-BE49-F238E27FC236}">
                  <a16:creationId xmlns:a16="http://schemas.microsoft.com/office/drawing/2014/main" id="{075281EE-A698-A999-B531-2C8B7DCCF8EC}"/>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6" name="Freeform 24">
              <a:extLst>
                <a:ext uri="{FF2B5EF4-FFF2-40B4-BE49-F238E27FC236}">
                  <a16:creationId xmlns:a16="http://schemas.microsoft.com/office/drawing/2014/main" id="{4E3055FB-07E7-5856-4F8C-6F0E0EB41351}"/>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48" name="Group 47">
            <a:extLst>
              <a:ext uri="{FF2B5EF4-FFF2-40B4-BE49-F238E27FC236}">
                <a16:creationId xmlns:a16="http://schemas.microsoft.com/office/drawing/2014/main" id="{2CE651E9-8421-F7DC-CDD5-663E1878D5C4}"/>
              </a:ext>
              <a:ext uri="{C183D7F6-B498-43B3-948B-1728B52AA6E4}">
                <adec:decorative xmlns:adec="http://schemas.microsoft.com/office/drawing/2017/decorative" val="1"/>
              </a:ext>
            </a:extLst>
          </p:cNvPr>
          <p:cNvGrpSpPr/>
          <p:nvPr/>
        </p:nvGrpSpPr>
        <p:grpSpPr>
          <a:xfrm>
            <a:off x="9565600" y="2958039"/>
            <a:ext cx="218250" cy="210236"/>
            <a:chOff x="9564973" y="2233094"/>
            <a:chExt cx="218250" cy="210236"/>
          </a:xfrm>
        </p:grpSpPr>
        <p:sp>
          <p:nvSpPr>
            <p:cNvPr id="49" name="Oval 48">
              <a:extLst>
                <a:ext uri="{FF2B5EF4-FFF2-40B4-BE49-F238E27FC236}">
                  <a16:creationId xmlns:a16="http://schemas.microsoft.com/office/drawing/2014/main" id="{CC4FCCA1-5D27-2690-E1D5-DAF7C4201F36}"/>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0" name="Freeform 24">
              <a:extLst>
                <a:ext uri="{FF2B5EF4-FFF2-40B4-BE49-F238E27FC236}">
                  <a16:creationId xmlns:a16="http://schemas.microsoft.com/office/drawing/2014/main" id="{49E04CD2-EB1B-9EA3-18A0-282725F610E6}"/>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94" name="Left Brace 93">
            <a:extLst>
              <a:ext uri="{FF2B5EF4-FFF2-40B4-BE49-F238E27FC236}">
                <a16:creationId xmlns:a16="http://schemas.microsoft.com/office/drawing/2014/main" id="{5D4B7861-F470-5DD3-9DAA-FB324C36F42B}"/>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5" name="TextBox 4">
            <a:extLst>
              <a:ext uri="{FF2B5EF4-FFF2-40B4-BE49-F238E27FC236}">
                <a16:creationId xmlns:a16="http://schemas.microsoft.com/office/drawing/2014/main" id="{1461217A-DBF4-7D01-BA5B-752C1E032836}"/>
              </a:ext>
            </a:extLst>
          </p:cNvPr>
          <p:cNvSpPr txBox="1"/>
          <p:nvPr/>
        </p:nvSpPr>
        <p:spPr>
          <a:xfrm>
            <a:off x="7135196" y="4384984"/>
            <a:ext cx="4080640" cy="246221"/>
          </a:xfrm>
          <a:prstGeom prst="rect">
            <a:avLst/>
          </a:prstGeom>
          <a:noFill/>
        </p:spPr>
        <p:txBody>
          <a:bodyPr wrap="square">
            <a:spAutoFit/>
          </a:bodyPr>
          <a:lstStyle/>
          <a:p>
            <a:r>
              <a:rPr lang="da-DK" sz="1000" b="1" noProof="0"/>
              <a:t>Forudsætninger for effektiv implementering</a:t>
            </a:r>
            <a:endParaRPr lang="da-DK" sz="1000" noProof="0"/>
          </a:p>
        </p:txBody>
      </p:sp>
      <p:sp>
        <p:nvSpPr>
          <p:cNvPr id="98" name="Rounded Rectangle 127">
            <a:extLst>
              <a:ext uri="{FF2B5EF4-FFF2-40B4-BE49-F238E27FC236}">
                <a16:creationId xmlns:a16="http://schemas.microsoft.com/office/drawing/2014/main" id="{9E07109E-4A73-DA25-4983-6865F07458A6}"/>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r>
              <a:rPr lang="da-DK" sz="1000" noProof="0">
                <a:solidFill>
                  <a:schemeClr val="tx1"/>
                </a:solidFill>
                <a:latin typeface="Arial" panose="020B0604020202020204" pitchFamily="34" charset="0"/>
              </a:rPr>
              <a:t>Ressourcer og økonomi til fælles udvikling af suverænitetspakken samt strategisk afklaring med SKIs bestyrelse.</a:t>
            </a:r>
          </a:p>
        </p:txBody>
      </p:sp>
      <p:grpSp>
        <p:nvGrpSpPr>
          <p:cNvPr id="99" name="Group 98">
            <a:extLst>
              <a:ext uri="{FF2B5EF4-FFF2-40B4-BE49-F238E27FC236}">
                <a16:creationId xmlns:a16="http://schemas.microsoft.com/office/drawing/2014/main" id="{4C8C591F-A043-DED8-0F39-708F9FE32092}"/>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100" name="Oval 99">
              <a:extLst>
                <a:ext uri="{FF2B5EF4-FFF2-40B4-BE49-F238E27FC236}">
                  <a16:creationId xmlns:a16="http://schemas.microsoft.com/office/drawing/2014/main" id="{86860F6D-4AE9-E2B7-900B-D2D4176F3F75}"/>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1" name="Oval 100">
              <a:extLst>
                <a:ext uri="{FF2B5EF4-FFF2-40B4-BE49-F238E27FC236}">
                  <a16:creationId xmlns:a16="http://schemas.microsoft.com/office/drawing/2014/main" id="{76618846-79AC-B92C-9B8C-ADFF2F6FF48F}"/>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03" name="Rounded Rectangle 127">
            <a:extLst>
              <a:ext uri="{FF2B5EF4-FFF2-40B4-BE49-F238E27FC236}">
                <a16:creationId xmlns:a16="http://schemas.microsoft.com/office/drawing/2014/main" id="{912A4806-7A64-C10D-0805-30CF24DC2C7B}"/>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Indsamling og strukturering af viden og barrierer fra eksisterende udbudsmaterialer, best-practice eksempler og SKI aftaler.</a:t>
            </a:r>
          </a:p>
        </p:txBody>
      </p:sp>
      <p:grpSp>
        <p:nvGrpSpPr>
          <p:cNvPr id="104" name="Group 103">
            <a:extLst>
              <a:ext uri="{FF2B5EF4-FFF2-40B4-BE49-F238E27FC236}">
                <a16:creationId xmlns:a16="http://schemas.microsoft.com/office/drawing/2014/main" id="{FBC16455-4938-9C07-058E-38D21D6F0958}"/>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105" name="Oval 104">
              <a:extLst>
                <a:ext uri="{FF2B5EF4-FFF2-40B4-BE49-F238E27FC236}">
                  <a16:creationId xmlns:a16="http://schemas.microsoft.com/office/drawing/2014/main" id="{DF97FFA2-0F71-D7C8-B8CF-99A66EE5E57E}"/>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6" name="Oval 105">
              <a:extLst>
                <a:ext uri="{FF2B5EF4-FFF2-40B4-BE49-F238E27FC236}">
                  <a16:creationId xmlns:a16="http://schemas.microsoft.com/office/drawing/2014/main" id="{FB873CB7-EE45-E631-9062-6FEB74F93F76}"/>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08" name="Rounded Rectangle 127">
            <a:extLst>
              <a:ext uri="{FF2B5EF4-FFF2-40B4-BE49-F238E27FC236}">
                <a16:creationId xmlns:a16="http://schemas.microsoft.com/office/drawing/2014/main" id="{43178B99-9F66-0107-6BD9-ABC22E371D08}"/>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Struktureret opsamling af resultater inkl. kommunikation til de offentlige myndigheder. </a:t>
            </a:r>
          </a:p>
        </p:txBody>
      </p:sp>
      <p:grpSp>
        <p:nvGrpSpPr>
          <p:cNvPr id="109" name="Group 108">
            <a:extLst>
              <a:ext uri="{FF2B5EF4-FFF2-40B4-BE49-F238E27FC236}">
                <a16:creationId xmlns:a16="http://schemas.microsoft.com/office/drawing/2014/main" id="{3E79924C-D700-92EC-03E0-DFDE9A5D6B35}"/>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110" name="Oval 109">
              <a:extLst>
                <a:ext uri="{FF2B5EF4-FFF2-40B4-BE49-F238E27FC236}">
                  <a16:creationId xmlns:a16="http://schemas.microsoft.com/office/drawing/2014/main" id="{56C1F081-77E2-8FBC-FC93-82FBA971B0D7}"/>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11" name="Oval 110">
              <a:extLst>
                <a:ext uri="{FF2B5EF4-FFF2-40B4-BE49-F238E27FC236}">
                  <a16:creationId xmlns:a16="http://schemas.microsoft.com/office/drawing/2014/main" id="{68CFEE0A-27F8-905E-CD02-AEEC6833B3A0}"/>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Tree>
    <p:extLst>
      <p:ext uri="{BB962C8B-B14F-4D97-AF65-F5344CB8AC3E}">
        <p14:creationId xmlns:p14="http://schemas.microsoft.com/office/powerpoint/2010/main" val="3676125295"/>
      </p:ext>
    </p:extLst>
  </p:cSld>
  <p:clrMapOvr>
    <a:masterClrMapping/>
  </p:clrMapOvr>
  <p:transition>
    <p:fade/>
  </p:transition>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3CC90CC-5E5D-6291-D503-F4C20E507B9D}"/>
            </a:ext>
          </a:extLst>
        </p:cNvPr>
        <p:cNvGrpSpPr/>
        <p:nvPr/>
      </p:nvGrpSpPr>
      <p:grpSpPr>
        <a:xfrm>
          <a:off x="0" y="0"/>
          <a:ext cx="0" cy="0"/>
          <a:chOff x="0" y="0"/>
          <a:chExt cx="0" cy="0"/>
        </a:xfrm>
      </p:grpSpPr>
      <p:sp>
        <p:nvSpPr>
          <p:cNvPr id="93" name="Rectangle: Rounded Corners 92">
            <a:extLst>
              <a:ext uri="{FF2B5EF4-FFF2-40B4-BE49-F238E27FC236}">
                <a16:creationId xmlns:a16="http://schemas.microsoft.com/office/drawing/2014/main" id="{42195206-1BED-5ACF-2E78-1C93ED4AD8DA}"/>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rgbClr val="2C8027"/>
                </a:solidFill>
              </a:rPr>
              <a:t>Spor 2 | Indkøb, krav og arkitektur</a:t>
            </a:r>
            <a:endParaRPr lang="da-DK" sz="1600" b="1" noProof="0" dirty="0">
              <a:solidFill>
                <a:srgbClr val="EE2F66"/>
              </a:solidFill>
              <a:latin typeface="Arial" panose="020B0604020202020204"/>
            </a:endParaRPr>
          </a:p>
        </p:txBody>
      </p:sp>
      <p:sp>
        <p:nvSpPr>
          <p:cNvPr id="8" name="Title 2">
            <a:extLst>
              <a:ext uri="{FF2B5EF4-FFF2-40B4-BE49-F238E27FC236}">
                <a16:creationId xmlns:a16="http://schemas.microsoft.com/office/drawing/2014/main" id="{59F45D50-D22B-528A-556E-08BFA654396E}"/>
              </a:ext>
            </a:extLst>
          </p:cNvPr>
          <p:cNvSpPr>
            <a:spLocks noGrp="1"/>
          </p:cNvSpPr>
          <p:nvPr>
            <p:ph type="title"/>
          </p:nvPr>
        </p:nvSpPr>
        <p:spPr>
          <a:xfrm>
            <a:off x="554355" y="512763"/>
            <a:ext cx="11088000" cy="792465"/>
          </a:xfrm>
        </p:spPr>
        <p:txBody>
          <a:bodyPr/>
          <a:lstStyle/>
          <a:p>
            <a:r>
              <a:rPr lang="da-DK" sz="2200" b="1" noProof="0" dirty="0">
                <a:solidFill>
                  <a:srgbClr val="2C8027"/>
                </a:solidFill>
              </a:rPr>
              <a:t>2.4 Fælles indkøb af suveræne cloud-ydelser </a:t>
            </a:r>
          </a:p>
        </p:txBody>
      </p:sp>
      <p:sp>
        <p:nvSpPr>
          <p:cNvPr id="22" name="Rectangle: Rounded Corners 21">
            <a:extLst>
              <a:ext uri="{FF2B5EF4-FFF2-40B4-BE49-F238E27FC236}">
                <a16:creationId xmlns:a16="http://schemas.microsoft.com/office/drawing/2014/main" id="{865EBDF0-3E58-434F-BA84-3F4D600DB214}"/>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D5ECC8"/>
          </a:solidFill>
          <a:ln w="12700" cap="flat" cmpd="sng" algn="ctr">
            <a:solidFill>
              <a:srgbClr val="2C8027"/>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A5083879-FB19-8C16-302D-8F2C1E6164B3}"/>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A389297E-9873-B752-1CA4-BFDFAA696CC1}"/>
              </a:ext>
            </a:extLst>
          </p:cNvPr>
          <p:cNvSpPr/>
          <p:nvPr/>
        </p:nvSpPr>
        <p:spPr>
          <a:xfrm>
            <a:off x="566629" y="1764045"/>
            <a:ext cx="6077214" cy="2353183"/>
          </a:xfrm>
          <a:prstGeom prst="roundRect">
            <a:avLst>
              <a:gd name="adj" fmla="val 6523"/>
            </a:avLst>
          </a:prstGeom>
          <a:no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b="1" noProof="0" dirty="0">
              <a:solidFill>
                <a:srgbClr val="2C8027"/>
              </a:solidFill>
            </a:endParaRPr>
          </a:p>
          <a:p>
            <a:r>
              <a:rPr lang="da-DK" sz="1000" b="1" noProof="0" dirty="0">
                <a:solidFill>
                  <a:schemeClr val="tx1"/>
                </a:solidFill>
                <a:latin typeface="Arial" panose="020B0604020202020204" pitchFamily="34" charset="0"/>
              </a:rPr>
              <a:t>Formål: </a:t>
            </a:r>
            <a:r>
              <a:rPr lang="da-DK" sz="1000" noProof="0" dirty="0">
                <a:solidFill>
                  <a:schemeClr val="tx1"/>
                </a:solidFill>
                <a:latin typeface="Arial" panose="020B0604020202020204" pitchFamily="34" charset="0"/>
              </a:rPr>
              <a:t>At gennemføre fælles indkøb i den offentlige sektor, som fremmer europæiske og evt. danske alternativer og stimulerer et europæisk marked uden at udelukke bydere fra ikke-europæiske lande. </a:t>
            </a:r>
            <a:endParaRPr lang="da-DK" sz="1000" b="1" noProof="0" dirty="0">
              <a:solidFill>
                <a:schemeClr val="tx1"/>
              </a:solidFill>
              <a:latin typeface="Arial" panose="020B0604020202020204" pitchFamily="34" charset="0"/>
            </a:endParaRPr>
          </a:p>
          <a:p>
            <a:pPr fontAlgn="t">
              <a:spcBef>
                <a:spcPts val="300"/>
              </a:spcBef>
            </a:pPr>
            <a:r>
              <a:rPr lang="da-DK" sz="1000" b="1" noProof="0" dirty="0">
                <a:solidFill>
                  <a:schemeClr val="tx1"/>
                </a:solidFill>
                <a:latin typeface="Arial" panose="020B0604020202020204" pitchFamily="34" charset="0"/>
              </a:rPr>
              <a:t>Indhold: </a:t>
            </a:r>
            <a:r>
              <a:rPr lang="da-DK" sz="1000" noProof="0" dirty="0">
                <a:solidFill>
                  <a:schemeClr val="tx1"/>
                </a:solidFill>
                <a:latin typeface="Arial" panose="020B0604020202020204" pitchFamily="34" charset="0"/>
              </a:rPr>
              <a:t>Der gennemføres et til flere nye indkøb af suveræne cloud-ydelser, hvor hvert indkøb har en større volumen på minimum 100 mio. kroner, for at skabe en betydelig interesse for udbuddet – også hos potentielle leverandører i andre lande. Indkøbsgenstanden skal nærmere defineres, men kunne tage afsæt i </a:t>
            </a:r>
            <a:r>
              <a:rPr lang="da-DK" sz="1000" noProof="0" dirty="0" err="1">
                <a:solidFill>
                  <a:schemeClr val="tx1"/>
                </a:solidFill>
                <a:latin typeface="Arial" panose="020B0604020202020204" pitchFamily="34" charset="0"/>
              </a:rPr>
              <a:t>workload</a:t>
            </a:r>
            <a:r>
              <a:rPr lang="da-DK" sz="1000" noProof="0" dirty="0">
                <a:solidFill>
                  <a:schemeClr val="tx1"/>
                </a:solidFill>
                <a:latin typeface="Arial" panose="020B0604020202020204" pitchFamily="34" charset="0"/>
              </a:rPr>
              <a:t> fra store myndigheder eller servicefællesskaber, jf. nedenfor. Der skal stilles krav til suverænitet, som evalueres (med høj vægt) på graden heraf. Udbuddet kunne fx udformes som en rammeaftale med flere delaftaler (</a:t>
            </a:r>
            <a:r>
              <a:rPr lang="da-DK" sz="1000" noProof="0" dirty="0" err="1">
                <a:solidFill>
                  <a:schemeClr val="tx1"/>
                </a:solidFill>
                <a:latin typeface="Arial" panose="020B0604020202020204" pitchFamily="34" charset="0"/>
              </a:rPr>
              <a:t>lots</a:t>
            </a:r>
            <a:r>
              <a:rPr lang="da-DK" sz="1000" noProof="0" dirty="0">
                <a:solidFill>
                  <a:schemeClr val="tx1"/>
                </a:solidFill>
                <a:latin typeface="Arial" panose="020B0604020202020204" pitchFamily="34" charset="0"/>
              </a:rPr>
              <a:t>). Cloud-ydelser vil kunne omfatte </a:t>
            </a:r>
            <a:r>
              <a:rPr lang="da-DK" sz="1000" noProof="0" dirty="0" err="1">
                <a:solidFill>
                  <a:schemeClr val="tx1"/>
                </a:solidFill>
                <a:latin typeface="Arial" panose="020B0604020202020204" pitchFamily="34" charset="0"/>
              </a:rPr>
              <a:t>infrastructure</a:t>
            </a:r>
            <a:r>
              <a:rPr lang="da-DK" sz="1000" noProof="0" dirty="0">
                <a:solidFill>
                  <a:schemeClr val="tx1"/>
                </a:solidFill>
                <a:latin typeface="Arial" panose="020B0604020202020204" pitchFamily="34" charset="0"/>
              </a:rPr>
              <a:t> as a service (IaaS), platform as a service (PaaS) og evt. yderligere services, fx inden for dataplatforme og AI. </a:t>
            </a:r>
          </a:p>
          <a:p>
            <a:pPr fontAlgn="t">
              <a:spcBef>
                <a:spcPts val="300"/>
              </a:spcBef>
            </a:pPr>
            <a:r>
              <a:rPr lang="da-DK" sz="1000" noProof="0" dirty="0">
                <a:solidFill>
                  <a:schemeClr val="tx1"/>
                </a:solidFill>
                <a:latin typeface="Arial" panose="020B0604020202020204" pitchFamily="34" charset="0"/>
              </a:rPr>
              <a:t>Indsatsen kan forankres hos aktører med en central rolle i at drive den digitale udvikling som fx Statens IT (staten) Digital Sundhed Danmark (regioner), tværkommunale it-driftsenheder eller KOMBIT (kommuner). Indsatsen vil også være relevant for de største myndigheder i stat, regioner og kommuner.</a:t>
            </a:r>
          </a:p>
          <a:p>
            <a:pPr>
              <a:spcBef>
                <a:spcPts val="300"/>
              </a:spcBef>
            </a:pPr>
            <a:r>
              <a:rPr lang="da-DK" sz="1000" b="1" noProof="0" dirty="0">
                <a:solidFill>
                  <a:schemeClr val="tx1"/>
                </a:solidFill>
              </a:rPr>
              <a:t>Erfaringsgrundlag:</a:t>
            </a:r>
            <a:r>
              <a:rPr lang="da-DK" sz="1000" noProof="0" dirty="0">
                <a:solidFill>
                  <a:schemeClr val="tx1"/>
                </a:solidFill>
              </a:rPr>
              <a:t> EU-Kommissionen, Frankrig (Cloud de </a:t>
            </a:r>
            <a:r>
              <a:rPr lang="da-DK" sz="1000" noProof="0" dirty="0" err="1">
                <a:solidFill>
                  <a:schemeClr val="tx1"/>
                </a:solidFill>
              </a:rPr>
              <a:t>Confiance</a:t>
            </a:r>
            <a:r>
              <a:rPr lang="da-DK" sz="1000" noProof="0" dirty="0">
                <a:solidFill>
                  <a:schemeClr val="tx1"/>
                </a:solidFill>
              </a:rPr>
              <a:t>).</a:t>
            </a:r>
            <a:endParaRPr lang="da-DK" sz="1000" noProof="0" dirty="0">
              <a:solidFill>
                <a:schemeClr val="tx1"/>
              </a:solidFill>
              <a:latin typeface="Arial" panose="020B0604020202020204" pitchFamily="34" charset="0"/>
            </a:endParaRPr>
          </a:p>
        </p:txBody>
      </p:sp>
      <p:sp>
        <p:nvSpPr>
          <p:cNvPr id="45" name="Rounded Rectangle 127">
            <a:extLst>
              <a:ext uri="{FF2B5EF4-FFF2-40B4-BE49-F238E27FC236}">
                <a16:creationId xmlns:a16="http://schemas.microsoft.com/office/drawing/2014/main" id="{4B5DE9A5-2D3F-D3ED-DA19-CF6626C0E9AB}"/>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D5ECC8"/>
          </a:solid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107403"/>
                </a:solidFill>
              </a:rPr>
              <a:t>Formål og indhold</a:t>
            </a:r>
          </a:p>
        </p:txBody>
      </p:sp>
      <p:sp>
        <p:nvSpPr>
          <p:cNvPr id="65" name="Rounded Rectangle 127">
            <a:extLst>
              <a:ext uri="{FF2B5EF4-FFF2-40B4-BE49-F238E27FC236}">
                <a16:creationId xmlns:a16="http://schemas.microsoft.com/office/drawing/2014/main" id="{E67BB92C-78FF-91A8-F93B-0DEEB251A401}"/>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587400FD-14AA-8409-17F1-256AE4BFB009}"/>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D5ECC8"/>
          </a:solidFill>
          <a:ln w="12700">
            <a:solidFill>
              <a:srgbClr val="2C8027"/>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107403"/>
                </a:solidFill>
              </a:rPr>
              <a:t>Vurdering</a:t>
            </a:r>
          </a:p>
        </p:txBody>
      </p:sp>
      <p:sp>
        <p:nvSpPr>
          <p:cNvPr id="64" name="Rectangle: Top Corners Rounded 63">
            <a:extLst>
              <a:ext uri="{FF2B5EF4-FFF2-40B4-BE49-F238E27FC236}">
                <a16:creationId xmlns:a16="http://schemas.microsoft.com/office/drawing/2014/main" id="{03F95531-DD55-1522-15D0-AA2211BA495D}"/>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76" name="TextBox 75">
            <a:extLst>
              <a:ext uri="{FF2B5EF4-FFF2-40B4-BE49-F238E27FC236}">
                <a16:creationId xmlns:a16="http://schemas.microsoft.com/office/drawing/2014/main" id="{2CA60B39-E379-3845-5085-B2C12FF2EA9A}"/>
              </a:ext>
            </a:extLst>
          </p:cNvPr>
          <p:cNvSpPr txBox="1"/>
          <p:nvPr/>
        </p:nvSpPr>
        <p:spPr>
          <a:xfrm>
            <a:off x="612348" y="5253913"/>
            <a:ext cx="3892444" cy="1092607"/>
          </a:xfrm>
          <a:prstGeom prst="rect">
            <a:avLst/>
          </a:prstGeom>
          <a:noFill/>
        </p:spPr>
        <p:txBody>
          <a:bodyPr wrap="square">
            <a:spAutoFit/>
          </a:bodyPr>
          <a:lstStyle/>
          <a:p>
            <a:r>
              <a:rPr lang="da-DK" sz="1000" b="1" noProof="0" dirty="0">
                <a:solidFill>
                  <a:srgbClr val="00172D"/>
                </a:solidFill>
              </a:rPr>
              <a:t>Niveau</a:t>
            </a:r>
            <a:r>
              <a:rPr lang="da-DK" sz="1000" noProof="0" dirty="0">
                <a:latin typeface="Arial" panose="020B0604020202020204" pitchFamily="34" charset="0"/>
              </a:rPr>
              <a:t> Sektorniveau eller de enkelte myndigheder (såfremt volumen er stor nok)</a:t>
            </a:r>
            <a:r>
              <a:rPr lang="da-DK" sz="1000" noProof="0" dirty="0">
                <a:solidFill>
                  <a:srgbClr val="00172D"/>
                </a:solidFill>
                <a:latin typeface="Arial" panose="020B0604020202020204" pitchFamily="34" charset="0"/>
              </a:rPr>
              <a:t>. Indsatsen vurderes særlig relevant ifm. samling af kommunernes it-drift i 4-5 nye enheder.</a:t>
            </a:r>
            <a:endParaRPr lang="da-DK" sz="1000" b="1" noProof="0" dirty="0">
              <a:latin typeface="Arial" panose="020B0604020202020204" pitchFamily="34" charset="0"/>
            </a:endParaRP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Kan gennemføres på et-to år.</a:t>
            </a:r>
          </a:p>
          <a:p>
            <a:pPr>
              <a:spcBef>
                <a:spcPts val="300"/>
              </a:spcBef>
            </a:pPr>
            <a:r>
              <a:rPr lang="da-DK" sz="1000" b="1" noProof="0" dirty="0">
                <a:latin typeface="Arial" panose="020B0604020202020204" pitchFamily="34" charset="0"/>
              </a:rPr>
              <a:t>Afhængigheder:</a:t>
            </a:r>
            <a:r>
              <a:rPr lang="da-DK" sz="1000" noProof="0" dirty="0">
                <a:latin typeface="Arial" panose="020B0604020202020204" pitchFamily="34" charset="0"/>
              </a:rPr>
              <a:t> Der kan indhentes input til denne indsats via markedsafklaring (indsats 2.1) samt input til krav fra indsats 2.3.</a:t>
            </a:r>
          </a:p>
        </p:txBody>
      </p:sp>
      <p:grpSp>
        <p:nvGrpSpPr>
          <p:cNvPr id="4" name="Group 3" descr="Samlet kompleksitetsvurdering, 5 ud af 10">
            <a:extLst>
              <a:ext uri="{FF2B5EF4-FFF2-40B4-BE49-F238E27FC236}">
                <a16:creationId xmlns:a16="http://schemas.microsoft.com/office/drawing/2014/main" id="{CA801BB6-BCF6-E563-DC4D-D18A35471ABB}"/>
              </a:ext>
            </a:extLst>
          </p:cNvPr>
          <p:cNvGrpSpPr/>
          <p:nvPr/>
        </p:nvGrpSpPr>
        <p:grpSpPr>
          <a:xfrm>
            <a:off x="649827" y="4555473"/>
            <a:ext cx="3279437" cy="592559"/>
            <a:chOff x="1383756" y="4555473"/>
            <a:chExt cx="3279437" cy="592559"/>
          </a:xfrm>
        </p:grpSpPr>
        <p:sp>
          <p:nvSpPr>
            <p:cNvPr id="9" name="TextBox 8">
              <a:extLst>
                <a:ext uri="{FF2B5EF4-FFF2-40B4-BE49-F238E27FC236}">
                  <a16:creationId xmlns:a16="http://schemas.microsoft.com/office/drawing/2014/main" id="{47C77E4B-2556-3090-1589-22628AA83933}"/>
                </a:ext>
              </a:extLst>
            </p:cNvPr>
            <p:cNvSpPr txBox="1"/>
            <p:nvPr/>
          </p:nvSpPr>
          <p:spPr>
            <a:xfrm>
              <a:off x="2431748" y="4555473"/>
              <a:ext cx="1191621" cy="261610"/>
            </a:xfrm>
            <a:prstGeom prst="rect">
              <a:avLst/>
            </a:prstGeom>
            <a:noFill/>
          </p:spPr>
          <p:txBody>
            <a:bodyPr wrap="square">
              <a:spAutoFit/>
            </a:bodyPr>
            <a:lstStyle/>
            <a:p>
              <a:pPr algn="ctr"/>
              <a:r>
                <a:rPr lang="da-DK" sz="1100" b="1" noProof="0"/>
                <a:t>Kompleksitet</a:t>
              </a:r>
            </a:p>
          </p:txBody>
        </p:sp>
        <p:grpSp>
          <p:nvGrpSpPr>
            <p:cNvPr id="61" name="Group 60">
              <a:extLst>
                <a:ext uri="{FF2B5EF4-FFF2-40B4-BE49-F238E27FC236}">
                  <a16:creationId xmlns:a16="http://schemas.microsoft.com/office/drawing/2014/main" id="{E38DDB4A-8839-EC96-F591-8A32CC0E98E3}"/>
                </a:ext>
              </a:extLst>
            </p:cNvPr>
            <p:cNvGrpSpPr>
              <a:grpSpLocks noChangeAspect="1"/>
            </p:cNvGrpSpPr>
            <p:nvPr/>
          </p:nvGrpSpPr>
          <p:grpSpPr>
            <a:xfrm>
              <a:off x="1383756" y="4900479"/>
              <a:ext cx="3279437" cy="247553"/>
              <a:chOff x="-110431" y="4916533"/>
              <a:chExt cx="2858416" cy="215770"/>
            </a:xfrm>
          </p:grpSpPr>
          <p:grpSp>
            <p:nvGrpSpPr>
              <p:cNvPr id="66" name="Group 65">
                <a:extLst>
                  <a:ext uri="{FF2B5EF4-FFF2-40B4-BE49-F238E27FC236}">
                    <a16:creationId xmlns:a16="http://schemas.microsoft.com/office/drawing/2014/main" id="{BB37A3C4-2997-58AC-9C69-07366A12DDF9}"/>
                  </a:ext>
                </a:extLst>
              </p:cNvPr>
              <p:cNvGrpSpPr/>
              <p:nvPr/>
            </p:nvGrpSpPr>
            <p:grpSpPr>
              <a:xfrm>
                <a:off x="-110431" y="4916533"/>
                <a:ext cx="2858416" cy="180194"/>
                <a:chOff x="4280723" y="3040512"/>
                <a:chExt cx="3161620" cy="171957"/>
              </a:xfrm>
            </p:grpSpPr>
            <p:grpSp>
              <p:nvGrpSpPr>
                <p:cNvPr id="95" name="Group 94">
                  <a:extLst>
                    <a:ext uri="{FF2B5EF4-FFF2-40B4-BE49-F238E27FC236}">
                      <a16:creationId xmlns:a16="http://schemas.microsoft.com/office/drawing/2014/main" id="{56C4E26E-CE22-F43E-B0BD-14B1BE247551}"/>
                    </a:ext>
                  </a:extLst>
                </p:cNvPr>
                <p:cNvGrpSpPr/>
                <p:nvPr/>
              </p:nvGrpSpPr>
              <p:grpSpPr>
                <a:xfrm>
                  <a:off x="4383394" y="3153610"/>
                  <a:ext cx="2961649" cy="45719"/>
                  <a:chOff x="4383394" y="3153610"/>
                  <a:chExt cx="2961649" cy="45719"/>
                </a:xfrm>
              </p:grpSpPr>
              <p:cxnSp>
                <p:nvCxnSpPr>
                  <p:cNvPr id="101" name="Straight Connector 100">
                    <a:extLst>
                      <a:ext uri="{FF2B5EF4-FFF2-40B4-BE49-F238E27FC236}">
                        <a16:creationId xmlns:a16="http://schemas.microsoft.com/office/drawing/2014/main" id="{980B0C09-0BBA-2811-93A3-82B25A1A3EEE}"/>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102" name="Oval 101">
                    <a:extLst>
                      <a:ext uri="{FF2B5EF4-FFF2-40B4-BE49-F238E27FC236}">
                        <a16:creationId xmlns:a16="http://schemas.microsoft.com/office/drawing/2014/main" id="{6BA21D19-9E20-C478-F63D-1C6285A021F1}"/>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3" name="Oval 102">
                    <a:extLst>
                      <a:ext uri="{FF2B5EF4-FFF2-40B4-BE49-F238E27FC236}">
                        <a16:creationId xmlns:a16="http://schemas.microsoft.com/office/drawing/2014/main" id="{D70DEFBD-E3AF-BA36-9B3D-52E7C4A5D16E}"/>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97" name="Straight Connector 96">
                  <a:extLst>
                    <a:ext uri="{FF2B5EF4-FFF2-40B4-BE49-F238E27FC236}">
                      <a16:creationId xmlns:a16="http://schemas.microsoft.com/office/drawing/2014/main" id="{D7228336-DD89-033C-94CA-F764A4628869}"/>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9" name="TextBox 98">
                  <a:extLst>
                    <a:ext uri="{FF2B5EF4-FFF2-40B4-BE49-F238E27FC236}">
                      <a16:creationId xmlns:a16="http://schemas.microsoft.com/office/drawing/2014/main" id="{19815555-5404-B20C-0C5B-D819178AFFF8}"/>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100" name="TextBox 99">
                  <a:extLst>
                    <a:ext uri="{FF2B5EF4-FFF2-40B4-BE49-F238E27FC236}">
                      <a16:creationId xmlns:a16="http://schemas.microsoft.com/office/drawing/2014/main" id="{A40BC161-C1FF-D903-B759-E48E39F7A0FD}"/>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sp>
            <p:nvSpPr>
              <p:cNvPr id="94" name="Oval 93">
                <a:extLst>
                  <a:ext uri="{FF2B5EF4-FFF2-40B4-BE49-F238E27FC236}">
                    <a16:creationId xmlns:a16="http://schemas.microsoft.com/office/drawing/2014/main" id="{74A681F8-BD53-23D4-967C-281DAD24024E}"/>
                  </a:ext>
                </a:extLst>
              </p:cNvPr>
              <p:cNvSpPr/>
              <p:nvPr/>
            </p:nvSpPr>
            <p:spPr>
              <a:xfrm>
                <a:off x="1239822" y="4988303"/>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sp>
        <p:nvSpPr>
          <p:cNvPr id="37" name="TextBox 36">
            <a:extLst>
              <a:ext uri="{FF2B5EF4-FFF2-40B4-BE49-F238E27FC236}">
                <a16:creationId xmlns:a16="http://schemas.microsoft.com/office/drawing/2014/main" id="{2A006CA6-15D2-36E3-5E42-682FAF5D8A1D}"/>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a:t>Teknisk</a:t>
            </a:r>
            <a:endParaRPr lang="da-DK" sz="1100" b="1" i="1" noProof="0"/>
          </a:p>
        </p:txBody>
      </p:sp>
      <p:grpSp>
        <p:nvGrpSpPr>
          <p:cNvPr id="10" name="Group 9" descr="Vurdering af teknisk kompleksitet, 6 ud af 10">
            <a:extLst>
              <a:ext uri="{FF2B5EF4-FFF2-40B4-BE49-F238E27FC236}">
                <a16:creationId xmlns:a16="http://schemas.microsoft.com/office/drawing/2014/main" id="{A66A07B8-9800-D069-0982-804EF9C31F22}"/>
              </a:ext>
            </a:extLst>
          </p:cNvPr>
          <p:cNvGrpSpPr/>
          <p:nvPr/>
        </p:nvGrpSpPr>
        <p:grpSpPr>
          <a:xfrm>
            <a:off x="4755592" y="4883930"/>
            <a:ext cx="1707066" cy="248033"/>
            <a:chOff x="860772" y="4916533"/>
            <a:chExt cx="1487909" cy="216189"/>
          </a:xfrm>
        </p:grpSpPr>
        <p:grpSp>
          <p:nvGrpSpPr>
            <p:cNvPr id="11" name="Group 10">
              <a:extLst>
                <a:ext uri="{FF2B5EF4-FFF2-40B4-BE49-F238E27FC236}">
                  <a16:creationId xmlns:a16="http://schemas.microsoft.com/office/drawing/2014/main" id="{7B3A0219-CB52-2BE2-D5B4-4F1C96FEF9BB}"/>
                </a:ext>
              </a:extLst>
            </p:cNvPr>
            <p:cNvGrpSpPr/>
            <p:nvPr/>
          </p:nvGrpSpPr>
          <p:grpSpPr>
            <a:xfrm>
              <a:off x="860772" y="4916533"/>
              <a:ext cx="1487909" cy="180194"/>
              <a:chOff x="5354949" y="3040512"/>
              <a:chExt cx="1645739" cy="171957"/>
            </a:xfrm>
          </p:grpSpPr>
          <p:grpSp>
            <p:nvGrpSpPr>
              <p:cNvPr id="13" name="Group 12">
                <a:extLst>
                  <a:ext uri="{FF2B5EF4-FFF2-40B4-BE49-F238E27FC236}">
                    <a16:creationId xmlns:a16="http://schemas.microsoft.com/office/drawing/2014/main" id="{F48CF8B0-6CDA-38DB-7E4B-E40DC28919D1}"/>
                  </a:ext>
                </a:extLst>
              </p:cNvPr>
              <p:cNvGrpSpPr/>
              <p:nvPr/>
            </p:nvGrpSpPr>
            <p:grpSpPr>
              <a:xfrm>
                <a:off x="5458296" y="3153610"/>
                <a:ext cx="1445092" cy="45719"/>
                <a:chOff x="5458296" y="3153610"/>
                <a:chExt cx="1445092" cy="45719"/>
              </a:xfrm>
            </p:grpSpPr>
            <p:cxnSp>
              <p:nvCxnSpPr>
                <p:cNvPr id="18" name="Straight Connector 17">
                  <a:extLst>
                    <a:ext uri="{FF2B5EF4-FFF2-40B4-BE49-F238E27FC236}">
                      <a16:creationId xmlns:a16="http://schemas.microsoft.com/office/drawing/2014/main" id="{F06CEFA4-7B6A-2241-F743-5012AAAC9407}"/>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9" name="Oval 18">
                  <a:extLst>
                    <a:ext uri="{FF2B5EF4-FFF2-40B4-BE49-F238E27FC236}">
                      <a16:creationId xmlns:a16="http://schemas.microsoft.com/office/drawing/2014/main" id="{1F8BF300-B12D-7961-C08F-4C74CA6BD190}"/>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5" name="Oval 34">
                  <a:extLst>
                    <a:ext uri="{FF2B5EF4-FFF2-40B4-BE49-F238E27FC236}">
                      <a16:creationId xmlns:a16="http://schemas.microsoft.com/office/drawing/2014/main" id="{E59C1E00-6F8B-1456-0281-A2204ACDEEB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5" name="Straight Connector 14">
                <a:extLst>
                  <a:ext uri="{FF2B5EF4-FFF2-40B4-BE49-F238E27FC236}">
                    <a16:creationId xmlns:a16="http://schemas.microsoft.com/office/drawing/2014/main" id="{3D9E0A7F-51A9-92FD-9C9B-8E1D13F5B18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A9989A2B-2D3E-BEF7-DB8B-6B8C81362AFD}"/>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17" name="TextBox 16">
                <a:extLst>
                  <a:ext uri="{FF2B5EF4-FFF2-40B4-BE49-F238E27FC236}">
                    <a16:creationId xmlns:a16="http://schemas.microsoft.com/office/drawing/2014/main" id="{005CE943-0A9C-2630-D545-78CC304FB1F4}"/>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12" name="Oval 11">
              <a:extLst>
                <a:ext uri="{FF2B5EF4-FFF2-40B4-BE49-F238E27FC236}">
                  <a16:creationId xmlns:a16="http://schemas.microsoft.com/office/drawing/2014/main" id="{1E893C7C-9742-E5B8-30E9-8B82E4363095}"/>
                </a:ext>
              </a:extLst>
            </p:cNvPr>
            <p:cNvSpPr/>
            <p:nvPr/>
          </p:nvSpPr>
          <p:spPr>
            <a:xfrm>
              <a:off x="1709562"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57" name="TextBox 56">
            <a:extLst>
              <a:ext uri="{FF2B5EF4-FFF2-40B4-BE49-F238E27FC236}">
                <a16:creationId xmlns:a16="http://schemas.microsoft.com/office/drawing/2014/main" id="{0FDEEF2C-0668-1918-EA66-E86E5423E92C}"/>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38" name="Group 37" descr="Vurdering af organisatorisk kompleksitet, 5 ud af 10">
            <a:extLst>
              <a:ext uri="{FF2B5EF4-FFF2-40B4-BE49-F238E27FC236}">
                <a16:creationId xmlns:a16="http://schemas.microsoft.com/office/drawing/2014/main" id="{0A993239-4F02-30E9-DDDE-A7B98F43CCCE}"/>
              </a:ext>
            </a:extLst>
          </p:cNvPr>
          <p:cNvGrpSpPr/>
          <p:nvPr/>
        </p:nvGrpSpPr>
        <p:grpSpPr>
          <a:xfrm>
            <a:off x="4756735" y="5395827"/>
            <a:ext cx="1707066" cy="248033"/>
            <a:chOff x="860772" y="4916533"/>
            <a:chExt cx="1487909" cy="216189"/>
          </a:xfrm>
        </p:grpSpPr>
        <p:grpSp>
          <p:nvGrpSpPr>
            <p:cNvPr id="40" name="Group 39">
              <a:extLst>
                <a:ext uri="{FF2B5EF4-FFF2-40B4-BE49-F238E27FC236}">
                  <a16:creationId xmlns:a16="http://schemas.microsoft.com/office/drawing/2014/main" id="{248D8D87-A5F4-420E-4E4F-33921F19CC1C}"/>
                </a:ext>
              </a:extLst>
            </p:cNvPr>
            <p:cNvGrpSpPr/>
            <p:nvPr/>
          </p:nvGrpSpPr>
          <p:grpSpPr>
            <a:xfrm>
              <a:off x="860772" y="4916533"/>
              <a:ext cx="1487909" cy="180194"/>
              <a:chOff x="5354949" y="3040512"/>
              <a:chExt cx="1645739" cy="171957"/>
            </a:xfrm>
          </p:grpSpPr>
          <p:grpSp>
            <p:nvGrpSpPr>
              <p:cNvPr id="42" name="Group 41">
                <a:extLst>
                  <a:ext uri="{FF2B5EF4-FFF2-40B4-BE49-F238E27FC236}">
                    <a16:creationId xmlns:a16="http://schemas.microsoft.com/office/drawing/2014/main" id="{BAD7CC0A-9F1E-38F5-1850-5417770EFDCB}"/>
                  </a:ext>
                </a:extLst>
              </p:cNvPr>
              <p:cNvGrpSpPr/>
              <p:nvPr/>
            </p:nvGrpSpPr>
            <p:grpSpPr>
              <a:xfrm>
                <a:off x="5458296" y="3153610"/>
                <a:ext cx="1445092" cy="45719"/>
                <a:chOff x="5458296" y="3153610"/>
                <a:chExt cx="1445092" cy="45719"/>
              </a:xfrm>
            </p:grpSpPr>
            <p:cxnSp>
              <p:nvCxnSpPr>
                <p:cNvPr id="53" name="Straight Connector 52">
                  <a:extLst>
                    <a:ext uri="{FF2B5EF4-FFF2-40B4-BE49-F238E27FC236}">
                      <a16:creationId xmlns:a16="http://schemas.microsoft.com/office/drawing/2014/main" id="{8A5D81F5-2929-C6B7-D24A-34EA5DAF2953}"/>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55" name="Oval 54">
                  <a:extLst>
                    <a:ext uri="{FF2B5EF4-FFF2-40B4-BE49-F238E27FC236}">
                      <a16:creationId xmlns:a16="http://schemas.microsoft.com/office/drawing/2014/main" id="{2DD921AD-1019-F272-B24F-D49C1E551B6A}"/>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56" name="Oval 55">
                  <a:extLst>
                    <a:ext uri="{FF2B5EF4-FFF2-40B4-BE49-F238E27FC236}">
                      <a16:creationId xmlns:a16="http://schemas.microsoft.com/office/drawing/2014/main" id="{1DAAFDEA-0E46-218B-F11B-9D3EDCB7528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43" name="Straight Connector 42">
                <a:extLst>
                  <a:ext uri="{FF2B5EF4-FFF2-40B4-BE49-F238E27FC236}">
                    <a16:creationId xmlns:a16="http://schemas.microsoft.com/office/drawing/2014/main" id="{5314A420-A74F-9C03-77D4-49F48B4C6503}"/>
                  </a:ext>
                </a:extLst>
              </p:cNvPr>
              <p:cNvCxnSpPr>
                <a:cxnSpLocks/>
              </p:cNvCxnSpPr>
              <p:nvPr/>
            </p:nvCxnSpPr>
            <p:spPr>
              <a:xfrm>
                <a:off x="6176326" y="3140469"/>
                <a:ext cx="0" cy="72000"/>
              </a:xfrm>
              <a:prstGeom prst="line">
                <a:avLst/>
              </a:prstGeom>
              <a:ln w="12700">
                <a:solidFill>
                  <a:schemeClr val="accent4"/>
                </a:solidFill>
              </a:ln>
            </p:spPr>
            <p:style>
              <a:lnRef idx="1">
                <a:schemeClr val="accent1"/>
              </a:lnRef>
              <a:fillRef idx="0">
                <a:schemeClr val="accent1"/>
              </a:fillRef>
              <a:effectRef idx="0">
                <a:schemeClr val="accent1"/>
              </a:effectRef>
              <a:fontRef idx="minor">
                <a:schemeClr val="tx1"/>
              </a:fontRef>
            </p:style>
          </p:cxnSp>
          <p:sp>
            <p:nvSpPr>
              <p:cNvPr id="51" name="TextBox 50">
                <a:extLst>
                  <a:ext uri="{FF2B5EF4-FFF2-40B4-BE49-F238E27FC236}">
                    <a16:creationId xmlns:a16="http://schemas.microsoft.com/office/drawing/2014/main" id="{E112A80A-1B4D-7326-C438-E73E80C6359C}"/>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52" name="TextBox 51">
                <a:extLst>
                  <a:ext uri="{FF2B5EF4-FFF2-40B4-BE49-F238E27FC236}">
                    <a16:creationId xmlns:a16="http://schemas.microsoft.com/office/drawing/2014/main" id="{6D008D5C-143B-D97F-B6DE-EF1813174E10}"/>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41" name="Oval 40">
              <a:extLst>
                <a:ext uri="{FF2B5EF4-FFF2-40B4-BE49-F238E27FC236}">
                  <a16:creationId xmlns:a16="http://schemas.microsoft.com/office/drawing/2014/main" id="{DBC1DC51-C336-1767-42DB-805320E1AFA9}"/>
                </a:ext>
              </a:extLst>
            </p:cNvPr>
            <p:cNvSpPr/>
            <p:nvPr/>
          </p:nvSpPr>
          <p:spPr>
            <a:xfrm>
              <a:off x="1526789"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74" name="TextBox 73">
            <a:extLst>
              <a:ext uri="{FF2B5EF4-FFF2-40B4-BE49-F238E27FC236}">
                <a16:creationId xmlns:a16="http://schemas.microsoft.com/office/drawing/2014/main" id="{590195FB-28D5-5BF7-AAFE-6947408B02B0}"/>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grpSp>
        <p:nvGrpSpPr>
          <p:cNvPr id="62" name="Group 61" descr="Vurdering af organisatorisk kompleksitet, 6 ud af 10">
            <a:extLst>
              <a:ext uri="{FF2B5EF4-FFF2-40B4-BE49-F238E27FC236}">
                <a16:creationId xmlns:a16="http://schemas.microsoft.com/office/drawing/2014/main" id="{33413416-36BB-4848-CA1B-3E7B2F81637E}"/>
              </a:ext>
            </a:extLst>
          </p:cNvPr>
          <p:cNvGrpSpPr/>
          <p:nvPr/>
        </p:nvGrpSpPr>
        <p:grpSpPr>
          <a:xfrm>
            <a:off x="4754047" y="5908007"/>
            <a:ext cx="1707066" cy="206738"/>
            <a:chOff x="5354949" y="3040512"/>
            <a:chExt cx="1645739" cy="171957"/>
          </a:xfrm>
        </p:grpSpPr>
        <p:grpSp>
          <p:nvGrpSpPr>
            <p:cNvPr id="67" name="Group 66">
              <a:extLst>
                <a:ext uri="{FF2B5EF4-FFF2-40B4-BE49-F238E27FC236}">
                  <a16:creationId xmlns:a16="http://schemas.microsoft.com/office/drawing/2014/main" id="{67BC28FD-F931-42EA-8F12-6DAAC816DC8F}"/>
                </a:ext>
              </a:extLst>
            </p:cNvPr>
            <p:cNvGrpSpPr/>
            <p:nvPr/>
          </p:nvGrpSpPr>
          <p:grpSpPr>
            <a:xfrm>
              <a:off x="5458296" y="3153610"/>
              <a:ext cx="1445092" cy="45719"/>
              <a:chOff x="5458296" y="3153610"/>
              <a:chExt cx="1445092" cy="45719"/>
            </a:xfrm>
          </p:grpSpPr>
          <p:cxnSp>
            <p:nvCxnSpPr>
              <p:cNvPr id="71" name="Straight Connector 70">
                <a:extLst>
                  <a:ext uri="{FF2B5EF4-FFF2-40B4-BE49-F238E27FC236}">
                    <a16:creationId xmlns:a16="http://schemas.microsoft.com/office/drawing/2014/main" id="{9C8BFC89-507A-DFF5-F2D0-A1413557DBFC}"/>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2" name="Oval 71">
                <a:extLst>
                  <a:ext uri="{FF2B5EF4-FFF2-40B4-BE49-F238E27FC236}">
                    <a16:creationId xmlns:a16="http://schemas.microsoft.com/office/drawing/2014/main" id="{81E7F50A-EF45-01DB-83FD-1B30BAC361C8}"/>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73" name="Oval 72">
                <a:extLst>
                  <a:ext uri="{FF2B5EF4-FFF2-40B4-BE49-F238E27FC236}">
                    <a16:creationId xmlns:a16="http://schemas.microsoft.com/office/drawing/2014/main" id="{BFE1C72F-6361-C8F1-AC1B-BD461EE6624B}"/>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68" name="Straight Connector 67">
              <a:extLst>
                <a:ext uri="{FF2B5EF4-FFF2-40B4-BE49-F238E27FC236}">
                  <a16:creationId xmlns:a16="http://schemas.microsoft.com/office/drawing/2014/main" id="{E93BCBE0-367F-EF98-92D1-57724F52359C}"/>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69" name="TextBox 68">
              <a:extLst>
                <a:ext uri="{FF2B5EF4-FFF2-40B4-BE49-F238E27FC236}">
                  <a16:creationId xmlns:a16="http://schemas.microsoft.com/office/drawing/2014/main" id="{679166CE-2A9C-F1FF-9CAC-167ADFFE658C}"/>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70" name="TextBox 69">
              <a:extLst>
                <a:ext uri="{FF2B5EF4-FFF2-40B4-BE49-F238E27FC236}">
                  <a16:creationId xmlns:a16="http://schemas.microsoft.com/office/drawing/2014/main" id="{E7322790-B416-559E-4AE1-55630C733C8C}"/>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24" name="Rektangel: afrundede hjørner 10">
            <a:extLst>
              <a:ext uri="{FF2B5EF4-FFF2-40B4-BE49-F238E27FC236}">
                <a16:creationId xmlns:a16="http://schemas.microsoft.com/office/drawing/2014/main" id="{CF437C45-DD51-C67D-C335-05B882C14479}"/>
              </a:ext>
              <a:ext uri="{C183D7F6-B498-43B3-948B-1728B52AA6E4}">
                <adec:decorative xmlns:adec="http://schemas.microsoft.com/office/drawing/2017/decorative" val="1"/>
              </a:ext>
            </a:extLst>
          </p:cNvPr>
          <p:cNvSpPr>
            <a:spLocks/>
          </p:cNvSpPr>
          <p:nvPr/>
        </p:nvSpPr>
        <p:spPr>
          <a:xfrm>
            <a:off x="7242764" y="222872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F8428C33-C7B0-2CDD-266C-C210460F0E6B}"/>
              </a:ext>
              <a:ext uri="{C183D7F6-B498-43B3-948B-1728B52AA6E4}">
                <adec:decorative xmlns:adec="http://schemas.microsoft.com/office/drawing/2017/decorative" val="1"/>
              </a:ext>
            </a:extLst>
          </p:cNvPr>
          <p:cNvSpPr>
            <a:spLocks noEditPoints="1"/>
          </p:cNvSpPr>
          <p:nvPr/>
        </p:nvSpPr>
        <p:spPr bwMode="auto">
          <a:xfrm>
            <a:off x="7289024" y="229402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34" name="TextBox 133">
            <a:extLst>
              <a:ext uri="{FF2B5EF4-FFF2-40B4-BE49-F238E27FC236}">
                <a16:creationId xmlns:a16="http://schemas.microsoft.com/office/drawing/2014/main" id="{B0E6FFB2-C4E2-815A-3ADE-CB31EE9B1D5D}"/>
              </a:ext>
            </a:extLst>
          </p:cNvPr>
          <p:cNvSpPr txBox="1"/>
          <p:nvPr/>
        </p:nvSpPr>
        <p:spPr>
          <a:xfrm>
            <a:off x="7249102" y="1874760"/>
            <a:ext cx="2162754" cy="246221"/>
          </a:xfrm>
          <a:prstGeom prst="rect">
            <a:avLst/>
          </a:prstGeom>
          <a:noFill/>
        </p:spPr>
        <p:txBody>
          <a:bodyPr wrap="square" lIns="0">
            <a:spAutoFit/>
          </a:bodyPr>
          <a:lstStyle/>
          <a:p>
            <a:r>
              <a:rPr lang="da-DK" sz="1000" b="1" noProof="0" dirty="0">
                <a:solidFill>
                  <a:srgbClr val="36465A"/>
                </a:solidFill>
              </a:rPr>
              <a:t>Udfordringer adresseret</a:t>
            </a:r>
            <a:endParaRPr lang="da-DK" sz="1000" noProof="0" dirty="0">
              <a:solidFill>
                <a:srgbClr val="36465A"/>
              </a:solidFill>
            </a:endParaRPr>
          </a:p>
        </p:txBody>
      </p:sp>
      <p:sp>
        <p:nvSpPr>
          <p:cNvPr id="26" name="TextBox 4">
            <a:extLst>
              <a:ext uri="{FF2B5EF4-FFF2-40B4-BE49-F238E27FC236}">
                <a16:creationId xmlns:a16="http://schemas.microsoft.com/office/drawing/2014/main" id="{478F7226-2628-A952-7705-87B3B2BE7DFF}"/>
              </a:ext>
              <a:ext uri="{C183D7F6-B498-43B3-948B-1728B52AA6E4}">
                <adec:decorative xmlns:adec="http://schemas.microsoft.com/office/drawing/2017/decorative" val="0"/>
              </a:ext>
            </a:extLst>
          </p:cNvPr>
          <p:cNvSpPr txBox="1">
            <a:spLocks/>
          </p:cNvSpPr>
          <p:nvPr/>
        </p:nvSpPr>
        <p:spPr>
          <a:xfrm>
            <a:off x="7527006" y="2244023"/>
            <a:ext cx="1931343" cy="296832"/>
          </a:xfrm>
          <a:prstGeom prst="rect">
            <a:avLst/>
          </a:prstGeom>
          <a:noFill/>
        </p:spPr>
        <p:txBody>
          <a:bodyPr wrap="square" rtlCol="0" anchor="ctr">
            <a:noAutofit/>
          </a:bodyPr>
          <a:lstStyle/>
          <a:p>
            <a:r>
              <a:rPr lang="da-DK" sz="700" b="1" noProof="0" dirty="0">
                <a:solidFill>
                  <a:srgbClr val="024D78"/>
                </a:solidFill>
              </a:rPr>
              <a:t>01 | Høj afhængighed af større leverandører og manglende konkurrence</a:t>
            </a:r>
          </a:p>
        </p:txBody>
      </p:sp>
      <p:sp>
        <p:nvSpPr>
          <p:cNvPr id="27" name="Rektangel: afrundede hjørner 5">
            <a:extLst>
              <a:ext uri="{FF2B5EF4-FFF2-40B4-BE49-F238E27FC236}">
                <a16:creationId xmlns:a16="http://schemas.microsoft.com/office/drawing/2014/main" id="{EFA4CDD2-55EF-B6B3-3D86-7F093CBDCB6E}"/>
              </a:ext>
              <a:ext uri="{C183D7F6-B498-43B3-948B-1728B52AA6E4}">
                <adec:decorative xmlns:adec="http://schemas.microsoft.com/office/drawing/2017/decorative" val="1"/>
              </a:ext>
            </a:extLst>
          </p:cNvPr>
          <p:cNvSpPr>
            <a:spLocks/>
          </p:cNvSpPr>
          <p:nvPr/>
        </p:nvSpPr>
        <p:spPr>
          <a:xfrm>
            <a:off x="7242764" y="2651061"/>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8" name="TextBox 11">
            <a:extLst>
              <a:ext uri="{FF2B5EF4-FFF2-40B4-BE49-F238E27FC236}">
                <a16:creationId xmlns:a16="http://schemas.microsoft.com/office/drawing/2014/main" id="{15480B1E-2321-BD52-4D8B-9580DA61075E}"/>
              </a:ext>
              <a:ext uri="{C183D7F6-B498-43B3-948B-1728B52AA6E4}">
                <adec:decorative xmlns:adec="http://schemas.microsoft.com/office/drawing/2017/decorative" val="0"/>
              </a:ext>
            </a:extLst>
          </p:cNvPr>
          <p:cNvSpPr txBox="1">
            <a:spLocks/>
          </p:cNvSpPr>
          <p:nvPr/>
        </p:nvSpPr>
        <p:spPr>
          <a:xfrm>
            <a:off x="7527006" y="2671796"/>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2 | Manglende kontrol og transparens over egne data</a:t>
            </a:r>
          </a:p>
        </p:txBody>
      </p:sp>
      <p:grpSp>
        <p:nvGrpSpPr>
          <p:cNvPr id="29" name="Group 45">
            <a:extLst>
              <a:ext uri="{FF2B5EF4-FFF2-40B4-BE49-F238E27FC236}">
                <a16:creationId xmlns:a16="http://schemas.microsoft.com/office/drawing/2014/main" id="{4284B6FE-A86D-E4E1-24A8-A7FCC49F314A}"/>
              </a:ext>
              <a:ext uri="{C183D7F6-B498-43B3-948B-1728B52AA6E4}">
                <adec:decorative xmlns:adec="http://schemas.microsoft.com/office/drawing/2017/decorative" val="1"/>
              </a:ext>
            </a:extLst>
          </p:cNvPr>
          <p:cNvGrpSpPr>
            <a:grpSpLocks/>
          </p:cNvGrpSpPr>
          <p:nvPr/>
        </p:nvGrpSpPr>
        <p:grpSpPr>
          <a:xfrm>
            <a:off x="7310599" y="2707229"/>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493ED5AA-C776-FA43-46D7-8F34CD6777D2}"/>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D832432C-EDAC-EC31-4486-56F1A3D6C858}"/>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958547F5-DC97-0F87-EE8F-653966C8DB38}"/>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50CC21D3-2B94-3DF4-8FC7-6763876C74CD}"/>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grpSp>
        <p:nvGrpSpPr>
          <p:cNvPr id="3" name="Group 2">
            <a:extLst>
              <a:ext uri="{FF2B5EF4-FFF2-40B4-BE49-F238E27FC236}">
                <a16:creationId xmlns:a16="http://schemas.microsoft.com/office/drawing/2014/main" id="{08824354-B866-E70B-92D9-65A6D1A7631B}"/>
              </a:ext>
              <a:ext uri="{C183D7F6-B498-43B3-948B-1728B52AA6E4}">
                <adec:decorative xmlns:adec="http://schemas.microsoft.com/office/drawing/2017/decorative" val="1"/>
              </a:ext>
            </a:extLst>
          </p:cNvPr>
          <p:cNvGrpSpPr/>
          <p:nvPr/>
        </p:nvGrpSpPr>
        <p:grpSpPr>
          <a:xfrm>
            <a:off x="7242991" y="3073402"/>
            <a:ext cx="2215131" cy="319850"/>
            <a:chOff x="7159079" y="2962148"/>
            <a:chExt cx="2215131" cy="319850"/>
          </a:xfrm>
        </p:grpSpPr>
        <p:sp>
          <p:nvSpPr>
            <p:cNvPr id="30" name="Rektangel: afrundede hjørner 9">
              <a:extLst>
                <a:ext uri="{FF2B5EF4-FFF2-40B4-BE49-F238E27FC236}">
                  <a16:creationId xmlns:a16="http://schemas.microsoft.com/office/drawing/2014/main" id="{EB35C7E3-81C4-0327-3755-B6A95DCA5C37}"/>
                </a:ext>
              </a:extLst>
            </p:cNvPr>
            <p:cNvSpPr>
              <a:spLocks/>
            </p:cNvSpPr>
            <p:nvPr/>
          </p:nvSpPr>
          <p:spPr>
            <a:xfrm>
              <a:off x="7159079" y="2962148"/>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TextBox 23">
              <a:extLst>
                <a:ext uri="{FF2B5EF4-FFF2-40B4-BE49-F238E27FC236}">
                  <a16:creationId xmlns:a16="http://schemas.microsoft.com/office/drawing/2014/main" id="{F2C89FB4-486C-AFE1-CB8A-FBAC0172D6A5}"/>
                </a:ext>
              </a:extLst>
            </p:cNvPr>
            <p:cNvSpPr txBox="1">
              <a:spLocks/>
            </p:cNvSpPr>
            <p:nvPr/>
          </p:nvSpPr>
          <p:spPr>
            <a:xfrm>
              <a:off x="7442867" y="2982883"/>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3 | Begrænset kontrol og styring af digitale løsninger</a:t>
              </a:r>
            </a:p>
          </p:txBody>
        </p:sp>
        <p:sp>
          <p:nvSpPr>
            <p:cNvPr id="32" name="Freeform 6">
              <a:extLst>
                <a:ext uri="{FF2B5EF4-FFF2-40B4-BE49-F238E27FC236}">
                  <a16:creationId xmlns:a16="http://schemas.microsoft.com/office/drawing/2014/main" id="{88C25853-906B-4D73-B005-F78DE4AA3748}"/>
                </a:ext>
              </a:extLst>
            </p:cNvPr>
            <p:cNvSpPr>
              <a:spLocks noChangeAspect="1" noEditPoints="1"/>
            </p:cNvSpPr>
            <p:nvPr/>
          </p:nvSpPr>
          <p:spPr bwMode="auto">
            <a:xfrm>
              <a:off x="7215077" y="3022704"/>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grpSp>
        <p:nvGrpSpPr>
          <p:cNvPr id="2" name="Group 1">
            <a:extLst>
              <a:ext uri="{FF2B5EF4-FFF2-40B4-BE49-F238E27FC236}">
                <a16:creationId xmlns:a16="http://schemas.microsoft.com/office/drawing/2014/main" id="{8FA11C17-4779-7F4D-835E-68AFD72B4030}"/>
              </a:ext>
              <a:ext uri="{C183D7F6-B498-43B3-948B-1728B52AA6E4}">
                <adec:decorative xmlns:adec="http://schemas.microsoft.com/office/drawing/2017/decorative" val="1"/>
              </a:ext>
            </a:extLst>
          </p:cNvPr>
          <p:cNvGrpSpPr/>
          <p:nvPr/>
        </p:nvGrpSpPr>
        <p:grpSpPr>
          <a:xfrm>
            <a:off x="7242991" y="3495743"/>
            <a:ext cx="2215131" cy="320400"/>
            <a:chOff x="7159079" y="3422041"/>
            <a:chExt cx="2215131" cy="320400"/>
          </a:xfrm>
        </p:grpSpPr>
        <p:sp>
          <p:nvSpPr>
            <p:cNvPr id="33" name="Rektangel: afrundede hjørner 39">
              <a:extLst>
                <a:ext uri="{FF2B5EF4-FFF2-40B4-BE49-F238E27FC236}">
                  <a16:creationId xmlns:a16="http://schemas.microsoft.com/office/drawing/2014/main" id="{72627392-91F7-52E2-110A-9F4D6F2A5AAE}"/>
                </a:ext>
              </a:extLst>
            </p:cNvPr>
            <p:cNvSpPr>
              <a:spLocks/>
            </p:cNvSpPr>
            <p:nvPr/>
          </p:nvSpPr>
          <p:spPr>
            <a:xfrm>
              <a:off x="7159079" y="3422041"/>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TextBox 27">
              <a:extLst>
                <a:ext uri="{FF2B5EF4-FFF2-40B4-BE49-F238E27FC236}">
                  <a16:creationId xmlns:a16="http://schemas.microsoft.com/office/drawing/2014/main" id="{93EC10C6-8A60-809E-C0DB-ADBED79A900E}"/>
                </a:ext>
              </a:extLst>
            </p:cNvPr>
            <p:cNvSpPr txBox="1">
              <a:spLocks/>
            </p:cNvSpPr>
            <p:nvPr/>
          </p:nvSpPr>
          <p:spPr>
            <a:xfrm>
              <a:off x="7442867" y="3443051"/>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4 | Sårbarheder i den digitale forsyningssikkerhed</a:t>
              </a:r>
            </a:p>
          </p:txBody>
        </p:sp>
        <p:sp>
          <p:nvSpPr>
            <p:cNvPr id="36" name="Freeform 8">
              <a:extLst>
                <a:ext uri="{FF2B5EF4-FFF2-40B4-BE49-F238E27FC236}">
                  <a16:creationId xmlns:a16="http://schemas.microsoft.com/office/drawing/2014/main" id="{00EEF96D-CD2D-2F59-90A9-EC4A0EF2DB05}"/>
                </a:ext>
              </a:extLst>
            </p:cNvPr>
            <p:cNvSpPr>
              <a:spLocks noChangeAspect="1" noEditPoints="1"/>
            </p:cNvSpPr>
            <p:nvPr/>
          </p:nvSpPr>
          <p:spPr bwMode="auto">
            <a:xfrm>
              <a:off x="7227754" y="3487934"/>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96" name="Free-form: Shape 1">
            <a:extLst>
              <a:ext uri="{FF2B5EF4-FFF2-40B4-BE49-F238E27FC236}">
                <a16:creationId xmlns:a16="http://schemas.microsoft.com/office/drawing/2014/main" id="{1F4DD513-AA23-A10A-37B3-56ACF1C50B76}"/>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DB8FE66C-1962-CBDB-BCF7-C27175F3615F}"/>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1FFB10DB-1A11-340C-6D39-7B09A39A81D4}"/>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41866246-B5A3-B75E-27BD-F6ED5FE454F6}"/>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EAE189EF-3676-1C8F-6EFE-33AC2B88C207}"/>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B6172622-BF4B-68F8-433A-D9BF06015CF5}"/>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38" name="TextBox 137">
            <a:extLst>
              <a:ext uri="{FF2B5EF4-FFF2-40B4-BE49-F238E27FC236}">
                <a16:creationId xmlns:a16="http://schemas.microsoft.com/office/drawing/2014/main" id="{42EE8DFB-970E-2D30-54F6-314757AC8088}"/>
              </a:ext>
            </a:extLst>
          </p:cNvPr>
          <p:cNvSpPr txBox="1"/>
          <p:nvPr/>
        </p:nvSpPr>
        <p:spPr>
          <a:xfrm>
            <a:off x="9469157" y="1874760"/>
            <a:ext cx="1931344" cy="246221"/>
          </a:xfrm>
          <a:prstGeom prst="rect">
            <a:avLst/>
          </a:prstGeom>
          <a:noFill/>
        </p:spPr>
        <p:txBody>
          <a:bodyPr wrap="square" lIns="72000">
            <a:spAutoFit/>
          </a:bodyPr>
          <a:lstStyle/>
          <a:p>
            <a:r>
              <a:rPr lang="da-DK" sz="1000" b="1" noProof="0" dirty="0">
                <a:solidFill>
                  <a:srgbClr val="36465A"/>
                </a:solidFill>
              </a:rPr>
              <a:t>Gevinster</a:t>
            </a:r>
            <a:endParaRPr lang="da-DK" sz="1000" noProof="0" dirty="0">
              <a:solidFill>
                <a:srgbClr val="36465A"/>
              </a:solidFill>
            </a:endParaRPr>
          </a:p>
        </p:txBody>
      </p:sp>
      <p:sp>
        <p:nvSpPr>
          <p:cNvPr id="179" name="Freeform 7">
            <a:extLst>
              <a:ext uri="{FF2B5EF4-FFF2-40B4-BE49-F238E27FC236}">
                <a16:creationId xmlns:a16="http://schemas.microsoft.com/office/drawing/2014/main" id="{0FD25AB0-52D9-58FD-94C8-7EFD975BF846}"/>
              </a:ext>
              <a:ext uri="{C183D7F6-B498-43B3-948B-1728B52AA6E4}">
                <adec:decorative xmlns:adec="http://schemas.microsoft.com/office/drawing/2017/decorative" val="1"/>
              </a:ext>
            </a:extLst>
          </p:cNvPr>
          <p:cNvSpPr>
            <a:spLocks noEditPoints="1"/>
          </p:cNvSpPr>
          <p:nvPr/>
        </p:nvSpPr>
        <p:spPr bwMode="auto">
          <a:xfrm>
            <a:off x="11640820" y="204513"/>
            <a:ext cx="417912" cy="402986"/>
          </a:xfrm>
          <a:custGeom>
            <a:avLst/>
            <a:gdLst>
              <a:gd name="T0" fmla="*/ 12 w 208"/>
              <a:gd name="T1" fmla="*/ 0 h 200"/>
              <a:gd name="T2" fmla="*/ 12 w 208"/>
              <a:gd name="T3" fmla="*/ 200 h 200"/>
              <a:gd name="T4" fmla="*/ 160 w 208"/>
              <a:gd name="T5" fmla="*/ 44 h 200"/>
              <a:gd name="T6" fmla="*/ 120 w 208"/>
              <a:gd name="T7" fmla="*/ 14 h 200"/>
              <a:gd name="T8" fmla="*/ 120 w 208"/>
              <a:gd name="T9" fmla="*/ 36 h 200"/>
              <a:gd name="T10" fmla="*/ 12 w 208"/>
              <a:gd name="T11" fmla="*/ 192 h 200"/>
              <a:gd name="T12" fmla="*/ 12 w 208"/>
              <a:gd name="T13" fmla="*/ 8 h 200"/>
              <a:gd name="T14" fmla="*/ 124 w 208"/>
              <a:gd name="T15" fmla="*/ 48 h 200"/>
              <a:gd name="T16" fmla="*/ 148 w 208"/>
              <a:gd name="T17" fmla="*/ 192 h 200"/>
              <a:gd name="T18" fmla="*/ 184 w 208"/>
              <a:gd name="T19" fmla="*/ 20 h 200"/>
              <a:gd name="T20" fmla="*/ 168 w 208"/>
              <a:gd name="T21" fmla="*/ 152 h 200"/>
              <a:gd name="T22" fmla="*/ 182 w 208"/>
              <a:gd name="T23" fmla="*/ 180 h 200"/>
              <a:gd name="T24" fmla="*/ 196 w 208"/>
              <a:gd name="T25" fmla="*/ 152 h 200"/>
              <a:gd name="T26" fmla="*/ 200 w 208"/>
              <a:gd name="T27" fmla="*/ 72 h 200"/>
              <a:gd name="T28" fmla="*/ 208 w 208"/>
              <a:gd name="T29" fmla="*/ 44 h 200"/>
              <a:gd name="T30" fmla="*/ 176 w 208"/>
              <a:gd name="T31" fmla="*/ 151 h 200"/>
              <a:gd name="T32" fmla="*/ 188 w 208"/>
              <a:gd name="T33" fmla="*/ 151 h 200"/>
              <a:gd name="T34" fmla="*/ 176 w 208"/>
              <a:gd name="T35" fmla="*/ 32 h 200"/>
              <a:gd name="T36" fmla="*/ 188 w 208"/>
              <a:gd name="T37" fmla="*/ 32 h 200"/>
              <a:gd name="T38" fmla="*/ 124 w 208"/>
              <a:gd name="T39" fmla="*/ 64 h 200"/>
              <a:gd name="T40" fmla="*/ 60 w 208"/>
              <a:gd name="T41" fmla="*/ 56 h 200"/>
              <a:gd name="T42" fmla="*/ 60 w 208"/>
              <a:gd name="T43" fmla="*/ 72 h 200"/>
              <a:gd name="T44" fmla="*/ 108 w 208"/>
              <a:gd name="T45" fmla="*/ 80 h 200"/>
              <a:gd name="T46" fmla="*/ 60 w 208"/>
              <a:gd name="T47" fmla="*/ 72 h 200"/>
              <a:gd name="T48" fmla="*/ 128 w 208"/>
              <a:gd name="T49" fmla="*/ 100 h 200"/>
              <a:gd name="T50" fmla="*/ 56 w 208"/>
              <a:gd name="T51" fmla="*/ 100 h 200"/>
              <a:gd name="T52" fmla="*/ 108 w 208"/>
              <a:gd name="T53" fmla="*/ 120 h 200"/>
              <a:gd name="T54" fmla="*/ 60 w 208"/>
              <a:gd name="T55" fmla="*/ 112 h 200"/>
              <a:gd name="T56" fmla="*/ 124 w 208"/>
              <a:gd name="T57" fmla="*/ 136 h 200"/>
              <a:gd name="T58" fmla="*/ 60 w 208"/>
              <a:gd name="T59" fmla="*/ 144 h 200"/>
              <a:gd name="T60" fmla="*/ 124 w 208"/>
              <a:gd name="T61" fmla="*/ 136 h 200"/>
              <a:gd name="T62" fmla="*/ 56 w 208"/>
              <a:gd name="T63" fmla="*/ 156 h 200"/>
              <a:gd name="T64" fmla="*/ 112 w 208"/>
              <a:gd name="T65" fmla="*/ 156 h 200"/>
              <a:gd name="T66" fmla="*/ 28 w 208"/>
              <a:gd name="T67" fmla="*/ 80 h 200"/>
              <a:gd name="T68" fmla="*/ 47 w 208"/>
              <a:gd name="T69" fmla="*/ 57 h 200"/>
              <a:gd name="T70" fmla="*/ 23 w 208"/>
              <a:gd name="T71" fmla="*/ 65 h 200"/>
              <a:gd name="T72" fmla="*/ 25 w 208"/>
              <a:gd name="T73" fmla="*/ 79 h 200"/>
              <a:gd name="T74" fmla="*/ 31 w 208"/>
              <a:gd name="T75" fmla="*/ 119 h 200"/>
              <a:gd name="T76" fmla="*/ 41 w 208"/>
              <a:gd name="T77" fmla="*/ 97 h 200"/>
              <a:gd name="T78" fmla="*/ 23 w 208"/>
              <a:gd name="T79" fmla="*/ 105 h 200"/>
              <a:gd name="T80" fmla="*/ 25 w 208"/>
              <a:gd name="T81" fmla="*/ 119 h 200"/>
              <a:gd name="T82" fmla="*/ 28 w 208"/>
              <a:gd name="T83" fmla="*/ 150 h 200"/>
              <a:gd name="T84" fmla="*/ 17 w 208"/>
              <a:gd name="T85" fmla="*/ 151 h 200"/>
              <a:gd name="T86" fmla="*/ 31 w 208"/>
              <a:gd name="T87" fmla="*/ 159 h 200"/>
              <a:gd name="T88" fmla="*/ 41 w 208"/>
              <a:gd name="T89" fmla="*/ 137 h 2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08" h="200">
                <a:moveTo>
                  <a:pt x="119" y="1"/>
                </a:moveTo>
                <a:cubicBezTo>
                  <a:pt x="118" y="0"/>
                  <a:pt x="117" y="0"/>
                  <a:pt x="116" y="0"/>
                </a:cubicBezTo>
                <a:cubicBezTo>
                  <a:pt x="12" y="0"/>
                  <a:pt x="12" y="0"/>
                  <a:pt x="12" y="0"/>
                </a:cubicBezTo>
                <a:cubicBezTo>
                  <a:pt x="5" y="0"/>
                  <a:pt x="0" y="5"/>
                  <a:pt x="0" y="12"/>
                </a:cubicBezTo>
                <a:cubicBezTo>
                  <a:pt x="0" y="188"/>
                  <a:pt x="0" y="188"/>
                  <a:pt x="0" y="188"/>
                </a:cubicBezTo>
                <a:cubicBezTo>
                  <a:pt x="0" y="195"/>
                  <a:pt x="5" y="200"/>
                  <a:pt x="12" y="200"/>
                </a:cubicBezTo>
                <a:cubicBezTo>
                  <a:pt x="148" y="200"/>
                  <a:pt x="148" y="200"/>
                  <a:pt x="148" y="200"/>
                </a:cubicBezTo>
                <a:cubicBezTo>
                  <a:pt x="155" y="200"/>
                  <a:pt x="160" y="195"/>
                  <a:pt x="160" y="188"/>
                </a:cubicBezTo>
                <a:cubicBezTo>
                  <a:pt x="160" y="44"/>
                  <a:pt x="160" y="44"/>
                  <a:pt x="160" y="44"/>
                </a:cubicBezTo>
                <a:cubicBezTo>
                  <a:pt x="160" y="43"/>
                  <a:pt x="160" y="42"/>
                  <a:pt x="159" y="41"/>
                </a:cubicBezTo>
                <a:lnTo>
                  <a:pt x="119" y="1"/>
                </a:lnTo>
                <a:close/>
                <a:moveTo>
                  <a:pt x="120" y="14"/>
                </a:moveTo>
                <a:cubicBezTo>
                  <a:pt x="146" y="40"/>
                  <a:pt x="146" y="40"/>
                  <a:pt x="146" y="40"/>
                </a:cubicBezTo>
                <a:cubicBezTo>
                  <a:pt x="124" y="40"/>
                  <a:pt x="124" y="40"/>
                  <a:pt x="124" y="40"/>
                </a:cubicBezTo>
                <a:cubicBezTo>
                  <a:pt x="122" y="40"/>
                  <a:pt x="120" y="38"/>
                  <a:pt x="120" y="36"/>
                </a:cubicBezTo>
                <a:lnTo>
                  <a:pt x="120" y="14"/>
                </a:lnTo>
                <a:close/>
                <a:moveTo>
                  <a:pt x="148" y="192"/>
                </a:moveTo>
                <a:cubicBezTo>
                  <a:pt x="12" y="192"/>
                  <a:pt x="12" y="192"/>
                  <a:pt x="12" y="192"/>
                </a:cubicBezTo>
                <a:cubicBezTo>
                  <a:pt x="10" y="192"/>
                  <a:pt x="8" y="190"/>
                  <a:pt x="8" y="188"/>
                </a:cubicBezTo>
                <a:cubicBezTo>
                  <a:pt x="8" y="12"/>
                  <a:pt x="8" y="12"/>
                  <a:pt x="8" y="12"/>
                </a:cubicBezTo>
                <a:cubicBezTo>
                  <a:pt x="8" y="10"/>
                  <a:pt x="10" y="8"/>
                  <a:pt x="12" y="8"/>
                </a:cubicBezTo>
                <a:cubicBezTo>
                  <a:pt x="112" y="8"/>
                  <a:pt x="112" y="8"/>
                  <a:pt x="112" y="8"/>
                </a:cubicBezTo>
                <a:cubicBezTo>
                  <a:pt x="112" y="36"/>
                  <a:pt x="112" y="36"/>
                  <a:pt x="112" y="36"/>
                </a:cubicBezTo>
                <a:cubicBezTo>
                  <a:pt x="112" y="43"/>
                  <a:pt x="117" y="48"/>
                  <a:pt x="124" y="48"/>
                </a:cubicBezTo>
                <a:cubicBezTo>
                  <a:pt x="152" y="48"/>
                  <a:pt x="152" y="48"/>
                  <a:pt x="152" y="48"/>
                </a:cubicBezTo>
                <a:cubicBezTo>
                  <a:pt x="152" y="188"/>
                  <a:pt x="152" y="188"/>
                  <a:pt x="152" y="188"/>
                </a:cubicBezTo>
                <a:cubicBezTo>
                  <a:pt x="152" y="190"/>
                  <a:pt x="150" y="192"/>
                  <a:pt x="148" y="192"/>
                </a:cubicBezTo>
                <a:close/>
                <a:moveTo>
                  <a:pt x="208" y="44"/>
                </a:moveTo>
                <a:cubicBezTo>
                  <a:pt x="208" y="36"/>
                  <a:pt x="203" y="30"/>
                  <a:pt x="195" y="28"/>
                </a:cubicBezTo>
                <a:cubicBezTo>
                  <a:pt x="194" y="24"/>
                  <a:pt x="189" y="20"/>
                  <a:pt x="184" y="20"/>
                </a:cubicBezTo>
                <a:cubicBezTo>
                  <a:pt x="180" y="20"/>
                  <a:pt x="180" y="20"/>
                  <a:pt x="180" y="20"/>
                </a:cubicBezTo>
                <a:cubicBezTo>
                  <a:pt x="173" y="20"/>
                  <a:pt x="168" y="25"/>
                  <a:pt x="168" y="32"/>
                </a:cubicBezTo>
                <a:cubicBezTo>
                  <a:pt x="168" y="152"/>
                  <a:pt x="168" y="152"/>
                  <a:pt x="168" y="152"/>
                </a:cubicBezTo>
                <a:cubicBezTo>
                  <a:pt x="168" y="154"/>
                  <a:pt x="168" y="154"/>
                  <a:pt x="168" y="154"/>
                </a:cubicBezTo>
                <a:cubicBezTo>
                  <a:pt x="178" y="178"/>
                  <a:pt x="178" y="178"/>
                  <a:pt x="178" y="178"/>
                </a:cubicBezTo>
                <a:cubicBezTo>
                  <a:pt x="179" y="179"/>
                  <a:pt x="180" y="180"/>
                  <a:pt x="182" y="180"/>
                </a:cubicBezTo>
                <a:cubicBezTo>
                  <a:pt x="184" y="180"/>
                  <a:pt x="185" y="179"/>
                  <a:pt x="186" y="178"/>
                </a:cubicBezTo>
                <a:cubicBezTo>
                  <a:pt x="196" y="154"/>
                  <a:pt x="196" y="154"/>
                  <a:pt x="196" y="154"/>
                </a:cubicBezTo>
                <a:cubicBezTo>
                  <a:pt x="196" y="152"/>
                  <a:pt x="196" y="152"/>
                  <a:pt x="196" y="152"/>
                </a:cubicBezTo>
                <a:cubicBezTo>
                  <a:pt x="196" y="37"/>
                  <a:pt x="196" y="37"/>
                  <a:pt x="196" y="37"/>
                </a:cubicBezTo>
                <a:cubicBezTo>
                  <a:pt x="198" y="38"/>
                  <a:pt x="200" y="41"/>
                  <a:pt x="200" y="44"/>
                </a:cubicBezTo>
                <a:cubicBezTo>
                  <a:pt x="200" y="72"/>
                  <a:pt x="200" y="72"/>
                  <a:pt x="200" y="72"/>
                </a:cubicBezTo>
                <a:cubicBezTo>
                  <a:pt x="200" y="74"/>
                  <a:pt x="202" y="76"/>
                  <a:pt x="204" y="76"/>
                </a:cubicBezTo>
                <a:cubicBezTo>
                  <a:pt x="206" y="76"/>
                  <a:pt x="208" y="74"/>
                  <a:pt x="208" y="72"/>
                </a:cubicBezTo>
                <a:lnTo>
                  <a:pt x="208" y="44"/>
                </a:lnTo>
                <a:close/>
                <a:moveTo>
                  <a:pt x="188" y="151"/>
                </a:moveTo>
                <a:cubicBezTo>
                  <a:pt x="182" y="166"/>
                  <a:pt x="182" y="166"/>
                  <a:pt x="182" y="166"/>
                </a:cubicBezTo>
                <a:cubicBezTo>
                  <a:pt x="176" y="151"/>
                  <a:pt x="176" y="151"/>
                  <a:pt x="176" y="151"/>
                </a:cubicBezTo>
                <a:cubicBezTo>
                  <a:pt x="176" y="84"/>
                  <a:pt x="176" y="84"/>
                  <a:pt x="176" y="84"/>
                </a:cubicBezTo>
                <a:cubicBezTo>
                  <a:pt x="188" y="84"/>
                  <a:pt x="188" y="84"/>
                  <a:pt x="188" y="84"/>
                </a:cubicBezTo>
                <a:lnTo>
                  <a:pt x="188" y="151"/>
                </a:lnTo>
                <a:close/>
                <a:moveTo>
                  <a:pt x="188" y="76"/>
                </a:moveTo>
                <a:cubicBezTo>
                  <a:pt x="176" y="76"/>
                  <a:pt x="176" y="76"/>
                  <a:pt x="176" y="76"/>
                </a:cubicBezTo>
                <a:cubicBezTo>
                  <a:pt x="176" y="32"/>
                  <a:pt x="176" y="32"/>
                  <a:pt x="176" y="32"/>
                </a:cubicBezTo>
                <a:cubicBezTo>
                  <a:pt x="176" y="30"/>
                  <a:pt x="178" y="28"/>
                  <a:pt x="180" y="28"/>
                </a:cubicBezTo>
                <a:cubicBezTo>
                  <a:pt x="184" y="28"/>
                  <a:pt x="184" y="28"/>
                  <a:pt x="184" y="28"/>
                </a:cubicBezTo>
                <a:cubicBezTo>
                  <a:pt x="186" y="28"/>
                  <a:pt x="188" y="30"/>
                  <a:pt x="188" y="32"/>
                </a:cubicBezTo>
                <a:lnTo>
                  <a:pt x="188" y="76"/>
                </a:lnTo>
                <a:close/>
                <a:moveTo>
                  <a:pt x="60" y="64"/>
                </a:moveTo>
                <a:cubicBezTo>
                  <a:pt x="124" y="64"/>
                  <a:pt x="124" y="64"/>
                  <a:pt x="124" y="64"/>
                </a:cubicBezTo>
                <a:cubicBezTo>
                  <a:pt x="126" y="64"/>
                  <a:pt x="128" y="62"/>
                  <a:pt x="128" y="60"/>
                </a:cubicBezTo>
                <a:cubicBezTo>
                  <a:pt x="128" y="58"/>
                  <a:pt x="126" y="56"/>
                  <a:pt x="124" y="56"/>
                </a:cubicBezTo>
                <a:cubicBezTo>
                  <a:pt x="60" y="56"/>
                  <a:pt x="60" y="56"/>
                  <a:pt x="60" y="56"/>
                </a:cubicBezTo>
                <a:cubicBezTo>
                  <a:pt x="58" y="56"/>
                  <a:pt x="56" y="58"/>
                  <a:pt x="56" y="60"/>
                </a:cubicBezTo>
                <a:cubicBezTo>
                  <a:pt x="56" y="62"/>
                  <a:pt x="58" y="64"/>
                  <a:pt x="60" y="64"/>
                </a:cubicBezTo>
                <a:close/>
                <a:moveTo>
                  <a:pt x="60" y="72"/>
                </a:moveTo>
                <a:cubicBezTo>
                  <a:pt x="58" y="72"/>
                  <a:pt x="56" y="74"/>
                  <a:pt x="56" y="76"/>
                </a:cubicBezTo>
                <a:cubicBezTo>
                  <a:pt x="56" y="78"/>
                  <a:pt x="58" y="80"/>
                  <a:pt x="60" y="80"/>
                </a:cubicBezTo>
                <a:cubicBezTo>
                  <a:pt x="108" y="80"/>
                  <a:pt x="108" y="80"/>
                  <a:pt x="108" y="80"/>
                </a:cubicBezTo>
                <a:cubicBezTo>
                  <a:pt x="110" y="80"/>
                  <a:pt x="112" y="78"/>
                  <a:pt x="112" y="76"/>
                </a:cubicBezTo>
                <a:cubicBezTo>
                  <a:pt x="112" y="74"/>
                  <a:pt x="110" y="72"/>
                  <a:pt x="108" y="72"/>
                </a:cubicBezTo>
                <a:lnTo>
                  <a:pt x="60" y="72"/>
                </a:lnTo>
                <a:close/>
                <a:moveTo>
                  <a:pt x="60" y="104"/>
                </a:moveTo>
                <a:cubicBezTo>
                  <a:pt x="124" y="104"/>
                  <a:pt x="124" y="104"/>
                  <a:pt x="124" y="104"/>
                </a:cubicBezTo>
                <a:cubicBezTo>
                  <a:pt x="126" y="104"/>
                  <a:pt x="128" y="102"/>
                  <a:pt x="128" y="100"/>
                </a:cubicBezTo>
                <a:cubicBezTo>
                  <a:pt x="128" y="98"/>
                  <a:pt x="126" y="96"/>
                  <a:pt x="124" y="96"/>
                </a:cubicBezTo>
                <a:cubicBezTo>
                  <a:pt x="60" y="96"/>
                  <a:pt x="60" y="96"/>
                  <a:pt x="60" y="96"/>
                </a:cubicBezTo>
                <a:cubicBezTo>
                  <a:pt x="58" y="96"/>
                  <a:pt x="56" y="98"/>
                  <a:pt x="56" y="100"/>
                </a:cubicBezTo>
                <a:cubicBezTo>
                  <a:pt x="56" y="102"/>
                  <a:pt x="58" y="104"/>
                  <a:pt x="60" y="104"/>
                </a:cubicBezTo>
                <a:close/>
                <a:moveTo>
                  <a:pt x="60" y="120"/>
                </a:moveTo>
                <a:cubicBezTo>
                  <a:pt x="108" y="120"/>
                  <a:pt x="108" y="120"/>
                  <a:pt x="108" y="120"/>
                </a:cubicBezTo>
                <a:cubicBezTo>
                  <a:pt x="110" y="120"/>
                  <a:pt x="112" y="118"/>
                  <a:pt x="112" y="116"/>
                </a:cubicBezTo>
                <a:cubicBezTo>
                  <a:pt x="112" y="114"/>
                  <a:pt x="110" y="112"/>
                  <a:pt x="108" y="112"/>
                </a:cubicBezTo>
                <a:cubicBezTo>
                  <a:pt x="60" y="112"/>
                  <a:pt x="60" y="112"/>
                  <a:pt x="60" y="112"/>
                </a:cubicBezTo>
                <a:cubicBezTo>
                  <a:pt x="58" y="112"/>
                  <a:pt x="56" y="114"/>
                  <a:pt x="56" y="116"/>
                </a:cubicBezTo>
                <a:cubicBezTo>
                  <a:pt x="56" y="118"/>
                  <a:pt x="58" y="120"/>
                  <a:pt x="60" y="120"/>
                </a:cubicBezTo>
                <a:close/>
                <a:moveTo>
                  <a:pt x="124" y="136"/>
                </a:moveTo>
                <a:cubicBezTo>
                  <a:pt x="60" y="136"/>
                  <a:pt x="60" y="136"/>
                  <a:pt x="60" y="136"/>
                </a:cubicBezTo>
                <a:cubicBezTo>
                  <a:pt x="58" y="136"/>
                  <a:pt x="56" y="138"/>
                  <a:pt x="56" y="140"/>
                </a:cubicBezTo>
                <a:cubicBezTo>
                  <a:pt x="56" y="142"/>
                  <a:pt x="58" y="144"/>
                  <a:pt x="60" y="144"/>
                </a:cubicBezTo>
                <a:cubicBezTo>
                  <a:pt x="124" y="144"/>
                  <a:pt x="124" y="144"/>
                  <a:pt x="124" y="144"/>
                </a:cubicBezTo>
                <a:cubicBezTo>
                  <a:pt x="126" y="144"/>
                  <a:pt x="128" y="142"/>
                  <a:pt x="128" y="140"/>
                </a:cubicBezTo>
                <a:cubicBezTo>
                  <a:pt x="128" y="138"/>
                  <a:pt x="126" y="136"/>
                  <a:pt x="124" y="136"/>
                </a:cubicBezTo>
                <a:close/>
                <a:moveTo>
                  <a:pt x="108" y="152"/>
                </a:moveTo>
                <a:cubicBezTo>
                  <a:pt x="60" y="152"/>
                  <a:pt x="60" y="152"/>
                  <a:pt x="60" y="152"/>
                </a:cubicBezTo>
                <a:cubicBezTo>
                  <a:pt x="58" y="152"/>
                  <a:pt x="56" y="154"/>
                  <a:pt x="56" y="156"/>
                </a:cubicBezTo>
                <a:cubicBezTo>
                  <a:pt x="56" y="158"/>
                  <a:pt x="58" y="160"/>
                  <a:pt x="60" y="160"/>
                </a:cubicBezTo>
                <a:cubicBezTo>
                  <a:pt x="108" y="160"/>
                  <a:pt x="108" y="160"/>
                  <a:pt x="108" y="160"/>
                </a:cubicBezTo>
                <a:cubicBezTo>
                  <a:pt x="110" y="160"/>
                  <a:pt x="112" y="158"/>
                  <a:pt x="112" y="156"/>
                </a:cubicBezTo>
                <a:cubicBezTo>
                  <a:pt x="112" y="154"/>
                  <a:pt x="110" y="152"/>
                  <a:pt x="108" y="152"/>
                </a:cubicBezTo>
                <a:close/>
                <a:moveTo>
                  <a:pt x="25" y="79"/>
                </a:moveTo>
                <a:cubicBezTo>
                  <a:pt x="26" y="80"/>
                  <a:pt x="27" y="80"/>
                  <a:pt x="28" y="80"/>
                </a:cubicBezTo>
                <a:cubicBezTo>
                  <a:pt x="29" y="80"/>
                  <a:pt x="30" y="80"/>
                  <a:pt x="31" y="79"/>
                </a:cubicBezTo>
                <a:cubicBezTo>
                  <a:pt x="47" y="63"/>
                  <a:pt x="47" y="63"/>
                  <a:pt x="47" y="63"/>
                </a:cubicBezTo>
                <a:cubicBezTo>
                  <a:pt x="48" y="61"/>
                  <a:pt x="48" y="59"/>
                  <a:pt x="47" y="57"/>
                </a:cubicBezTo>
                <a:cubicBezTo>
                  <a:pt x="45" y="56"/>
                  <a:pt x="43" y="56"/>
                  <a:pt x="41" y="57"/>
                </a:cubicBezTo>
                <a:cubicBezTo>
                  <a:pt x="28" y="70"/>
                  <a:pt x="28" y="70"/>
                  <a:pt x="28" y="70"/>
                </a:cubicBezTo>
                <a:cubicBezTo>
                  <a:pt x="23" y="65"/>
                  <a:pt x="23" y="65"/>
                  <a:pt x="23" y="65"/>
                </a:cubicBezTo>
                <a:cubicBezTo>
                  <a:pt x="21" y="64"/>
                  <a:pt x="19" y="64"/>
                  <a:pt x="17" y="65"/>
                </a:cubicBezTo>
                <a:cubicBezTo>
                  <a:pt x="16" y="67"/>
                  <a:pt x="16" y="69"/>
                  <a:pt x="17" y="71"/>
                </a:cubicBezTo>
                <a:lnTo>
                  <a:pt x="25" y="79"/>
                </a:lnTo>
                <a:close/>
                <a:moveTo>
                  <a:pt x="25" y="119"/>
                </a:moveTo>
                <a:cubicBezTo>
                  <a:pt x="26" y="120"/>
                  <a:pt x="27" y="120"/>
                  <a:pt x="28" y="120"/>
                </a:cubicBezTo>
                <a:cubicBezTo>
                  <a:pt x="29" y="120"/>
                  <a:pt x="30" y="120"/>
                  <a:pt x="31" y="119"/>
                </a:cubicBezTo>
                <a:cubicBezTo>
                  <a:pt x="47" y="103"/>
                  <a:pt x="47" y="103"/>
                  <a:pt x="47" y="103"/>
                </a:cubicBezTo>
                <a:cubicBezTo>
                  <a:pt x="48" y="101"/>
                  <a:pt x="48" y="99"/>
                  <a:pt x="47" y="97"/>
                </a:cubicBezTo>
                <a:cubicBezTo>
                  <a:pt x="45" y="96"/>
                  <a:pt x="43" y="96"/>
                  <a:pt x="41" y="97"/>
                </a:cubicBezTo>
                <a:cubicBezTo>
                  <a:pt x="41" y="97"/>
                  <a:pt x="41" y="97"/>
                  <a:pt x="41" y="97"/>
                </a:cubicBezTo>
                <a:cubicBezTo>
                  <a:pt x="28" y="110"/>
                  <a:pt x="28" y="110"/>
                  <a:pt x="28" y="110"/>
                </a:cubicBezTo>
                <a:cubicBezTo>
                  <a:pt x="23" y="105"/>
                  <a:pt x="23" y="105"/>
                  <a:pt x="23" y="105"/>
                </a:cubicBezTo>
                <a:cubicBezTo>
                  <a:pt x="21" y="104"/>
                  <a:pt x="19" y="104"/>
                  <a:pt x="17" y="105"/>
                </a:cubicBezTo>
                <a:cubicBezTo>
                  <a:pt x="16" y="107"/>
                  <a:pt x="16" y="109"/>
                  <a:pt x="17" y="111"/>
                </a:cubicBezTo>
                <a:lnTo>
                  <a:pt x="25" y="119"/>
                </a:lnTo>
                <a:close/>
                <a:moveTo>
                  <a:pt x="41" y="137"/>
                </a:moveTo>
                <a:cubicBezTo>
                  <a:pt x="41" y="137"/>
                  <a:pt x="41" y="137"/>
                  <a:pt x="41" y="137"/>
                </a:cubicBezTo>
                <a:cubicBezTo>
                  <a:pt x="28" y="150"/>
                  <a:pt x="28" y="150"/>
                  <a:pt x="28" y="150"/>
                </a:cubicBezTo>
                <a:cubicBezTo>
                  <a:pt x="23" y="145"/>
                  <a:pt x="23" y="145"/>
                  <a:pt x="23" y="145"/>
                </a:cubicBezTo>
                <a:cubicBezTo>
                  <a:pt x="21" y="144"/>
                  <a:pt x="19" y="144"/>
                  <a:pt x="17" y="145"/>
                </a:cubicBezTo>
                <a:cubicBezTo>
                  <a:pt x="16" y="147"/>
                  <a:pt x="16" y="149"/>
                  <a:pt x="17" y="151"/>
                </a:cubicBezTo>
                <a:cubicBezTo>
                  <a:pt x="25" y="159"/>
                  <a:pt x="25" y="159"/>
                  <a:pt x="25" y="159"/>
                </a:cubicBezTo>
                <a:cubicBezTo>
                  <a:pt x="26" y="160"/>
                  <a:pt x="27" y="160"/>
                  <a:pt x="28" y="160"/>
                </a:cubicBezTo>
                <a:cubicBezTo>
                  <a:pt x="29" y="160"/>
                  <a:pt x="30" y="160"/>
                  <a:pt x="31" y="159"/>
                </a:cubicBezTo>
                <a:cubicBezTo>
                  <a:pt x="47" y="143"/>
                  <a:pt x="47" y="143"/>
                  <a:pt x="47" y="143"/>
                </a:cubicBezTo>
                <a:cubicBezTo>
                  <a:pt x="48" y="141"/>
                  <a:pt x="48" y="139"/>
                  <a:pt x="47" y="137"/>
                </a:cubicBezTo>
                <a:cubicBezTo>
                  <a:pt x="45" y="136"/>
                  <a:pt x="43" y="136"/>
                  <a:pt x="41" y="137"/>
                </a:cubicBezTo>
                <a:close/>
              </a:path>
            </a:pathLst>
          </a:custGeom>
          <a:solidFill>
            <a:srgbClr val="2C8027"/>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94" name="Rectangle 193">
            <a:extLst>
              <a:ext uri="{FF2B5EF4-FFF2-40B4-BE49-F238E27FC236}">
                <a16:creationId xmlns:a16="http://schemas.microsoft.com/office/drawing/2014/main" id="{97FF93CB-674C-DF28-9D39-487BD046B770}"/>
              </a:ext>
              <a:ext uri="{C183D7F6-B498-43B3-948B-1728B52AA6E4}">
                <adec:decorative xmlns:adec="http://schemas.microsoft.com/office/drawing/2017/decorative" val="1"/>
              </a:ext>
            </a:extLst>
          </p:cNvPr>
          <p:cNvSpPr>
            <a:spLocks/>
          </p:cNvSpPr>
          <p:nvPr/>
        </p:nvSpPr>
        <p:spPr>
          <a:xfrm>
            <a:off x="7179021" y="3049335"/>
            <a:ext cx="2290136" cy="782699"/>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98" name="TextBox 197">
            <a:extLst>
              <a:ext uri="{FF2B5EF4-FFF2-40B4-BE49-F238E27FC236}">
                <a16:creationId xmlns:a16="http://schemas.microsoft.com/office/drawing/2014/main" id="{EC178667-6F89-D97F-4311-CBCA25C9D6A9}"/>
              </a:ext>
            </a:extLst>
          </p:cNvPr>
          <p:cNvSpPr txBox="1"/>
          <p:nvPr/>
        </p:nvSpPr>
        <p:spPr>
          <a:xfrm>
            <a:off x="9857248" y="2233094"/>
            <a:ext cx="1495241"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a:ln>
                  <a:noFill/>
                </a:ln>
                <a:solidFill>
                  <a:srgbClr val="000000"/>
                </a:solidFill>
                <a:effectLst/>
                <a:uLnTx/>
                <a:uFillTx/>
                <a:latin typeface="Arial" panose="020B0604020202020204" pitchFamily="34" charset="0"/>
                <a:ea typeface="+mn-ea"/>
                <a:cs typeface="+mn-cs"/>
              </a:rPr>
              <a:t>Øget digital suverænitet gennem alternative digitale løsninger.</a:t>
            </a:r>
          </a:p>
        </p:txBody>
      </p:sp>
      <p:sp>
        <p:nvSpPr>
          <p:cNvPr id="199" name="TextBox 198">
            <a:extLst>
              <a:ext uri="{FF2B5EF4-FFF2-40B4-BE49-F238E27FC236}">
                <a16:creationId xmlns:a16="http://schemas.microsoft.com/office/drawing/2014/main" id="{722A2F73-66D4-1A1E-8C00-D089B58FD436}"/>
              </a:ext>
            </a:extLst>
          </p:cNvPr>
          <p:cNvSpPr txBox="1"/>
          <p:nvPr/>
        </p:nvSpPr>
        <p:spPr>
          <a:xfrm>
            <a:off x="9857248" y="2774764"/>
            <a:ext cx="1436160"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a:ln>
                  <a:noFill/>
                </a:ln>
                <a:solidFill>
                  <a:srgbClr val="000000"/>
                </a:solidFill>
                <a:effectLst/>
                <a:uLnTx/>
                <a:uFillTx/>
                <a:latin typeface="Arial" panose="020B0604020202020204" pitchFamily="34" charset="0"/>
                <a:ea typeface="+mn-ea"/>
                <a:cs typeface="+mn-cs"/>
              </a:rPr>
              <a:t>Stimulering af et europæisk marked for suveræne cloud-ydelser. </a:t>
            </a:r>
          </a:p>
        </p:txBody>
      </p:sp>
      <p:grpSp>
        <p:nvGrpSpPr>
          <p:cNvPr id="47" name="Group 46">
            <a:extLst>
              <a:ext uri="{FF2B5EF4-FFF2-40B4-BE49-F238E27FC236}">
                <a16:creationId xmlns:a16="http://schemas.microsoft.com/office/drawing/2014/main" id="{63EF2ED6-E8B8-A65D-6199-4BD3C75E52E6}"/>
              </a:ext>
              <a:ext uri="{C183D7F6-B498-43B3-948B-1728B52AA6E4}">
                <adec:decorative xmlns:adec="http://schemas.microsoft.com/office/drawing/2017/decorative" val="1"/>
              </a:ext>
            </a:extLst>
          </p:cNvPr>
          <p:cNvGrpSpPr/>
          <p:nvPr/>
        </p:nvGrpSpPr>
        <p:grpSpPr>
          <a:xfrm>
            <a:off x="9565600" y="2233094"/>
            <a:ext cx="218250" cy="210236"/>
            <a:chOff x="9564973" y="2233094"/>
            <a:chExt cx="218250" cy="210236"/>
          </a:xfrm>
        </p:grpSpPr>
        <p:sp>
          <p:nvSpPr>
            <p:cNvPr id="132" name="Oval 131">
              <a:extLst>
                <a:ext uri="{FF2B5EF4-FFF2-40B4-BE49-F238E27FC236}">
                  <a16:creationId xmlns:a16="http://schemas.microsoft.com/office/drawing/2014/main" id="{18E7FA63-F1BD-EF7C-A44E-815F1D686078}"/>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6" name="Freeform 24">
              <a:extLst>
                <a:ext uri="{FF2B5EF4-FFF2-40B4-BE49-F238E27FC236}">
                  <a16:creationId xmlns:a16="http://schemas.microsoft.com/office/drawing/2014/main" id="{20111A7F-1F29-3806-676D-71A364643344}"/>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48" name="Group 47">
            <a:extLst>
              <a:ext uri="{FF2B5EF4-FFF2-40B4-BE49-F238E27FC236}">
                <a16:creationId xmlns:a16="http://schemas.microsoft.com/office/drawing/2014/main" id="{E90B29D5-4334-2F96-0F9C-277AA699AAFF}"/>
              </a:ext>
              <a:ext uri="{C183D7F6-B498-43B3-948B-1728B52AA6E4}">
                <adec:decorative xmlns:adec="http://schemas.microsoft.com/office/drawing/2017/decorative" val="1"/>
              </a:ext>
            </a:extLst>
          </p:cNvPr>
          <p:cNvGrpSpPr/>
          <p:nvPr/>
        </p:nvGrpSpPr>
        <p:grpSpPr>
          <a:xfrm>
            <a:off x="9565600" y="2774764"/>
            <a:ext cx="218250" cy="210236"/>
            <a:chOff x="9564973" y="2233094"/>
            <a:chExt cx="218250" cy="210236"/>
          </a:xfrm>
        </p:grpSpPr>
        <p:sp>
          <p:nvSpPr>
            <p:cNvPr id="49" name="Oval 48">
              <a:extLst>
                <a:ext uri="{FF2B5EF4-FFF2-40B4-BE49-F238E27FC236}">
                  <a16:creationId xmlns:a16="http://schemas.microsoft.com/office/drawing/2014/main" id="{7C0C42F4-E03F-950B-14FF-8F2A33C00588}"/>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0" name="Freeform 24">
              <a:extLst>
                <a:ext uri="{FF2B5EF4-FFF2-40B4-BE49-F238E27FC236}">
                  <a16:creationId xmlns:a16="http://schemas.microsoft.com/office/drawing/2014/main" id="{786C0C02-3119-562D-C131-2FD0A04574EE}"/>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75" name="Left Brace 74">
            <a:extLst>
              <a:ext uri="{FF2B5EF4-FFF2-40B4-BE49-F238E27FC236}">
                <a16:creationId xmlns:a16="http://schemas.microsoft.com/office/drawing/2014/main" id="{AA788765-8F50-E6F6-783E-54DE4F965773}"/>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5" name="TextBox 4">
            <a:extLst>
              <a:ext uri="{FF2B5EF4-FFF2-40B4-BE49-F238E27FC236}">
                <a16:creationId xmlns:a16="http://schemas.microsoft.com/office/drawing/2014/main" id="{3E46EA0E-325A-F255-7F2D-D73E29121458}"/>
              </a:ext>
            </a:extLst>
          </p:cNvPr>
          <p:cNvSpPr txBox="1"/>
          <p:nvPr/>
        </p:nvSpPr>
        <p:spPr>
          <a:xfrm>
            <a:off x="7135196" y="4384984"/>
            <a:ext cx="4080640" cy="246221"/>
          </a:xfrm>
          <a:prstGeom prst="rect">
            <a:avLst/>
          </a:prstGeom>
          <a:noFill/>
        </p:spPr>
        <p:txBody>
          <a:bodyPr wrap="square">
            <a:spAutoFit/>
          </a:bodyPr>
          <a:lstStyle/>
          <a:p>
            <a:r>
              <a:rPr lang="da-DK" sz="1000" b="1" noProof="0" dirty="0"/>
              <a:t>Forudsætninger for effektiv implementering</a:t>
            </a:r>
            <a:endParaRPr lang="da-DK" sz="1000" noProof="0" dirty="0"/>
          </a:p>
        </p:txBody>
      </p:sp>
      <p:sp>
        <p:nvSpPr>
          <p:cNvPr id="78" name="Rounded Rectangle 127">
            <a:extLst>
              <a:ext uri="{FF2B5EF4-FFF2-40B4-BE49-F238E27FC236}">
                <a16:creationId xmlns:a16="http://schemas.microsoft.com/office/drawing/2014/main" id="{46F4A407-DEC4-1DD1-FE2C-0F5D445BD1A9}"/>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Ins="72000" rtlCol="0" anchor="ctr"/>
          <a:lstStyle/>
          <a:p>
            <a:r>
              <a:rPr lang="da-DK" sz="1000" noProof="0">
                <a:solidFill>
                  <a:schemeClr val="tx1"/>
                </a:solidFill>
                <a:latin typeface="Arial" panose="020B0604020202020204" pitchFamily="34" charset="0"/>
              </a:rPr>
              <a:t>Strategisk beslutning og tilsagn fra myndigheder om etablering af et til flere indkøb med større økonomisk volumen (+100 mio. kr.)</a:t>
            </a:r>
          </a:p>
        </p:txBody>
      </p:sp>
      <p:grpSp>
        <p:nvGrpSpPr>
          <p:cNvPr id="79" name="Group 78">
            <a:extLst>
              <a:ext uri="{FF2B5EF4-FFF2-40B4-BE49-F238E27FC236}">
                <a16:creationId xmlns:a16="http://schemas.microsoft.com/office/drawing/2014/main" id="{819D05C7-FBD0-39E9-3D3D-FB510672E197}"/>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80" name="Oval 79">
              <a:extLst>
                <a:ext uri="{FF2B5EF4-FFF2-40B4-BE49-F238E27FC236}">
                  <a16:creationId xmlns:a16="http://schemas.microsoft.com/office/drawing/2014/main" id="{960823D5-DAB6-F2C9-E9C2-8768A69B4A92}"/>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1" name="Oval 80">
              <a:extLst>
                <a:ext uri="{FF2B5EF4-FFF2-40B4-BE49-F238E27FC236}">
                  <a16:creationId xmlns:a16="http://schemas.microsoft.com/office/drawing/2014/main" id="{7CD25DD9-8072-50B9-A59E-B66F36F50247}"/>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83" name="Rounded Rectangle 127">
            <a:extLst>
              <a:ext uri="{FF2B5EF4-FFF2-40B4-BE49-F238E27FC236}">
                <a16:creationId xmlns:a16="http://schemas.microsoft.com/office/drawing/2014/main" id="{952D0147-EE1A-8954-9DF5-7C1582CDA22B}"/>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endParaRPr lang="da-DK" sz="1000" noProof="0">
              <a:solidFill>
                <a:schemeClr val="tx1"/>
              </a:solidFill>
              <a:latin typeface="Arial" panose="020B0604020202020204" pitchFamily="34" charset="0"/>
            </a:endParaRPr>
          </a:p>
          <a:p>
            <a:pPr>
              <a:defRPr/>
            </a:pPr>
            <a:r>
              <a:rPr lang="da-DK" sz="1000" noProof="0">
                <a:solidFill>
                  <a:schemeClr val="tx1"/>
                </a:solidFill>
                <a:latin typeface="Arial" panose="020B0604020202020204" pitchFamily="34" charset="0"/>
              </a:rPr>
              <a:t>Etablering af </a:t>
            </a:r>
            <a:r>
              <a:rPr lang="da-DK" sz="1000" noProof="0" err="1">
                <a:solidFill>
                  <a:schemeClr val="tx1"/>
                </a:solidFill>
                <a:latin typeface="Arial" panose="020B0604020202020204" pitchFamily="34" charset="0"/>
              </a:rPr>
              <a:t>foranalyse</a:t>
            </a:r>
            <a:r>
              <a:rPr lang="da-DK" sz="1000" noProof="0">
                <a:solidFill>
                  <a:schemeClr val="tx1"/>
                </a:solidFill>
                <a:latin typeface="Arial" panose="020B0604020202020204" pitchFamily="34" charset="0"/>
              </a:rPr>
              <a:t> med udbudsstrategi og målrettet markedsdialog mhp. at fastlægge udbudsgenstand. </a:t>
            </a:r>
          </a:p>
          <a:p>
            <a:pPr>
              <a:defRPr/>
            </a:pPr>
            <a:endParaRPr lang="da-DK" sz="1000" noProof="0">
              <a:solidFill>
                <a:schemeClr val="tx1"/>
              </a:solidFill>
              <a:latin typeface="Arial" panose="020B0604020202020204" pitchFamily="34" charset="0"/>
            </a:endParaRPr>
          </a:p>
        </p:txBody>
      </p:sp>
      <p:grpSp>
        <p:nvGrpSpPr>
          <p:cNvPr id="85" name="Group 84">
            <a:extLst>
              <a:ext uri="{FF2B5EF4-FFF2-40B4-BE49-F238E27FC236}">
                <a16:creationId xmlns:a16="http://schemas.microsoft.com/office/drawing/2014/main" id="{A1CD4DD6-94D6-4B86-EB0C-2E36D49C1E8B}"/>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86" name="Oval 85">
              <a:extLst>
                <a:ext uri="{FF2B5EF4-FFF2-40B4-BE49-F238E27FC236}">
                  <a16:creationId xmlns:a16="http://schemas.microsoft.com/office/drawing/2014/main" id="{4B1FC6E9-B456-6BC7-802A-0F8CCC4FF570}"/>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7" name="Oval 86">
              <a:extLst>
                <a:ext uri="{FF2B5EF4-FFF2-40B4-BE49-F238E27FC236}">
                  <a16:creationId xmlns:a16="http://schemas.microsoft.com/office/drawing/2014/main" id="{2736D738-08F7-67D6-7DF2-306912DD92D9}"/>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89" name="Rounded Rectangle 127">
            <a:extLst>
              <a:ext uri="{FF2B5EF4-FFF2-40B4-BE49-F238E27FC236}">
                <a16:creationId xmlns:a16="http://schemas.microsoft.com/office/drawing/2014/main" id="{9C400DA9-2C99-AB08-5B32-E1037AC74713}"/>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Gennemførelse af et til flere EU-udbud med fokus på gensidig læring og genbrug af materialer.</a:t>
            </a:r>
          </a:p>
        </p:txBody>
      </p:sp>
      <p:grpSp>
        <p:nvGrpSpPr>
          <p:cNvPr id="90" name="Group 89">
            <a:extLst>
              <a:ext uri="{FF2B5EF4-FFF2-40B4-BE49-F238E27FC236}">
                <a16:creationId xmlns:a16="http://schemas.microsoft.com/office/drawing/2014/main" id="{7B02FF48-C0B2-7F96-51F2-15E128842D16}"/>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91" name="Oval 90">
              <a:extLst>
                <a:ext uri="{FF2B5EF4-FFF2-40B4-BE49-F238E27FC236}">
                  <a16:creationId xmlns:a16="http://schemas.microsoft.com/office/drawing/2014/main" id="{375CF6DE-9784-9E4C-B434-5E060A22BCDE}"/>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92" name="Oval 91">
              <a:extLst>
                <a:ext uri="{FF2B5EF4-FFF2-40B4-BE49-F238E27FC236}">
                  <a16:creationId xmlns:a16="http://schemas.microsoft.com/office/drawing/2014/main" id="{4D01344D-1ABB-0659-67FA-46EB5ABF620D}"/>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98" name="Oval 97">
            <a:extLst>
              <a:ext uri="{FF2B5EF4-FFF2-40B4-BE49-F238E27FC236}">
                <a16:creationId xmlns:a16="http://schemas.microsoft.com/office/drawing/2014/main" id="{41DFD604-9044-FCD4-A88C-BF71137E1FFC}"/>
              </a:ext>
              <a:ext uri="{C183D7F6-B498-43B3-948B-1728B52AA6E4}">
                <adec:decorative xmlns:adec="http://schemas.microsoft.com/office/drawing/2017/decorative" val="1"/>
              </a:ext>
            </a:extLst>
          </p:cNvPr>
          <p:cNvSpPr/>
          <p:nvPr/>
        </p:nvSpPr>
        <p:spPr>
          <a:xfrm>
            <a:off x="5749815" y="5990793"/>
            <a:ext cx="165210" cy="165211"/>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Tree>
    <p:extLst>
      <p:ext uri="{BB962C8B-B14F-4D97-AF65-F5344CB8AC3E}">
        <p14:creationId xmlns:p14="http://schemas.microsoft.com/office/powerpoint/2010/main" val="1929719694"/>
      </p:ext>
    </p:extLst>
  </p:cSld>
  <p:clrMapOvr>
    <a:masterClrMapping/>
  </p:clrMapOvr>
  <p:transition>
    <p:fade/>
  </p:transition>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8B9849F-33B5-51BD-7DB4-38F05EBE0F98}"/>
            </a:ext>
          </a:extLst>
        </p:cNvPr>
        <p:cNvGrpSpPr/>
        <p:nvPr/>
      </p:nvGrpSpPr>
      <p:grpSpPr>
        <a:xfrm>
          <a:off x="0" y="0"/>
          <a:ext cx="0" cy="0"/>
          <a:chOff x="0" y="0"/>
          <a:chExt cx="0" cy="0"/>
        </a:xfrm>
      </p:grpSpPr>
      <p:sp>
        <p:nvSpPr>
          <p:cNvPr id="66" name="Rectangle: Rounded Corners 65">
            <a:extLst>
              <a:ext uri="{FF2B5EF4-FFF2-40B4-BE49-F238E27FC236}">
                <a16:creationId xmlns:a16="http://schemas.microsoft.com/office/drawing/2014/main" id="{EC0B1A15-374C-0908-E3EB-F0D6F8236882}"/>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defRPr/>
            </a:pPr>
            <a:r>
              <a:rPr lang="da-DK" sz="1600" b="1" noProof="0" dirty="0">
                <a:solidFill>
                  <a:srgbClr val="EE2F66"/>
                </a:solidFill>
              </a:rPr>
              <a:t>Spor 3 | Organisation, finansiering og kompetencer</a:t>
            </a:r>
            <a:endParaRPr lang="da-DK" sz="1600" b="1" noProof="0" dirty="0">
              <a:solidFill>
                <a:srgbClr val="EE2F66"/>
              </a:solidFill>
              <a:latin typeface="Arial" panose="020B0604020202020204"/>
            </a:endParaRPr>
          </a:p>
        </p:txBody>
      </p:sp>
      <p:sp>
        <p:nvSpPr>
          <p:cNvPr id="8" name="Title 2">
            <a:extLst>
              <a:ext uri="{FF2B5EF4-FFF2-40B4-BE49-F238E27FC236}">
                <a16:creationId xmlns:a16="http://schemas.microsoft.com/office/drawing/2014/main" id="{2D0C4408-73D8-B154-C2DB-437C3F173782}"/>
              </a:ext>
            </a:extLst>
          </p:cNvPr>
          <p:cNvSpPr>
            <a:spLocks noGrp="1"/>
          </p:cNvSpPr>
          <p:nvPr>
            <p:ph type="title"/>
          </p:nvPr>
        </p:nvSpPr>
        <p:spPr>
          <a:xfrm>
            <a:off x="554355" y="512763"/>
            <a:ext cx="11088000" cy="792465"/>
          </a:xfrm>
        </p:spPr>
        <p:txBody>
          <a:bodyPr/>
          <a:lstStyle/>
          <a:p>
            <a:r>
              <a:rPr lang="da-DK" sz="2200" b="1" noProof="0" dirty="0">
                <a:solidFill>
                  <a:srgbClr val="EE2F66"/>
                </a:solidFill>
              </a:rPr>
              <a:t>3.1 Strategiske alliancer med europæiske lande</a:t>
            </a:r>
          </a:p>
        </p:txBody>
      </p:sp>
      <p:sp>
        <p:nvSpPr>
          <p:cNvPr id="22" name="Rectangle: Rounded Corners 21">
            <a:extLst>
              <a:ext uri="{FF2B5EF4-FFF2-40B4-BE49-F238E27FC236}">
                <a16:creationId xmlns:a16="http://schemas.microsoft.com/office/drawing/2014/main" id="{82680D9A-EC52-78BD-475D-5F3FAF1DF4E5}"/>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F3D3DC"/>
          </a:solidFill>
          <a:ln w="12700" cap="flat" cmpd="sng" algn="ctr">
            <a:solidFill>
              <a:srgbClr val="EE2F6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B2DE4537-6B6E-15B7-BE15-0681B3B97183}"/>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4CF9F27E-5580-AE3F-FDCF-EA621B5B1DD4}"/>
              </a:ext>
            </a:extLst>
          </p:cNvPr>
          <p:cNvSpPr/>
          <p:nvPr/>
        </p:nvSpPr>
        <p:spPr>
          <a:xfrm>
            <a:off x="566629" y="1764045"/>
            <a:ext cx="6077214" cy="2353183"/>
          </a:xfrm>
          <a:prstGeom prst="roundRect">
            <a:avLst>
              <a:gd name="adj" fmla="val 6523"/>
            </a:avLst>
          </a:prstGeom>
          <a:no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b="1" noProof="0" dirty="0">
              <a:solidFill>
                <a:srgbClr val="2C8027"/>
              </a:solidFill>
            </a:endParaRPr>
          </a:p>
          <a:p>
            <a:r>
              <a:rPr lang="da-DK" sz="1000" b="1" noProof="0" dirty="0">
                <a:solidFill>
                  <a:srgbClr val="00172D"/>
                </a:solidFill>
              </a:rPr>
              <a:t>Formål: </a:t>
            </a:r>
            <a:r>
              <a:rPr lang="da-DK" sz="1000" noProof="0" dirty="0">
                <a:solidFill>
                  <a:srgbClr val="00172D"/>
                </a:solidFill>
              </a:rPr>
              <a:t>At afklare og beslutte strategiske alliancer med andre europæiske lande for at sikre en hurtigere og mere målrettet acceleration af øget digital suverænitet.</a:t>
            </a:r>
          </a:p>
          <a:p>
            <a:r>
              <a:rPr lang="da-DK" sz="1000" b="1" noProof="0" dirty="0">
                <a:solidFill>
                  <a:srgbClr val="00172D"/>
                </a:solidFill>
              </a:rPr>
              <a:t>Indhold: </a:t>
            </a:r>
            <a:r>
              <a:rPr lang="da-DK" sz="1000" noProof="0" dirty="0">
                <a:solidFill>
                  <a:srgbClr val="00172D"/>
                </a:solidFill>
              </a:rPr>
              <a:t>Danmark kan gå mere offensivt ind i strategiske alliancer og EU-projekter inden for udviklingen af (1) fælles strategiske greb som fx fælles principper, åbne standarder, certificeringsordninger og konkrete styringsværktøjer og (2) konkrete digitale alternativer, som kan fremme en øget grad af digital suverænitet, jf. erfaringer med europæiske clouds, suveræne AI-løsninger, innovative open source-produkter mv. Mange europæiske lande er allerede i gang, og der er således flere muligheder for at skabe strategiske alliancer og partnerskaber (fx med lande som England, Frankrig, Holland, Italien, Schweitz, Sverige, Tyskland etc.). Dette indsatsforslag vedrører alliancer og partnerskaber på fællesoffentligt/nationalt niveau, men der kan ligeledes afsøges samarbejder ifm. konkrete indsatser i den enkelte myndighed.</a:t>
            </a:r>
          </a:p>
          <a:p>
            <a:pPr>
              <a:spcBef>
                <a:spcPts val="300"/>
              </a:spcBef>
            </a:pPr>
            <a:r>
              <a:rPr lang="da-DK" sz="1000" b="1" noProof="0" dirty="0">
                <a:solidFill>
                  <a:schemeClr val="tx1"/>
                </a:solidFill>
              </a:rPr>
              <a:t>Erfaringsgrundlag</a:t>
            </a:r>
            <a:r>
              <a:rPr lang="da-DK" sz="1000" b="1" noProof="0" dirty="0">
                <a:solidFill>
                  <a:srgbClr val="00172D"/>
                </a:solidFill>
              </a:rPr>
              <a:t>: </a:t>
            </a:r>
            <a:r>
              <a:rPr lang="da-DK" sz="1000" noProof="0" dirty="0">
                <a:solidFill>
                  <a:srgbClr val="00172D"/>
                </a:solidFill>
              </a:rPr>
              <a:t>Digital Commons EDIC, ESTIA – European Sovereign Tech Industry Alliance, </a:t>
            </a:r>
            <a:r>
              <a:rPr lang="da-DK" sz="1000" noProof="0" dirty="0" err="1">
                <a:solidFill>
                  <a:srgbClr val="00172D"/>
                </a:solidFill>
              </a:rPr>
              <a:t>Eurostack</a:t>
            </a:r>
            <a:r>
              <a:rPr lang="da-DK" sz="1000" noProof="0" dirty="0">
                <a:solidFill>
                  <a:srgbClr val="00172D"/>
                </a:solidFill>
              </a:rPr>
              <a:t>, Gaia-X, Holland (Økonomiministeriet) OS2, Sverige (RISE), Schleswig-Holstein, </a:t>
            </a:r>
            <a:r>
              <a:rPr lang="da-DK" sz="1000" noProof="0" dirty="0" err="1">
                <a:solidFill>
                  <a:srgbClr val="00172D"/>
                </a:solidFill>
              </a:rPr>
              <a:t>ZenDis</a:t>
            </a:r>
            <a:r>
              <a:rPr lang="da-DK" sz="1000" noProof="0" dirty="0">
                <a:solidFill>
                  <a:srgbClr val="00172D"/>
                </a:solidFill>
              </a:rPr>
              <a:t>.</a:t>
            </a:r>
          </a:p>
        </p:txBody>
      </p:sp>
      <p:sp>
        <p:nvSpPr>
          <p:cNvPr id="45" name="Rounded Rectangle 127">
            <a:extLst>
              <a:ext uri="{FF2B5EF4-FFF2-40B4-BE49-F238E27FC236}">
                <a16:creationId xmlns:a16="http://schemas.microsoft.com/office/drawing/2014/main" id="{207A53E6-09DA-EFED-767A-764BBBCC1DF0}"/>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F3D3DC"/>
          </a:solid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BF0038"/>
                </a:solidFill>
              </a:rPr>
              <a:t>Formål og indhold</a:t>
            </a:r>
          </a:p>
        </p:txBody>
      </p:sp>
      <p:sp>
        <p:nvSpPr>
          <p:cNvPr id="65" name="Rounded Rectangle 127">
            <a:extLst>
              <a:ext uri="{FF2B5EF4-FFF2-40B4-BE49-F238E27FC236}">
                <a16:creationId xmlns:a16="http://schemas.microsoft.com/office/drawing/2014/main" id="{D514EC65-ADCC-78BA-7980-2214FFB99F53}"/>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FEE0BFBD-81AE-A270-11C1-F5E586A3C7F1}"/>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F3D3DC"/>
          </a:solid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BF0038"/>
                </a:solidFill>
              </a:rPr>
              <a:t>Vurdering</a:t>
            </a:r>
          </a:p>
        </p:txBody>
      </p:sp>
      <p:sp>
        <p:nvSpPr>
          <p:cNvPr id="64" name="Rectangle: Top Corners Rounded 63">
            <a:extLst>
              <a:ext uri="{FF2B5EF4-FFF2-40B4-BE49-F238E27FC236}">
                <a16:creationId xmlns:a16="http://schemas.microsoft.com/office/drawing/2014/main" id="{35416836-7741-ED6F-0E82-52550AA04EE3}"/>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F3D3D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18" name="TextBox 117">
            <a:extLst>
              <a:ext uri="{FF2B5EF4-FFF2-40B4-BE49-F238E27FC236}">
                <a16:creationId xmlns:a16="http://schemas.microsoft.com/office/drawing/2014/main" id="{BE9E6C82-AC47-1EE4-77E7-5C7C905FA195}"/>
              </a:ext>
            </a:extLst>
          </p:cNvPr>
          <p:cNvSpPr txBox="1"/>
          <p:nvPr/>
        </p:nvSpPr>
        <p:spPr>
          <a:xfrm>
            <a:off x="612348" y="5253913"/>
            <a:ext cx="3721145" cy="1246495"/>
          </a:xfrm>
          <a:prstGeom prst="rect">
            <a:avLst/>
          </a:prstGeom>
          <a:noFill/>
        </p:spPr>
        <p:txBody>
          <a:bodyPr wrap="square">
            <a:spAutoFit/>
          </a:bodyPr>
          <a:lstStyle/>
          <a:p>
            <a:r>
              <a:rPr lang="da-DK" sz="1000" b="1" noProof="0" dirty="0">
                <a:solidFill>
                  <a:srgbClr val="00172D"/>
                </a:solidFill>
              </a:rPr>
              <a:t>Niveau: </a:t>
            </a:r>
            <a:r>
              <a:rPr lang="da-DK" sz="1000" noProof="0" dirty="0">
                <a:latin typeface="Arial" panose="020B0604020202020204" pitchFamily="34" charset="0"/>
              </a:rPr>
              <a:t>Fællesoffentligt/nationalt med afsæt i det fællesoffentlige samarbejde.</a:t>
            </a: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Kan gennemføres på &lt;6 måneder.</a:t>
            </a:r>
          </a:p>
          <a:p>
            <a:pPr>
              <a:spcBef>
                <a:spcPts val="300"/>
              </a:spcBef>
            </a:pPr>
            <a:r>
              <a:rPr lang="da-DK" sz="1000" b="1" noProof="0" dirty="0">
                <a:latin typeface="Arial" panose="020B0604020202020204" pitchFamily="34" charset="0"/>
              </a:rPr>
              <a:t>Afhængigheder:</a:t>
            </a:r>
            <a:r>
              <a:rPr lang="da-DK" sz="1000" noProof="0" dirty="0">
                <a:latin typeface="Arial" panose="020B0604020202020204" pitchFamily="34" charset="0"/>
              </a:rPr>
              <a:t> Stærk kobling til indsats 3.5 om nationalt center for digital suverænitet mhp. synergier og snitflader.  </a:t>
            </a:r>
          </a:p>
          <a:p>
            <a:endParaRPr lang="da-DK" sz="1000" noProof="0" dirty="0">
              <a:latin typeface="Arial" panose="020B0604020202020204" pitchFamily="34" charset="0"/>
            </a:endParaRPr>
          </a:p>
          <a:p>
            <a:endParaRPr lang="da-DK" sz="1000" noProof="0" dirty="0">
              <a:latin typeface="Arial" panose="020B0604020202020204" pitchFamily="34" charset="0"/>
            </a:endParaRPr>
          </a:p>
        </p:txBody>
      </p:sp>
      <p:grpSp>
        <p:nvGrpSpPr>
          <p:cNvPr id="9" name="Group 8" descr="Samlet kompleksitetsvurdering, 3 ud af 10 ">
            <a:extLst>
              <a:ext uri="{FF2B5EF4-FFF2-40B4-BE49-F238E27FC236}">
                <a16:creationId xmlns:a16="http://schemas.microsoft.com/office/drawing/2014/main" id="{4CDB837B-F375-09B5-BB75-00F61A866D48}"/>
              </a:ext>
            </a:extLst>
          </p:cNvPr>
          <p:cNvGrpSpPr/>
          <p:nvPr/>
        </p:nvGrpSpPr>
        <p:grpSpPr>
          <a:xfrm>
            <a:off x="649827" y="4555473"/>
            <a:ext cx="3279437" cy="592559"/>
            <a:chOff x="1383756" y="4555473"/>
            <a:chExt cx="3279437" cy="592559"/>
          </a:xfrm>
        </p:grpSpPr>
        <p:sp>
          <p:nvSpPr>
            <p:cNvPr id="10" name="TextBox 9">
              <a:extLst>
                <a:ext uri="{FF2B5EF4-FFF2-40B4-BE49-F238E27FC236}">
                  <a16:creationId xmlns:a16="http://schemas.microsoft.com/office/drawing/2014/main" id="{67B96E65-B567-1765-C55D-E4EECF0FECB7}"/>
                </a:ext>
              </a:extLst>
            </p:cNvPr>
            <p:cNvSpPr txBox="1"/>
            <p:nvPr/>
          </p:nvSpPr>
          <p:spPr>
            <a:xfrm>
              <a:off x="2431748" y="4555473"/>
              <a:ext cx="1191621" cy="261610"/>
            </a:xfrm>
            <a:prstGeom prst="rect">
              <a:avLst/>
            </a:prstGeom>
            <a:noFill/>
          </p:spPr>
          <p:txBody>
            <a:bodyPr wrap="square">
              <a:spAutoFit/>
            </a:bodyPr>
            <a:lstStyle/>
            <a:p>
              <a:pPr algn="ctr"/>
              <a:r>
                <a:rPr lang="da-DK" sz="1100" b="1" noProof="0"/>
                <a:t>Kompleksitet</a:t>
              </a:r>
            </a:p>
          </p:txBody>
        </p:sp>
        <p:grpSp>
          <p:nvGrpSpPr>
            <p:cNvPr id="11" name="Group 10">
              <a:extLst>
                <a:ext uri="{FF2B5EF4-FFF2-40B4-BE49-F238E27FC236}">
                  <a16:creationId xmlns:a16="http://schemas.microsoft.com/office/drawing/2014/main" id="{6BE507A8-D61E-EE72-2E11-3C36E9681AA3}"/>
                </a:ext>
              </a:extLst>
            </p:cNvPr>
            <p:cNvGrpSpPr>
              <a:grpSpLocks noChangeAspect="1"/>
            </p:cNvGrpSpPr>
            <p:nvPr/>
          </p:nvGrpSpPr>
          <p:grpSpPr>
            <a:xfrm>
              <a:off x="1383756" y="4900479"/>
              <a:ext cx="3279437" cy="247553"/>
              <a:chOff x="-110431" y="4916533"/>
              <a:chExt cx="2858416" cy="215770"/>
            </a:xfrm>
          </p:grpSpPr>
          <p:grpSp>
            <p:nvGrpSpPr>
              <p:cNvPr id="12" name="Group 11">
                <a:extLst>
                  <a:ext uri="{FF2B5EF4-FFF2-40B4-BE49-F238E27FC236}">
                    <a16:creationId xmlns:a16="http://schemas.microsoft.com/office/drawing/2014/main" id="{90425C7B-26CC-9004-166A-2B2010CEDDD5}"/>
                  </a:ext>
                </a:extLst>
              </p:cNvPr>
              <p:cNvGrpSpPr/>
              <p:nvPr/>
            </p:nvGrpSpPr>
            <p:grpSpPr>
              <a:xfrm>
                <a:off x="-110431" y="4916533"/>
                <a:ext cx="2858416" cy="180194"/>
                <a:chOff x="4280723" y="3040512"/>
                <a:chExt cx="3161620" cy="171957"/>
              </a:xfrm>
            </p:grpSpPr>
            <p:grpSp>
              <p:nvGrpSpPr>
                <p:cNvPr id="15" name="Group 14">
                  <a:extLst>
                    <a:ext uri="{FF2B5EF4-FFF2-40B4-BE49-F238E27FC236}">
                      <a16:creationId xmlns:a16="http://schemas.microsoft.com/office/drawing/2014/main" id="{01D11AA3-0F72-4B30-342C-31718C409748}"/>
                    </a:ext>
                  </a:extLst>
                </p:cNvPr>
                <p:cNvGrpSpPr/>
                <p:nvPr/>
              </p:nvGrpSpPr>
              <p:grpSpPr>
                <a:xfrm>
                  <a:off x="4383394" y="3153610"/>
                  <a:ext cx="2961649" cy="45719"/>
                  <a:chOff x="4383394" y="3153610"/>
                  <a:chExt cx="2961649" cy="45719"/>
                </a:xfrm>
              </p:grpSpPr>
              <p:cxnSp>
                <p:nvCxnSpPr>
                  <p:cNvPr id="19" name="Straight Connector 18">
                    <a:extLst>
                      <a:ext uri="{FF2B5EF4-FFF2-40B4-BE49-F238E27FC236}">
                        <a16:creationId xmlns:a16="http://schemas.microsoft.com/office/drawing/2014/main" id="{6961BF86-EC0D-86A8-81CC-A9C7199CFE86}"/>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35" name="Oval 34">
                    <a:extLst>
                      <a:ext uri="{FF2B5EF4-FFF2-40B4-BE49-F238E27FC236}">
                        <a16:creationId xmlns:a16="http://schemas.microsoft.com/office/drawing/2014/main" id="{0CF1979A-CAC9-7C83-A480-832429D8426A}"/>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7" name="Oval 36">
                    <a:extLst>
                      <a:ext uri="{FF2B5EF4-FFF2-40B4-BE49-F238E27FC236}">
                        <a16:creationId xmlns:a16="http://schemas.microsoft.com/office/drawing/2014/main" id="{146BA2AD-09C6-48D1-65FB-1F5D6AA5141A}"/>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6" name="Straight Connector 15">
                  <a:extLst>
                    <a:ext uri="{FF2B5EF4-FFF2-40B4-BE49-F238E27FC236}">
                      <a16:creationId xmlns:a16="http://schemas.microsoft.com/office/drawing/2014/main" id="{68883155-6C4E-3CC7-7862-831AD4F53335}"/>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8A429BA5-6A97-5DBC-99A8-7E54352FCCA5}"/>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18" name="TextBox 17">
                  <a:extLst>
                    <a:ext uri="{FF2B5EF4-FFF2-40B4-BE49-F238E27FC236}">
                      <a16:creationId xmlns:a16="http://schemas.microsoft.com/office/drawing/2014/main" id="{F032F916-6E25-538E-B9CA-C05C33A6EB4F}"/>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sp>
            <p:nvSpPr>
              <p:cNvPr id="13" name="Oval 12">
                <a:extLst>
                  <a:ext uri="{FF2B5EF4-FFF2-40B4-BE49-F238E27FC236}">
                    <a16:creationId xmlns:a16="http://schemas.microsoft.com/office/drawing/2014/main" id="{15082A5E-E5F6-689C-27A9-266697017AC8}"/>
                  </a:ext>
                </a:extLst>
              </p:cNvPr>
              <p:cNvSpPr/>
              <p:nvPr/>
            </p:nvSpPr>
            <p:spPr>
              <a:xfrm>
                <a:off x="587534" y="4988303"/>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sp>
        <p:nvSpPr>
          <p:cNvPr id="77" name="TextBox 76">
            <a:extLst>
              <a:ext uri="{FF2B5EF4-FFF2-40B4-BE49-F238E27FC236}">
                <a16:creationId xmlns:a16="http://schemas.microsoft.com/office/drawing/2014/main" id="{929EECFB-DA65-5EDD-51A1-2430B9B01522}"/>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a:t>Teknisk</a:t>
            </a:r>
            <a:endParaRPr lang="da-DK" sz="1100" b="1" i="1" noProof="0"/>
          </a:p>
        </p:txBody>
      </p:sp>
      <p:grpSp>
        <p:nvGrpSpPr>
          <p:cNvPr id="67" name="Group 66" descr="Vurdering af teknisk kompleksitet, 1 ud af 10">
            <a:extLst>
              <a:ext uri="{FF2B5EF4-FFF2-40B4-BE49-F238E27FC236}">
                <a16:creationId xmlns:a16="http://schemas.microsoft.com/office/drawing/2014/main" id="{D9611E99-4CED-7331-96E1-9DD70907BD18}"/>
              </a:ext>
            </a:extLst>
          </p:cNvPr>
          <p:cNvGrpSpPr/>
          <p:nvPr/>
        </p:nvGrpSpPr>
        <p:grpSpPr>
          <a:xfrm>
            <a:off x="4755593" y="4883930"/>
            <a:ext cx="1707066" cy="248033"/>
            <a:chOff x="860772" y="4916533"/>
            <a:chExt cx="1487909" cy="216189"/>
          </a:xfrm>
        </p:grpSpPr>
        <p:grpSp>
          <p:nvGrpSpPr>
            <p:cNvPr id="68" name="Group 67">
              <a:extLst>
                <a:ext uri="{FF2B5EF4-FFF2-40B4-BE49-F238E27FC236}">
                  <a16:creationId xmlns:a16="http://schemas.microsoft.com/office/drawing/2014/main" id="{9BF631BD-A34B-9AEF-3DC6-480481F0D5F7}"/>
                </a:ext>
              </a:extLst>
            </p:cNvPr>
            <p:cNvGrpSpPr/>
            <p:nvPr/>
          </p:nvGrpSpPr>
          <p:grpSpPr>
            <a:xfrm>
              <a:off x="860772" y="4916533"/>
              <a:ext cx="1487909" cy="180194"/>
              <a:chOff x="5354949" y="3040512"/>
              <a:chExt cx="1645739" cy="171957"/>
            </a:xfrm>
          </p:grpSpPr>
          <p:grpSp>
            <p:nvGrpSpPr>
              <p:cNvPr id="70" name="Group 69">
                <a:extLst>
                  <a:ext uri="{FF2B5EF4-FFF2-40B4-BE49-F238E27FC236}">
                    <a16:creationId xmlns:a16="http://schemas.microsoft.com/office/drawing/2014/main" id="{C5B9EDDF-3A92-5773-C57C-CA76333C741B}"/>
                  </a:ext>
                </a:extLst>
              </p:cNvPr>
              <p:cNvGrpSpPr/>
              <p:nvPr/>
            </p:nvGrpSpPr>
            <p:grpSpPr>
              <a:xfrm>
                <a:off x="5458296" y="3153610"/>
                <a:ext cx="1445092" cy="45719"/>
                <a:chOff x="5458296" y="3153610"/>
                <a:chExt cx="1445092" cy="45719"/>
              </a:xfrm>
            </p:grpSpPr>
            <p:cxnSp>
              <p:nvCxnSpPr>
                <p:cNvPr id="74" name="Straight Connector 73">
                  <a:extLst>
                    <a:ext uri="{FF2B5EF4-FFF2-40B4-BE49-F238E27FC236}">
                      <a16:creationId xmlns:a16="http://schemas.microsoft.com/office/drawing/2014/main" id="{E4D9AD31-E9BA-972B-28FC-DCD17F51C0FD}"/>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5" name="Oval 74">
                  <a:extLst>
                    <a:ext uri="{FF2B5EF4-FFF2-40B4-BE49-F238E27FC236}">
                      <a16:creationId xmlns:a16="http://schemas.microsoft.com/office/drawing/2014/main" id="{C4E384F4-9A3E-6491-FFBF-7A16155C5DA9}"/>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76" name="Oval 75">
                  <a:extLst>
                    <a:ext uri="{FF2B5EF4-FFF2-40B4-BE49-F238E27FC236}">
                      <a16:creationId xmlns:a16="http://schemas.microsoft.com/office/drawing/2014/main" id="{CDE869AF-7B5A-2EEE-98F2-FC8AC940D079}"/>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71" name="Straight Connector 70">
                <a:extLst>
                  <a:ext uri="{FF2B5EF4-FFF2-40B4-BE49-F238E27FC236}">
                    <a16:creationId xmlns:a16="http://schemas.microsoft.com/office/drawing/2014/main" id="{9E64025C-87BD-C1B2-2BEA-1ECB05A51F9F}"/>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2" name="TextBox 71">
                <a:extLst>
                  <a:ext uri="{FF2B5EF4-FFF2-40B4-BE49-F238E27FC236}">
                    <a16:creationId xmlns:a16="http://schemas.microsoft.com/office/drawing/2014/main" id="{F7A059D0-3FFE-175E-CE18-FBB9250FC7F6}"/>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73" name="TextBox 72">
                <a:extLst>
                  <a:ext uri="{FF2B5EF4-FFF2-40B4-BE49-F238E27FC236}">
                    <a16:creationId xmlns:a16="http://schemas.microsoft.com/office/drawing/2014/main" id="{61704B1D-3F75-4BDC-72DD-84982C210F5A}"/>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69" name="Oval 68">
              <a:extLst>
                <a:ext uri="{FF2B5EF4-FFF2-40B4-BE49-F238E27FC236}">
                  <a16:creationId xmlns:a16="http://schemas.microsoft.com/office/drawing/2014/main" id="{61868D0B-077B-1D1F-0086-E5F2E69DA007}"/>
                </a:ext>
              </a:extLst>
            </p:cNvPr>
            <p:cNvSpPr/>
            <p:nvPr/>
          </p:nvSpPr>
          <p:spPr>
            <a:xfrm>
              <a:off x="1033537"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89" name="TextBox 88">
            <a:extLst>
              <a:ext uri="{FF2B5EF4-FFF2-40B4-BE49-F238E27FC236}">
                <a16:creationId xmlns:a16="http://schemas.microsoft.com/office/drawing/2014/main" id="{EA60787A-D256-5F8B-55A4-7E2B5E869DF6}"/>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78" name="Group 77" descr="Vurdering af organisatorisk kompleksitet, 5 ud af 10">
            <a:extLst>
              <a:ext uri="{FF2B5EF4-FFF2-40B4-BE49-F238E27FC236}">
                <a16:creationId xmlns:a16="http://schemas.microsoft.com/office/drawing/2014/main" id="{210B5930-346A-3F39-BCC7-2C452B7CABCA}"/>
              </a:ext>
            </a:extLst>
          </p:cNvPr>
          <p:cNvGrpSpPr/>
          <p:nvPr/>
        </p:nvGrpSpPr>
        <p:grpSpPr>
          <a:xfrm>
            <a:off x="4756736" y="5395827"/>
            <a:ext cx="1707066" cy="248033"/>
            <a:chOff x="860772" y="4916533"/>
            <a:chExt cx="1487909" cy="216189"/>
          </a:xfrm>
        </p:grpSpPr>
        <p:grpSp>
          <p:nvGrpSpPr>
            <p:cNvPr id="79" name="Group 78">
              <a:extLst>
                <a:ext uri="{FF2B5EF4-FFF2-40B4-BE49-F238E27FC236}">
                  <a16:creationId xmlns:a16="http://schemas.microsoft.com/office/drawing/2014/main" id="{E9767C55-0E3F-9982-E060-0884A3BABD85}"/>
                </a:ext>
              </a:extLst>
            </p:cNvPr>
            <p:cNvGrpSpPr/>
            <p:nvPr/>
          </p:nvGrpSpPr>
          <p:grpSpPr>
            <a:xfrm>
              <a:off x="860772" y="4916533"/>
              <a:ext cx="1487909" cy="180194"/>
              <a:chOff x="5354949" y="3040512"/>
              <a:chExt cx="1645739" cy="171957"/>
            </a:xfrm>
          </p:grpSpPr>
          <p:grpSp>
            <p:nvGrpSpPr>
              <p:cNvPr id="81" name="Group 80">
                <a:extLst>
                  <a:ext uri="{FF2B5EF4-FFF2-40B4-BE49-F238E27FC236}">
                    <a16:creationId xmlns:a16="http://schemas.microsoft.com/office/drawing/2014/main" id="{1967B43B-5AEB-8F25-6B24-E9CCE7CE34D9}"/>
                  </a:ext>
                </a:extLst>
              </p:cNvPr>
              <p:cNvGrpSpPr/>
              <p:nvPr/>
            </p:nvGrpSpPr>
            <p:grpSpPr>
              <a:xfrm>
                <a:off x="5458296" y="3153610"/>
                <a:ext cx="1445092" cy="45719"/>
                <a:chOff x="5458296" y="3153610"/>
                <a:chExt cx="1445092" cy="45719"/>
              </a:xfrm>
            </p:grpSpPr>
            <p:cxnSp>
              <p:nvCxnSpPr>
                <p:cNvPr id="86" name="Straight Connector 85">
                  <a:extLst>
                    <a:ext uri="{FF2B5EF4-FFF2-40B4-BE49-F238E27FC236}">
                      <a16:creationId xmlns:a16="http://schemas.microsoft.com/office/drawing/2014/main" id="{37B1BE4C-A408-289E-91AF-170FB5D67ABC}"/>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7" name="Oval 86">
                  <a:extLst>
                    <a:ext uri="{FF2B5EF4-FFF2-40B4-BE49-F238E27FC236}">
                      <a16:creationId xmlns:a16="http://schemas.microsoft.com/office/drawing/2014/main" id="{9056DB77-50FF-727A-1235-93F0473ECE5D}"/>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8" name="Oval 87">
                  <a:extLst>
                    <a:ext uri="{FF2B5EF4-FFF2-40B4-BE49-F238E27FC236}">
                      <a16:creationId xmlns:a16="http://schemas.microsoft.com/office/drawing/2014/main" id="{5593CC12-F84C-C65A-144E-72BB8F9DB189}"/>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82" name="Straight Connector 81">
                <a:extLst>
                  <a:ext uri="{FF2B5EF4-FFF2-40B4-BE49-F238E27FC236}">
                    <a16:creationId xmlns:a16="http://schemas.microsoft.com/office/drawing/2014/main" id="{3D858A74-C81A-B4D7-4C05-FBE96B95E916}"/>
                  </a:ext>
                </a:extLst>
              </p:cNvPr>
              <p:cNvCxnSpPr>
                <a:cxnSpLocks/>
              </p:cNvCxnSpPr>
              <p:nvPr/>
            </p:nvCxnSpPr>
            <p:spPr>
              <a:xfrm>
                <a:off x="6176326" y="3140469"/>
                <a:ext cx="0" cy="72000"/>
              </a:xfrm>
              <a:prstGeom prst="line">
                <a:avLst/>
              </a:prstGeom>
              <a:ln w="12700">
                <a:solidFill>
                  <a:schemeClr val="accent4"/>
                </a:solidFill>
              </a:ln>
            </p:spPr>
            <p:style>
              <a:lnRef idx="1">
                <a:schemeClr val="accent1"/>
              </a:lnRef>
              <a:fillRef idx="0">
                <a:schemeClr val="accent1"/>
              </a:fillRef>
              <a:effectRef idx="0">
                <a:schemeClr val="accent1"/>
              </a:effectRef>
              <a:fontRef idx="minor">
                <a:schemeClr val="tx1"/>
              </a:fontRef>
            </p:style>
          </p:cxnSp>
          <p:sp>
            <p:nvSpPr>
              <p:cNvPr id="83" name="TextBox 82">
                <a:extLst>
                  <a:ext uri="{FF2B5EF4-FFF2-40B4-BE49-F238E27FC236}">
                    <a16:creationId xmlns:a16="http://schemas.microsoft.com/office/drawing/2014/main" id="{9D508E98-0280-605A-14BE-7FA721CD9287}"/>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85" name="TextBox 84">
                <a:extLst>
                  <a:ext uri="{FF2B5EF4-FFF2-40B4-BE49-F238E27FC236}">
                    <a16:creationId xmlns:a16="http://schemas.microsoft.com/office/drawing/2014/main" id="{8988FA89-B46C-9452-E2DE-8DBCE835A35C}"/>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80" name="Oval 79">
              <a:extLst>
                <a:ext uri="{FF2B5EF4-FFF2-40B4-BE49-F238E27FC236}">
                  <a16:creationId xmlns:a16="http://schemas.microsoft.com/office/drawing/2014/main" id="{AB069460-B7E2-EE59-84EF-3B59C7A707A5}"/>
                </a:ext>
              </a:extLst>
            </p:cNvPr>
            <p:cNvSpPr/>
            <p:nvPr/>
          </p:nvSpPr>
          <p:spPr>
            <a:xfrm>
              <a:off x="1538582"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01" name="TextBox 100">
            <a:extLst>
              <a:ext uri="{FF2B5EF4-FFF2-40B4-BE49-F238E27FC236}">
                <a16:creationId xmlns:a16="http://schemas.microsoft.com/office/drawing/2014/main" id="{CCF95A15-B46F-6207-36EF-113049C91FB8}"/>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grpSp>
        <p:nvGrpSpPr>
          <p:cNvPr id="90" name="Group 89" descr="Vurdering af juridisk kompleksitet, 1 ud af 10">
            <a:extLst>
              <a:ext uri="{FF2B5EF4-FFF2-40B4-BE49-F238E27FC236}">
                <a16:creationId xmlns:a16="http://schemas.microsoft.com/office/drawing/2014/main" id="{03BC8095-6A5C-A051-F88F-4757D4F88D73}"/>
              </a:ext>
            </a:extLst>
          </p:cNvPr>
          <p:cNvGrpSpPr/>
          <p:nvPr/>
        </p:nvGrpSpPr>
        <p:grpSpPr>
          <a:xfrm>
            <a:off x="4754047" y="5907971"/>
            <a:ext cx="1707066" cy="248033"/>
            <a:chOff x="860772" y="4916533"/>
            <a:chExt cx="1487909" cy="216189"/>
          </a:xfrm>
        </p:grpSpPr>
        <p:grpSp>
          <p:nvGrpSpPr>
            <p:cNvPr id="91" name="Group 90">
              <a:extLst>
                <a:ext uri="{FF2B5EF4-FFF2-40B4-BE49-F238E27FC236}">
                  <a16:creationId xmlns:a16="http://schemas.microsoft.com/office/drawing/2014/main" id="{2DE28EC8-F049-607D-B0C5-48252A5A292D}"/>
                </a:ext>
              </a:extLst>
            </p:cNvPr>
            <p:cNvGrpSpPr/>
            <p:nvPr/>
          </p:nvGrpSpPr>
          <p:grpSpPr>
            <a:xfrm>
              <a:off x="860772" y="4916533"/>
              <a:ext cx="1487909" cy="180194"/>
              <a:chOff x="5354949" y="3040512"/>
              <a:chExt cx="1645739" cy="171957"/>
            </a:xfrm>
          </p:grpSpPr>
          <p:grpSp>
            <p:nvGrpSpPr>
              <p:cNvPr id="93" name="Group 92">
                <a:extLst>
                  <a:ext uri="{FF2B5EF4-FFF2-40B4-BE49-F238E27FC236}">
                    <a16:creationId xmlns:a16="http://schemas.microsoft.com/office/drawing/2014/main" id="{FA1E82B5-3452-6585-5F0B-4C888AC84E5F}"/>
                  </a:ext>
                </a:extLst>
              </p:cNvPr>
              <p:cNvGrpSpPr/>
              <p:nvPr/>
            </p:nvGrpSpPr>
            <p:grpSpPr>
              <a:xfrm>
                <a:off x="5458296" y="3153610"/>
                <a:ext cx="1445092" cy="45719"/>
                <a:chOff x="5458296" y="3153610"/>
                <a:chExt cx="1445092" cy="45719"/>
              </a:xfrm>
            </p:grpSpPr>
            <p:cxnSp>
              <p:nvCxnSpPr>
                <p:cNvPr id="98" name="Straight Connector 97">
                  <a:extLst>
                    <a:ext uri="{FF2B5EF4-FFF2-40B4-BE49-F238E27FC236}">
                      <a16:creationId xmlns:a16="http://schemas.microsoft.com/office/drawing/2014/main" id="{FC38B79B-7A41-5A62-CFB7-8831280344C3}"/>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9" name="Oval 98">
                  <a:extLst>
                    <a:ext uri="{FF2B5EF4-FFF2-40B4-BE49-F238E27FC236}">
                      <a16:creationId xmlns:a16="http://schemas.microsoft.com/office/drawing/2014/main" id="{ED41F0E4-B54C-0177-FE2A-3FA3AFB25E06}"/>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0" name="Oval 99">
                  <a:extLst>
                    <a:ext uri="{FF2B5EF4-FFF2-40B4-BE49-F238E27FC236}">
                      <a16:creationId xmlns:a16="http://schemas.microsoft.com/office/drawing/2014/main" id="{4681FD9C-B195-E939-B6A8-5EF0920CB78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94" name="Straight Connector 93">
                <a:extLst>
                  <a:ext uri="{FF2B5EF4-FFF2-40B4-BE49-F238E27FC236}">
                    <a16:creationId xmlns:a16="http://schemas.microsoft.com/office/drawing/2014/main" id="{CAD23B38-A1FD-4F08-7A46-F60579B8A656}"/>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5" name="TextBox 94">
                <a:extLst>
                  <a:ext uri="{FF2B5EF4-FFF2-40B4-BE49-F238E27FC236}">
                    <a16:creationId xmlns:a16="http://schemas.microsoft.com/office/drawing/2014/main" id="{89234ADB-A8CB-155A-1A1B-F7D96A830629}"/>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97" name="TextBox 96">
                <a:extLst>
                  <a:ext uri="{FF2B5EF4-FFF2-40B4-BE49-F238E27FC236}">
                    <a16:creationId xmlns:a16="http://schemas.microsoft.com/office/drawing/2014/main" id="{8D3A360C-F400-C835-AF9D-DD79B620CDFC}"/>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92" name="Oval 91">
              <a:extLst>
                <a:ext uri="{FF2B5EF4-FFF2-40B4-BE49-F238E27FC236}">
                  <a16:creationId xmlns:a16="http://schemas.microsoft.com/office/drawing/2014/main" id="{495D0712-2647-A35C-445E-7D408BFB7088}"/>
                </a:ext>
              </a:extLst>
            </p:cNvPr>
            <p:cNvSpPr/>
            <p:nvPr/>
          </p:nvSpPr>
          <p:spPr>
            <a:xfrm>
              <a:off x="1032297"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24" name="Rektangel: afrundede hjørner 10">
            <a:extLst>
              <a:ext uri="{FF2B5EF4-FFF2-40B4-BE49-F238E27FC236}">
                <a16:creationId xmlns:a16="http://schemas.microsoft.com/office/drawing/2014/main" id="{04D1C9A7-CB78-F480-B29B-369A498AE916}"/>
              </a:ext>
              <a:ext uri="{C183D7F6-B498-43B3-948B-1728B52AA6E4}">
                <adec:decorative xmlns:adec="http://schemas.microsoft.com/office/drawing/2017/decorative" val="1"/>
              </a:ext>
            </a:extLst>
          </p:cNvPr>
          <p:cNvSpPr>
            <a:spLocks/>
          </p:cNvSpPr>
          <p:nvPr/>
        </p:nvSpPr>
        <p:spPr>
          <a:xfrm>
            <a:off x="7242764" y="222872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FDC43B23-FE27-A5F3-F23B-FE70273B8F95}"/>
              </a:ext>
              <a:ext uri="{C183D7F6-B498-43B3-948B-1728B52AA6E4}">
                <adec:decorative xmlns:adec="http://schemas.microsoft.com/office/drawing/2017/decorative" val="1"/>
              </a:ext>
            </a:extLst>
          </p:cNvPr>
          <p:cNvSpPr>
            <a:spLocks noEditPoints="1"/>
          </p:cNvSpPr>
          <p:nvPr/>
        </p:nvSpPr>
        <p:spPr bwMode="auto">
          <a:xfrm>
            <a:off x="7289024" y="229402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34" name="TextBox 133">
            <a:extLst>
              <a:ext uri="{FF2B5EF4-FFF2-40B4-BE49-F238E27FC236}">
                <a16:creationId xmlns:a16="http://schemas.microsoft.com/office/drawing/2014/main" id="{55CB3C6C-C39B-F4AC-A897-53094A0BA339}"/>
              </a:ext>
            </a:extLst>
          </p:cNvPr>
          <p:cNvSpPr txBox="1"/>
          <p:nvPr/>
        </p:nvSpPr>
        <p:spPr>
          <a:xfrm>
            <a:off x="7249102" y="1874760"/>
            <a:ext cx="2162754" cy="246221"/>
          </a:xfrm>
          <a:prstGeom prst="rect">
            <a:avLst/>
          </a:prstGeom>
          <a:noFill/>
        </p:spPr>
        <p:txBody>
          <a:bodyPr wrap="square" lIns="0">
            <a:spAutoFit/>
          </a:bodyPr>
          <a:lstStyle/>
          <a:p>
            <a:r>
              <a:rPr lang="da-DK" sz="1000" b="1" noProof="0">
                <a:solidFill>
                  <a:srgbClr val="36465A"/>
                </a:solidFill>
              </a:rPr>
              <a:t>Udfordringer adresseret</a:t>
            </a:r>
            <a:endParaRPr lang="da-DK" sz="1000" noProof="0">
              <a:solidFill>
                <a:srgbClr val="36465A"/>
              </a:solidFill>
            </a:endParaRPr>
          </a:p>
        </p:txBody>
      </p:sp>
      <p:sp>
        <p:nvSpPr>
          <p:cNvPr id="26" name="TextBox 4">
            <a:extLst>
              <a:ext uri="{FF2B5EF4-FFF2-40B4-BE49-F238E27FC236}">
                <a16:creationId xmlns:a16="http://schemas.microsoft.com/office/drawing/2014/main" id="{B945074D-EE93-E190-C8E8-68300031B6B8}"/>
              </a:ext>
              <a:ext uri="{C183D7F6-B498-43B3-948B-1728B52AA6E4}">
                <adec:decorative xmlns:adec="http://schemas.microsoft.com/office/drawing/2017/decorative" val="0"/>
              </a:ext>
            </a:extLst>
          </p:cNvPr>
          <p:cNvSpPr txBox="1">
            <a:spLocks/>
          </p:cNvSpPr>
          <p:nvPr/>
        </p:nvSpPr>
        <p:spPr>
          <a:xfrm>
            <a:off x="7527006" y="2244023"/>
            <a:ext cx="1931343" cy="296832"/>
          </a:xfrm>
          <a:prstGeom prst="rect">
            <a:avLst/>
          </a:prstGeom>
          <a:noFill/>
        </p:spPr>
        <p:txBody>
          <a:bodyPr wrap="square" rtlCol="0" anchor="ctr">
            <a:noAutofit/>
          </a:bodyPr>
          <a:lstStyle/>
          <a:p>
            <a:r>
              <a:rPr lang="da-DK" sz="700" b="1" noProof="0" dirty="0">
                <a:solidFill>
                  <a:srgbClr val="024D78"/>
                </a:solidFill>
              </a:rPr>
              <a:t>01 | Høj afhængighed af større leverandører og manglende konkurrence</a:t>
            </a:r>
          </a:p>
        </p:txBody>
      </p:sp>
      <p:sp>
        <p:nvSpPr>
          <p:cNvPr id="27" name="Rektangel: afrundede hjørner 5">
            <a:extLst>
              <a:ext uri="{FF2B5EF4-FFF2-40B4-BE49-F238E27FC236}">
                <a16:creationId xmlns:a16="http://schemas.microsoft.com/office/drawing/2014/main" id="{C20A33A8-60EE-2319-0090-D544CC19601F}"/>
              </a:ext>
              <a:ext uri="{C183D7F6-B498-43B3-948B-1728B52AA6E4}">
                <adec:decorative xmlns:adec="http://schemas.microsoft.com/office/drawing/2017/decorative" val="1"/>
              </a:ext>
            </a:extLst>
          </p:cNvPr>
          <p:cNvSpPr>
            <a:spLocks/>
          </p:cNvSpPr>
          <p:nvPr/>
        </p:nvSpPr>
        <p:spPr>
          <a:xfrm>
            <a:off x="7242764" y="2651061"/>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8" name="TextBox 11">
            <a:extLst>
              <a:ext uri="{FF2B5EF4-FFF2-40B4-BE49-F238E27FC236}">
                <a16:creationId xmlns:a16="http://schemas.microsoft.com/office/drawing/2014/main" id="{28FF78F2-2501-3B60-3109-70B5BC23BB38}"/>
              </a:ext>
              <a:ext uri="{C183D7F6-B498-43B3-948B-1728B52AA6E4}">
                <adec:decorative xmlns:adec="http://schemas.microsoft.com/office/drawing/2017/decorative" val="0"/>
              </a:ext>
            </a:extLst>
          </p:cNvPr>
          <p:cNvSpPr txBox="1">
            <a:spLocks/>
          </p:cNvSpPr>
          <p:nvPr/>
        </p:nvSpPr>
        <p:spPr>
          <a:xfrm>
            <a:off x="7527006" y="2671796"/>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2 | Manglende kontrol og transparens over egne data</a:t>
            </a:r>
          </a:p>
        </p:txBody>
      </p:sp>
      <p:grpSp>
        <p:nvGrpSpPr>
          <p:cNvPr id="29" name="Group 45">
            <a:extLst>
              <a:ext uri="{FF2B5EF4-FFF2-40B4-BE49-F238E27FC236}">
                <a16:creationId xmlns:a16="http://schemas.microsoft.com/office/drawing/2014/main" id="{36FD101F-FB85-6A48-6322-5C9163542021}"/>
              </a:ext>
              <a:ext uri="{C183D7F6-B498-43B3-948B-1728B52AA6E4}">
                <adec:decorative xmlns:adec="http://schemas.microsoft.com/office/drawing/2017/decorative" val="1"/>
              </a:ext>
            </a:extLst>
          </p:cNvPr>
          <p:cNvGrpSpPr>
            <a:grpSpLocks/>
          </p:cNvGrpSpPr>
          <p:nvPr/>
        </p:nvGrpSpPr>
        <p:grpSpPr>
          <a:xfrm>
            <a:off x="7310599" y="2707229"/>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1686D997-ED92-57D0-7DA7-D0A4FFCA2007}"/>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6E37DE65-C750-977C-901B-4CF367F875D8}"/>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A9DC021D-B6BC-C1EE-979F-3C2D02BDC7CC}"/>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CD04F1D4-288D-0BFC-36EA-4EB41200F7FF}"/>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30" name="Rektangel: afrundede hjørner 9">
            <a:extLst>
              <a:ext uri="{FF2B5EF4-FFF2-40B4-BE49-F238E27FC236}">
                <a16:creationId xmlns:a16="http://schemas.microsoft.com/office/drawing/2014/main" id="{7F51EDF0-F27A-EBED-3BB8-6639E1E011A2}"/>
              </a:ext>
              <a:ext uri="{C183D7F6-B498-43B3-948B-1728B52AA6E4}">
                <adec:decorative xmlns:adec="http://schemas.microsoft.com/office/drawing/2017/decorative" val="1"/>
              </a:ext>
            </a:extLst>
          </p:cNvPr>
          <p:cNvSpPr>
            <a:spLocks/>
          </p:cNvSpPr>
          <p:nvPr/>
        </p:nvSpPr>
        <p:spPr>
          <a:xfrm>
            <a:off x="7242991" y="3073402"/>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TextBox 23">
            <a:extLst>
              <a:ext uri="{FF2B5EF4-FFF2-40B4-BE49-F238E27FC236}">
                <a16:creationId xmlns:a16="http://schemas.microsoft.com/office/drawing/2014/main" id="{3DFB9A90-685E-20C5-D284-EC1A600142B2}"/>
              </a:ext>
              <a:ext uri="{C183D7F6-B498-43B3-948B-1728B52AA6E4}">
                <adec:decorative xmlns:adec="http://schemas.microsoft.com/office/drawing/2017/decorative" val="0"/>
              </a:ext>
            </a:extLst>
          </p:cNvPr>
          <p:cNvSpPr txBox="1">
            <a:spLocks/>
          </p:cNvSpPr>
          <p:nvPr/>
        </p:nvSpPr>
        <p:spPr>
          <a:xfrm>
            <a:off x="7526779" y="3094137"/>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3 | Begrænset kontrol og styring af digitale løsninger</a:t>
            </a:r>
          </a:p>
        </p:txBody>
      </p:sp>
      <p:sp>
        <p:nvSpPr>
          <p:cNvPr id="32" name="Freeform 6">
            <a:extLst>
              <a:ext uri="{FF2B5EF4-FFF2-40B4-BE49-F238E27FC236}">
                <a16:creationId xmlns:a16="http://schemas.microsoft.com/office/drawing/2014/main" id="{A88B5C82-EDA3-5319-2D1D-AA83FEE3A381}"/>
              </a:ext>
              <a:ext uri="{C183D7F6-B498-43B3-948B-1728B52AA6E4}">
                <adec:decorative xmlns:adec="http://schemas.microsoft.com/office/drawing/2017/decorative" val="1"/>
              </a:ext>
            </a:extLst>
          </p:cNvPr>
          <p:cNvSpPr>
            <a:spLocks noChangeAspect="1" noEditPoints="1"/>
          </p:cNvSpPr>
          <p:nvPr/>
        </p:nvSpPr>
        <p:spPr bwMode="auto">
          <a:xfrm>
            <a:off x="7298989" y="3133958"/>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33" name="Rektangel: afrundede hjørner 39">
            <a:extLst>
              <a:ext uri="{FF2B5EF4-FFF2-40B4-BE49-F238E27FC236}">
                <a16:creationId xmlns:a16="http://schemas.microsoft.com/office/drawing/2014/main" id="{A186A653-9BD4-2677-2A28-FA0DA04F0008}"/>
              </a:ext>
              <a:ext uri="{C183D7F6-B498-43B3-948B-1728B52AA6E4}">
                <adec:decorative xmlns:adec="http://schemas.microsoft.com/office/drawing/2017/decorative" val="1"/>
              </a:ext>
            </a:extLst>
          </p:cNvPr>
          <p:cNvSpPr>
            <a:spLocks/>
          </p:cNvSpPr>
          <p:nvPr/>
        </p:nvSpPr>
        <p:spPr>
          <a:xfrm>
            <a:off x="7242991" y="3495743"/>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TextBox 27">
            <a:extLst>
              <a:ext uri="{FF2B5EF4-FFF2-40B4-BE49-F238E27FC236}">
                <a16:creationId xmlns:a16="http://schemas.microsoft.com/office/drawing/2014/main" id="{D621ECCB-5240-06B6-5959-B82E082A0CFC}"/>
              </a:ext>
              <a:ext uri="{C183D7F6-B498-43B3-948B-1728B52AA6E4}">
                <adec:decorative xmlns:adec="http://schemas.microsoft.com/office/drawing/2017/decorative" val="0"/>
              </a:ext>
            </a:extLst>
          </p:cNvPr>
          <p:cNvSpPr txBox="1">
            <a:spLocks/>
          </p:cNvSpPr>
          <p:nvPr/>
        </p:nvSpPr>
        <p:spPr>
          <a:xfrm>
            <a:off x="7526779" y="3516753"/>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4 | Sårbarheder i den digitale forsyningssikkerhed</a:t>
            </a:r>
          </a:p>
        </p:txBody>
      </p:sp>
      <p:sp>
        <p:nvSpPr>
          <p:cNvPr id="36" name="Freeform 8">
            <a:extLst>
              <a:ext uri="{FF2B5EF4-FFF2-40B4-BE49-F238E27FC236}">
                <a16:creationId xmlns:a16="http://schemas.microsoft.com/office/drawing/2014/main" id="{5DF7C3FB-BF73-33D9-AC32-EE888B3AD885}"/>
              </a:ext>
              <a:ext uri="{C183D7F6-B498-43B3-948B-1728B52AA6E4}">
                <adec:decorative xmlns:adec="http://schemas.microsoft.com/office/drawing/2017/decorative" val="1"/>
              </a:ext>
            </a:extLst>
          </p:cNvPr>
          <p:cNvSpPr>
            <a:spLocks noChangeAspect="1" noEditPoints="1"/>
          </p:cNvSpPr>
          <p:nvPr/>
        </p:nvSpPr>
        <p:spPr bwMode="auto">
          <a:xfrm>
            <a:off x="7311666" y="3561636"/>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96" name="Free-form: Shape 1">
            <a:extLst>
              <a:ext uri="{FF2B5EF4-FFF2-40B4-BE49-F238E27FC236}">
                <a16:creationId xmlns:a16="http://schemas.microsoft.com/office/drawing/2014/main" id="{DF9C1F02-9031-CE4D-FF55-B3690744FC48}"/>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B19F2968-8ABF-6593-D5FD-035CBC7C5422}"/>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B0A978F5-F767-158F-031A-B4C8CB4AAB03}"/>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9A0E71A5-F9D2-F2FB-3680-46DBDF65AAAB}"/>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5C0B2C1D-1A7A-E57C-C4D6-83A5A8335520}"/>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509138B0-435A-7375-9C1F-68625779EC2C}"/>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38" name="TextBox 137">
            <a:extLst>
              <a:ext uri="{FF2B5EF4-FFF2-40B4-BE49-F238E27FC236}">
                <a16:creationId xmlns:a16="http://schemas.microsoft.com/office/drawing/2014/main" id="{01007186-DC14-376A-C1A2-0A42471BF2B8}"/>
              </a:ext>
            </a:extLst>
          </p:cNvPr>
          <p:cNvSpPr txBox="1"/>
          <p:nvPr/>
        </p:nvSpPr>
        <p:spPr>
          <a:xfrm>
            <a:off x="9469157" y="1874760"/>
            <a:ext cx="1931344" cy="246221"/>
          </a:xfrm>
          <a:prstGeom prst="rect">
            <a:avLst/>
          </a:prstGeom>
          <a:noFill/>
        </p:spPr>
        <p:txBody>
          <a:bodyPr wrap="square" lIns="72000">
            <a:spAutoFit/>
          </a:bodyPr>
          <a:lstStyle/>
          <a:p>
            <a:r>
              <a:rPr lang="da-DK" sz="1000" b="1" noProof="0">
                <a:solidFill>
                  <a:srgbClr val="36465A"/>
                </a:solidFill>
              </a:rPr>
              <a:t>Gevinster</a:t>
            </a:r>
            <a:endParaRPr lang="da-DK" sz="1000" noProof="0">
              <a:solidFill>
                <a:srgbClr val="36465A"/>
              </a:solidFill>
            </a:endParaRPr>
          </a:p>
        </p:txBody>
      </p:sp>
      <p:sp>
        <p:nvSpPr>
          <p:cNvPr id="198" name="TextBox 197">
            <a:extLst>
              <a:ext uri="{FF2B5EF4-FFF2-40B4-BE49-F238E27FC236}">
                <a16:creationId xmlns:a16="http://schemas.microsoft.com/office/drawing/2014/main" id="{C29A844B-4A99-204B-2B49-89F1ED6BF19F}"/>
              </a:ext>
            </a:extLst>
          </p:cNvPr>
          <p:cNvSpPr txBox="1"/>
          <p:nvPr/>
        </p:nvSpPr>
        <p:spPr>
          <a:xfrm>
            <a:off x="9857248" y="2233094"/>
            <a:ext cx="1495241" cy="353943"/>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a:ln>
                  <a:noFill/>
                </a:ln>
                <a:solidFill>
                  <a:srgbClr val="000000"/>
                </a:solidFill>
                <a:effectLst/>
                <a:uLnTx/>
                <a:uFillTx/>
                <a:latin typeface="Arial" panose="020B0604020202020204" pitchFamily="34" charset="0"/>
                <a:ea typeface="+mn-ea"/>
                <a:cs typeface="+mn-cs"/>
              </a:rPr>
              <a:t>Øget vidensniveau hos centrale aktører.</a:t>
            </a:r>
          </a:p>
        </p:txBody>
      </p:sp>
      <p:sp>
        <p:nvSpPr>
          <p:cNvPr id="199" name="TextBox 198">
            <a:extLst>
              <a:ext uri="{FF2B5EF4-FFF2-40B4-BE49-F238E27FC236}">
                <a16:creationId xmlns:a16="http://schemas.microsoft.com/office/drawing/2014/main" id="{96B044E7-2CA2-D475-0ED8-EB8EED9A567C}"/>
              </a:ext>
            </a:extLst>
          </p:cNvPr>
          <p:cNvSpPr txBox="1"/>
          <p:nvPr/>
        </p:nvSpPr>
        <p:spPr>
          <a:xfrm>
            <a:off x="9857248" y="2650586"/>
            <a:ext cx="1436160" cy="661720"/>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a:ln>
                  <a:noFill/>
                </a:ln>
                <a:solidFill>
                  <a:srgbClr val="000000"/>
                </a:solidFill>
                <a:effectLst/>
                <a:uLnTx/>
                <a:uFillTx/>
                <a:latin typeface="Arial" panose="020B0604020202020204" pitchFamily="34" charset="0"/>
                <a:ea typeface="+mn-ea"/>
                <a:cs typeface="+mn-cs"/>
              </a:rPr>
              <a:t>Bedre adgang til finansiering og realisering af skalafordele. </a:t>
            </a:r>
          </a:p>
        </p:txBody>
      </p:sp>
      <p:grpSp>
        <p:nvGrpSpPr>
          <p:cNvPr id="47" name="Group 46">
            <a:extLst>
              <a:ext uri="{FF2B5EF4-FFF2-40B4-BE49-F238E27FC236}">
                <a16:creationId xmlns:a16="http://schemas.microsoft.com/office/drawing/2014/main" id="{ACB10510-842B-02D5-7BD2-06145403506E}"/>
              </a:ext>
              <a:ext uri="{C183D7F6-B498-43B3-948B-1728B52AA6E4}">
                <adec:decorative xmlns:adec="http://schemas.microsoft.com/office/drawing/2017/decorative" val="1"/>
              </a:ext>
            </a:extLst>
          </p:cNvPr>
          <p:cNvGrpSpPr/>
          <p:nvPr/>
        </p:nvGrpSpPr>
        <p:grpSpPr>
          <a:xfrm>
            <a:off x="9565600" y="2233094"/>
            <a:ext cx="218250" cy="210236"/>
            <a:chOff x="9564973" y="2233094"/>
            <a:chExt cx="218250" cy="210236"/>
          </a:xfrm>
        </p:grpSpPr>
        <p:sp>
          <p:nvSpPr>
            <p:cNvPr id="132" name="Oval 131">
              <a:extLst>
                <a:ext uri="{FF2B5EF4-FFF2-40B4-BE49-F238E27FC236}">
                  <a16:creationId xmlns:a16="http://schemas.microsoft.com/office/drawing/2014/main" id="{4394C66E-BA4C-508A-7B11-83B83A46CE91}"/>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6" name="Freeform 24">
              <a:extLst>
                <a:ext uri="{FF2B5EF4-FFF2-40B4-BE49-F238E27FC236}">
                  <a16:creationId xmlns:a16="http://schemas.microsoft.com/office/drawing/2014/main" id="{04796F0D-079B-506D-16CF-7A66D8245467}"/>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48" name="Group 47">
            <a:extLst>
              <a:ext uri="{FF2B5EF4-FFF2-40B4-BE49-F238E27FC236}">
                <a16:creationId xmlns:a16="http://schemas.microsoft.com/office/drawing/2014/main" id="{6BBD675C-329D-B663-C600-A5241CA8A3BC}"/>
              </a:ext>
              <a:ext uri="{C183D7F6-B498-43B3-948B-1728B52AA6E4}">
                <adec:decorative xmlns:adec="http://schemas.microsoft.com/office/drawing/2017/decorative" val="1"/>
              </a:ext>
            </a:extLst>
          </p:cNvPr>
          <p:cNvGrpSpPr/>
          <p:nvPr/>
        </p:nvGrpSpPr>
        <p:grpSpPr>
          <a:xfrm>
            <a:off x="9565600" y="2650586"/>
            <a:ext cx="218250" cy="210236"/>
            <a:chOff x="9564973" y="2233094"/>
            <a:chExt cx="218250" cy="210236"/>
          </a:xfrm>
        </p:grpSpPr>
        <p:sp>
          <p:nvSpPr>
            <p:cNvPr id="49" name="Oval 48">
              <a:extLst>
                <a:ext uri="{FF2B5EF4-FFF2-40B4-BE49-F238E27FC236}">
                  <a16:creationId xmlns:a16="http://schemas.microsoft.com/office/drawing/2014/main" id="{7802683D-43E5-DD27-00D9-D4F6A57857DC}"/>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0" name="Freeform 24">
              <a:extLst>
                <a:ext uri="{FF2B5EF4-FFF2-40B4-BE49-F238E27FC236}">
                  <a16:creationId xmlns:a16="http://schemas.microsoft.com/office/drawing/2014/main" id="{E70DDA69-B5CB-CE31-93E7-BA020D1F4F86}"/>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4" name="Freeform 31">
            <a:extLst>
              <a:ext uri="{FF2B5EF4-FFF2-40B4-BE49-F238E27FC236}">
                <a16:creationId xmlns:a16="http://schemas.microsoft.com/office/drawing/2014/main" id="{075514AF-E330-2464-4D0A-AF3A8F5FF5F7}"/>
              </a:ext>
              <a:ext uri="{C183D7F6-B498-43B3-948B-1728B52AA6E4}">
                <adec:decorative xmlns:adec="http://schemas.microsoft.com/office/drawing/2017/decorative" val="1"/>
              </a:ext>
            </a:extLst>
          </p:cNvPr>
          <p:cNvSpPr>
            <a:spLocks noEditPoints="1"/>
          </p:cNvSpPr>
          <p:nvPr/>
        </p:nvSpPr>
        <p:spPr bwMode="auto">
          <a:xfrm>
            <a:off x="11630423" y="245376"/>
            <a:ext cx="361599" cy="336627"/>
          </a:xfrm>
          <a:custGeom>
            <a:avLst/>
            <a:gdLst>
              <a:gd name="T0" fmla="*/ 112 w 224"/>
              <a:gd name="T1" fmla="*/ 32 h 208"/>
              <a:gd name="T2" fmla="*/ 112 w 224"/>
              <a:gd name="T3" fmla="*/ 40 h 208"/>
              <a:gd name="T4" fmla="*/ 100 w 224"/>
              <a:gd name="T5" fmla="*/ 52 h 208"/>
              <a:gd name="T6" fmla="*/ 60 w 224"/>
              <a:gd name="T7" fmla="*/ 52 h 208"/>
              <a:gd name="T8" fmla="*/ 40 w 224"/>
              <a:gd name="T9" fmla="*/ 72 h 208"/>
              <a:gd name="T10" fmla="*/ 40 w 224"/>
              <a:gd name="T11" fmla="*/ 64 h 208"/>
              <a:gd name="T12" fmla="*/ 76 w 224"/>
              <a:gd name="T13" fmla="*/ 40 h 208"/>
              <a:gd name="T14" fmla="*/ 56 w 224"/>
              <a:gd name="T15" fmla="*/ 20 h 208"/>
              <a:gd name="T16" fmla="*/ 88 w 224"/>
              <a:gd name="T17" fmla="*/ 20 h 208"/>
              <a:gd name="T18" fmla="*/ 76 w 224"/>
              <a:gd name="T19" fmla="*/ 8 h 208"/>
              <a:gd name="T20" fmla="*/ 148 w 224"/>
              <a:gd name="T21" fmla="*/ 0 h 208"/>
              <a:gd name="T22" fmla="*/ 148 w 224"/>
              <a:gd name="T23" fmla="*/ 8 h 208"/>
              <a:gd name="T24" fmla="*/ 136 w 224"/>
              <a:gd name="T25" fmla="*/ 20 h 208"/>
              <a:gd name="T26" fmla="*/ 211 w 224"/>
              <a:gd name="T27" fmla="*/ 75 h 208"/>
              <a:gd name="T28" fmla="*/ 184 w 224"/>
              <a:gd name="T29" fmla="*/ 86 h 208"/>
              <a:gd name="T30" fmla="*/ 157 w 224"/>
              <a:gd name="T31" fmla="*/ 75 h 208"/>
              <a:gd name="T32" fmla="*/ 140 w 224"/>
              <a:gd name="T33" fmla="*/ 75 h 208"/>
              <a:gd name="T34" fmla="*/ 125 w 224"/>
              <a:gd name="T35" fmla="*/ 73 h 208"/>
              <a:gd name="T36" fmla="*/ 95 w 224"/>
              <a:gd name="T37" fmla="*/ 72 h 208"/>
              <a:gd name="T38" fmla="*/ 76 w 224"/>
              <a:gd name="T39" fmla="*/ 81 h 208"/>
              <a:gd name="T40" fmla="*/ 57 w 224"/>
              <a:gd name="T41" fmla="*/ 72 h 208"/>
              <a:gd name="T42" fmla="*/ 27 w 224"/>
              <a:gd name="T43" fmla="*/ 73 h 208"/>
              <a:gd name="T44" fmla="*/ 12 w 224"/>
              <a:gd name="T45" fmla="*/ 75 h 208"/>
              <a:gd name="T46" fmla="*/ 16 w 224"/>
              <a:gd name="T47" fmla="*/ 152 h 208"/>
              <a:gd name="T48" fmla="*/ 20 w 224"/>
              <a:gd name="T49" fmla="*/ 208 h 208"/>
              <a:gd name="T50" fmla="*/ 64 w 224"/>
              <a:gd name="T51" fmla="*/ 204 h 208"/>
              <a:gd name="T52" fmla="*/ 88 w 224"/>
              <a:gd name="T53" fmla="*/ 152 h 208"/>
              <a:gd name="T54" fmla="*/ 92 w 224"/>
              <a:gd name="T55" fmla="*/ 208 h 208"/>
              <a:gd name="T56" fmla="*/ 136 w 224"/>
              <a:gd name="T57" fmla="*/ 204 h 208"/>
              <a:gd name="T58" fmla="*/ 160 w 224"/>
              <a:gd name="T59" fmla="*/ 152 h 208"/>
              <a:gd name="T60" fmla="*/ 164 w 224"/>
              <a:gd name="T61" fmla="*/ 208 h 208"/>
              <a:gd name="T62" fmla="*/ 208 w 224"/>
              <a:gd name="T63" fmla="*/ 204 h 208"/>
              <a:gd name="T64" fmla="*/ 224 w 224"/>
              <a:gd name="T65" fmla="*/ 92 h 208"/>
              <a:gd name="T66" fmla="*/ 64 w 224"/>
              <a:gd name="T67" fmla="*/ 143 h 208"/>
              <a:gd name="T68" fmla="*/ 56 w 224"/>
              <a:gd name="T69" fmla="*/ 100 h 208"/>
              <a:gd name="T70" fmla="*/ 44 w 224"/>
              <a:gd name="T71" fmla="*/ 140 h 208"/>
              <a:gd name="T72" fmla="*/ 36 w 224"/>
              <a:gd name="T73" fmla="*/ 200 h 208"/>
              <a:gd name="T74" fmla="*/ 20 w 224"/>
              <a:gd name="T75" fmla="*/ 96 h 208"/>
              <a:gd name="T76" fmla="*/ 8 w 224"/>
              <a:gd name="T77" fmla="*/ 132 h 208"/>
              <a:gd name="T78" fmla="*/ 23 w 224"/>
              <a:gd name="T79" fmla="*/ 80 h 208"/>
              <a:gd name="T80" fmla="*/ 43 w 224"/>
              <a:gd name="T81" fmla="*/ 95 h 208"/>
              <a:gd name="T82" fmla="*/ 72 w 224"/>
              <a:gd name="T83" fmla="*/ 92 h 208"/>
              <a:gd name="T84" fmla="*/ 136 w 224"/>
              <a:gd name="T85" fmla="*/ 143 h 208"/>
              <a:gd name="T86" fmla="*/ 128 w 224"/>
              <a:gd name="T87" fmla="*/ 100 h 208"/>
              <a:gd name="T88" fmla="*/ 116 w 224"/>
              <a:gd name="T89" fmla="*/ 140 h 208"/>
              <a:gd name="T90" fmla="*/ 108 w 224"/>
              <a:gd name="T91" fmla="*/ 200 h 208"/>
              <a:gd name="T92" fmla="*/ 92 w 224"/>
              <a:gd name="T93" fmla="*/ 96 h 208"/>
              <a:gd name="T94" fmla="*/ 80 w 224"/>
              <a:gd name="T95" fmla="*/ 132 h 208"/>
              <a:gd name="T96" fmla="*/ 95 w 224"/>
              <a:gd name="T97" fmla="*/ 80 h 208"/>
              <a:gd name="T98" fmla="*/ 115 w 224"/>
              <a:gd name="T99" fmla="*/ 95 h 208"/>
              <a:gd name="T100" fmla="*/ 144 w 224"/>
              <a:gd name="T101" fmla="*/ 92 h 208"/>
              <a:gd name="T102" fmla="*/ 208 w 224"/>
              <a:gd name="T103" fmla="*/ 100 h 208"/>
              <a:gd name="T104" fmla="*/ 200 w 224"/>
              <a:gd name="T105" fmla="*/ 200 h 208"/>
              <a:gd name="T106" fmla="*/ 184 w 224"/>
              <a:gd name="T107" fmla="*/ 136 h 208"/>
              <a:gd name="T108" fmla="*/ 168 w 224"/>
              <a:gd name="T109" fmla="*/ 200 h 208"/>
              <a:gd name="T110" fmla="*/ 160 w 224"/>
              <a:gd name="T111" fmla="*/ 100 h 208"/>
              <a:gd name="T112" fmla="*/ 152 w 224"/>
              <a:gd name="T113" fmla="*/ 92 h 208"/>
              <a:gd name="T114" fmla="*/ 181 w 224"/>
              <a:gd name="T115" fmla="*/ 95 h 208"/>
              <a:gd name="T116" fmla="*/ 201 w 224"/>
              <a:gd name="T117" fmla="*/ 80 h 208"/>
              <a:gd name="T118" fmla="*/ 216 w 224"/>
              <a:gd name="T119" fmla="*/ 132 h 208"/>
              <a:gd name="T120" fmla="*/ 204 w 224"/>
              <a:gd name="T121" fmla="*/ 52 h 208"/>
              <a:gd name="T122" fmla="*/ 184 w 224"/>
              <a:gd name="T123" fmla="*/ 72 h 208"/>
              <a:gd name="T124" fmla="*/ 184 w 224"/>
              <a:gd name="T125" fmla="*/ 6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24" h="208">
                <a:moveTo>
                  <a:pt x="112" y="72"/>
                </a:moveTo>
                <a:cubicBezTo>
                  <a:pt x="123" y="72"/>
                  <a:pt x="132" y="63"/>
                  <a:pt x="132" y="52"/>
                </a:cubicBezTo>
                <a:cubicBezTo>
                  <a:pt x="132" y="41"/>
                  <a:pt x="123" y="32"/>
                  <a:pt x="112" y="32"/>
                </a:cubicBezTo>
                <a:cubicBezTo>
                  <a:pt x="101" y="32"/>
                  <a:pt x="92" y="41"/>
                  <a:pt x="92" y="52"/>
                </a:cubicBezTo>
                <a:cubicBezTo>
                  <a:pt x="92" y="63"/>
                  <a:pt x="101" y="72"/>
                  <a:pt x="112" y="72"/>
                </a:cubicBezTo>
                <a:close/>
                <a:moveTo>
                  <a:pt x="112" y="40"/>
                </a:moveTo>
                <a:cubicBezTo>
                  <a:pt x="119" y="40"/>
                  <a:pt x="124" y="45"/>
                  <a:pt x="124" y="52"/>
                </a:cubicBezTo>
                <a:cubicBezTo>
                  <a:pt x="124" y="59"/>
                  <a:pt x="119" y="64"/>
                  <a:pt x="112" y="64"/>
                </a:cubicBezTo>
                <a:cubicBezTo>
                  <a:pt x="105" y="64"/>
                  <a:pt x="100" y="59"/>
                  <a:pt x="100" y="52"/>
                </a:cubicBezTo>
                <a:cubicBezTo>
                  <a:pt x="100" y="45"/>
                  <a:pt x="105" y="40"/>
                  <a:pt x="112" y="40"/>
                </a:cubicBezTo>
                <a:close/>
                <a:moveTo>
                  <a:pt x="40" y="72"/>
                </a:moveTo>
                <a:cubicBezTo>
                  <a:pt x="51" y="72"/>
                  <a:pt x="60" y="63"/>
                  <a:pt x="60" y="52"/>
                </a:cubicBezTo>
                <a:cubicBezTo>
                  <a:pt x="60" y="41"/>
                  <a:pt x="51" y="32"/>
                  <a:pt x="40" y="32"/>
                </a:cubicBezTo>
                <a:cubicBezTo>
                  <a:pt x="29" y="32"/>
                  <a:pt x="20" y="41"/>
                  <a:pt x="20" y="52"/>
                </a:cubicBezTo>
                <a:cubicBezTo>
                  <a:pt x="20" y="63"/>
                  <a:pt x="29" y="72"/>
                  <a:pt x="40" y="72"/>
                </a:cubicBezTo>
                <a:close/>
                <a:moveTo>
                  <a:pt x="40" y="40"/>
                </a:moveTo>
                <a:cubicBezTo>
                  <a:pt x="47" y="40"/>
                  <a:pt x="52" y="45"/>
                  <a:pt x="52" y="52"/>
                </a:cubicBezTo>
                <a:cubicBezTo>
                  <a:pt x="52" y="59"/>
                  <a:pt x="47" y="64"/>
                  <a:pt x="40" y="64"/>
                </a:cubicBezTo>
                <a:cubicBezTo>
                  <a:pt x="33" y="64"/>
                  <a:pt x="28" y="59"/>
                  <a:pt x="28" y="52"/>
                </a:cubicBezTo>
                <a:cubicBezTo>
                  <a:pt x="28" y="45"/>
                  <a:pt x="33" y="40"/>
                  <a:pt x="40" y="40"/>
                </a:cubicBezTo>
                <a:close/>
                <a:moveTo>
                  <a:pt x="76" y="40"/>
                </a:moveTo>
                <a:cubicBezTo>
                  <a:pt x="87" y="40"/>
                  <a:pt x="96" y="31"/>
                  <a:pt x="96" y="20"/>
                </a:cubicBezTo>
                <a:cubicBezTo>
                  <a:pt x="96" y="9"/>
                  <a:pt x="87" y="0"/>
                  <a:pt x="76" y="0"/>
                </a:cubicBezTo>
                <a:cubicBezTo>
                  <a:pt x="65" y="0"/>
                  <a:pt x="56" y="9"/>
                  <a:pt x="56" y="20"/>
                </a:cubicBezTo>
                <a:cubicBezTo>
                  <a:pt x="56" y="31"/>
                  <a:pt x="65" y="40"/>
                  <a:pt x="76" y="40"/>
                </a:cubicBezTo>
                <a:close/>
                <a:moveTo>
                  <a:pt x="76" y="8"/>
                </a:moveTo>
                <a:cubicBezTo>
                  <a:pt x="83" y="8"/>
                  <a:pt x="88" y="13"/>
                  <a:pt x="88" y="20"/>
                </a:cubicBezTo>
                <a:cubicBezTo>
                  <a:pt x="88" y="27"/>
                  <a:pt x="83" y="32"/>
                  <a:pt x="76" y="32"/>
                </a:cubicBezTo>
                <a:cubicBezTo>
                  <a:pt x="69" y="32"/>
                  <a:pt x="64" y="27"/>
                  <a:pt x="64" y="20"/>
                </a:cubicBezTo>
                <a:cubicBezTo>
                  <a:pt x="64" y="13"/>
                  <a:pt x="69" y="8"/>
                  <a:pt x="76" y="8"/>
                </a:cubicBezTo>
                <a:close/>
                <a:moveTo>
                  <a:pt x="148" y="40"/>
                </a:moveTo>
                <a:cubicBezTo>
                  <a:pt x="159" y="40"/>
                  <a:pt x="168" y="31"/>
                  <a:pt x="168" y="20"/>
                </a:cubicBezTo>
                <a:cubicBezTo>
                  <a:pt x="168" y="9"/>
                  <a:pt x="159" y="0"/>
                  <a:pt x="148" y="0"/>
                </a:cubicBezTo>
                <a:cubicBezTo>
                  <a:pt x="137" y="0"/>
                  <a:pt x="128" y="9"/>
                  <a:pt x="128" y="20"/>
                </a:cubicBezTo>
                <a:cubicBezTo>
                  <a:pt x="128" y="31"/>
                  <a:pt x="137" y="40"/>
                  <a:pt x="148" y="40"/>
                </a:cubicBezTo>
                <a:close/>
                <a:moveTo>
                  <a:pt x="148" y="8"/>
                </a:moveTo>
                <a:cubicBezTo>
                  <a:pt x="155" y="8"/>
                  <a:pt x="160" y="13"/>
                  <a:pt x="160" y="20"/>
                </a:cubicBezTo>
                <a:cubicBezTo>
                  <a:pt x="160" y="27"/>
                  <a:pt x="155" y="32"/>
                  <a:pt x="148" y="32"/>
                </a:cubicBezTo>
                <a:cubicBezTo>
                  <a:pt x="141" y="32"/>
                  <a:pt x="136" y="27"/>
                  <a:pt x="136" y="20"/>
                </a:cubicBezTo>
                <a:cubicBezTo>
                  <a:pt x="136" y="13"/>
                  <a:pt x="141" y="8"/>
                  <a:pt x="148" y="8"/>
                </a:cubicBezTo>
                <a:close/>
                <a:moveTo>
                  <a:pt x="212" y="75"/>
                </a:moveTo>
                <a:cubicBezTo>
                  <a:pt x="211" y="75"/>
                  <a:pt x="211" y="75"/>
                  <a:pt x="211" y="75"/>
                </a:cubicBezTo>
                <a:cubicBezTo>
                  <a:pt x="201" y="72"/>
                  <a:pt x="201" y="72"/>
                  <a:pt x="201" y="72"/>
                </a:cubicBezTo>
                <a:cubicBezTo>
                  <a:pt x="200" y="72"/>
                  <a:pt x="198" y="72"/>
                  <a:pt x="197" y="73"/>
                </a:cubicBezTo>
                <a:cubicBezTo>
                  <a:pt x="184" y="86"/>
                  <a:pt x="184" y="86"/>
                  <a:pt x="184" y="86"/>
                </a:cubicBezTo>
                <a:cubicBezTo>
                  <a:pt x="171" y="73"/>
                  <a:pt x="171" y="73"/>
                  <a:pt x="171" y="73"/>
                </a:cubicBezTo>
                <a:cubicBezTo>
                  <a:pt x="170" y="72"/>
                  <a:pt x="168" y="72"/>
                  <a:pt x="167" y="72"/>
                </a:cubicBezTo>
                <a:cubicBezTo>
                  <a:pt x="157" y="75"/>
                  <a:pt x="157" y="75"/>
                  <a:pt x="157" y="75"/>
                </a:cubicBezTo>
                <a:cubicBezTo>
                  <a:pt x="156" y="75"/>
                  <a:pt x="156" y="75"/>
                  <a:pt x="156" y="75"/>
                </a:cubicBezTo>
                <a:cubicBezTo>
                  <a:pt x="153" y="76"/>
                  <a:pt x="150" y="78"/>
                  <a:pt x="148" y="81"/>
                </a:cubicBezTo>
                <a:cubicBezTo>
                  <a:pt x="146" y="78"/>
                  <a:pt x="143" y="76"/>
                  <a:pt x="140" y="75"/>
                </a:cubicBezTo>
                <a:cubicBezTo>
                  <a:pt x="139" y="75"/>
                  <a:pt x="139" y="75"/>
                  <a:pt x="139" y="75"/>
                </a:cubicBezTo>
                <a:cubicBezTo>
                  <a:pt x="129" y="72"/>
                  <a:pt x="129" y="72"/>
                  <a:pt x="129" y="72"/>
                </a:cubicBezTo>
                <a:cubicBezTo>
                  <a:pt x="128" y="72"/>
                  <a:pt x="126" y="72"/>
                  <a:pt x="125" y="73"/>
                </a:cubicBezTo>
                <a:cubicBezTo>
                  <a:pt x="112" y="86"/>
                  <a:pt x="112" y="86"/>
                  <a:pt x="112" y="86"/>
                </a:cubicBezTo>
                <a:cubicBezTo>
                  <a:pt x="99" y="73"/>
                  <a:pt x="99" y="73"/>
                  <a:pt x="99" y="73"/>
                </a:cubicBezTo>
                <a:cubicBezTo>
                  <a:pt x="98" y="72"/>
                  <a:pt x="96" y="72"/>
                  <a:pt x="95" y="72"/>
                </a:cubicBezTo>
                <a:cubicBezTo>
                  <a:pt x="85" y="75"/>
                  <a:pt x="85" y="75"/>
                  <a:pt x="85" y="75"/>
                </a:cubicBezTo>
                <a:cubicBezTo>
                  <a:pt x="84" y="75"/>
                  <a:pt x="84" y="75"/>
                  <a:pt x="84" y="75"/>
                </a:cubicBezTo>
                <a:cubicBezTo>
                  <a:pt x="81" y="76"/>
                  <a:pt x="78" y="78"/>
                  <a:pt x="76" y="81"/>
                </a:cubicBezTo>
                <a:cubicBezTo>
                  <a:pt x="74" y="78"/>
                  <a:pt x="71" y="76"/>
                  <a:pt x="68" y="75"/>
                </a:cubicBezTo>
                <a:cubicBezTo>
                  <a:pt x="67" y="75"/>
                  <a:pt x="67" y="75"/>
                  <a:pt x="67" y="75"/>
                </a:cubicBezTo>
                <a:cubicBezTo>
                  <a:pt x="57" y="72"/>
                  <a:pt x="57" y="72"/>
                  <a:pt x="57" y="72"/>
                </a:cubicBezTo>
                <a:cubicBezTo>
                  <a:pt x="56" y="72"/>
                  <a:pt x="54" y="72"/>
                  <a:pt x="53" y="73"/>
                </a:cubicBezTo>
                <a:cubicBezTo>
                  <a:pt x="40" y="86"/>
                  <a:pt x="40" y="86"/>
                  <a:pt x="40" y="86"/>
                </a:cubicBezTo>
                <a:cubicBezTo>
                  <a:pt x="27" y="73"/>
                  <a:pt x="27" y="73"/>
                  <a:pt x="27" y="73"/>
                </a:cubicBezTo>
                <a:cubicBezTo>
                  <a:pt x="26" y="72"/>
                  <a:pt x="24" y="72"/>
                  <a:pt x="23" y="72"/>
                </a:cubicBezTo>
                <a:cubicBezTo>
                  <a:pt x="13" y="75"/>
                  <a:pt x="13" y="75"/>
                  <a:pt x="13" y="75"/>
                </a:cubicBezTo>
                <a:cubicBezTo>
                  <a:pt x="12" y="75"/>
                  <a:pt x="12" y="75"/>
                  <a:pt x="12" y="75"/>
                </a:cubicBezTo>
                <a:cubicBezTo>
                  <a:pt x="5" y="77"/>
                  <a:pt x="0" y="84"/>
                  <a:pt x="0" y="92"/>
                </a:cubicBezTo>
                <a:cubicBezTo>
                  <a:pt x="0" y="132"/>
                  <a:pt x="0" y="132"/>
                  <a:pt x="0" y="132"/>
                </a:cubicBezTo>
                <a:cubicBezTo>
                  <a:pt x="0" y="142"/>
                  <a:pt x="7" y="150"/>
                  <a:pt x="16" y="152"/>
                </a:cubicBezTo>
                <a:cubicBezTo>
                  <a:pt x="16" y="204"/>
                  <a:pt x="16" y="204"/>
                  <a:pt x="16" y="204"/>
                </a:cubicBezTo>
                <a:cubicBezTo>
                  <a:pt x="16" y="205"/>
                  <a:pt x="16" y="206"/>
                  <a:pt x="17" y="207"/>
                </a:cubicBezTo>
                <a:cubicBezTo>
                  <a:pt x="18" y="208"/>
                  <a:pt x="19" y="208"/>
                  <a:pt x="20" y="208"/>
                </a:cubicBezTo>
                <a:cubicBezTo>
                  <a:pt x="60" y="208"/>
                  <a:pt x="60" y="208"/>
                  <a:pt x="60" y="208"/>
                </a:cubicBezTo>
                <a:cubicBezTo>
                  <a:pt x="61" y="208"/>
                  <a:pt x="62" y="208"/>
                  <a:pt x="63" y="207"/>
                </a:cubicBezTo>
                <a:cubicBezTo>
                  <a:pt x="64" y="206"/>
                  <a:pt x="64" y="205"/>
                  <a:pt x="64" y="204"/>
                </a:cubicBezTo>
                <a:cubicBezTo>
                  <a:pt x="64" y="152"/>
                  <a:pt x="64" y="152"/>
                  <a:pt x="64" y="152"/>
                </a:cubicBezTo>
                <a:cubicBezTo>
                  <a:pt x="69" y="151"/>
                  <a:pt x="73" y="148"/>
                  <a:pt x="76" y="144"/>
                </a:cubicBezTo>
                <a:cubicBezTo>
                  <a:pt x="79" y="148"/>
                  <a:pt x="83" y="151"/>
                  <a:pt x="88" y="152"/>
                </a:cubicBezTo>
                <a:cubicBezTo>
                  <a:pt x="88" y="204"/>
                  <a:pt x="88" y="204"/>
                  <a:pt x="88" y="204"/>
                </a:cubicBezTo>
                <a:cubicBezTo>
                  <a:pt x="88" y="205"/>
                  <a:pt x="88" y="206"/>
                  <a:pt x="89" y="207"/>
                </a:cubicBezTo>
                <a:cubicBezTo>
                  <a:pt x="90" y="208"/>
                  <a:pt x="91" y="208"/>
                  <a:pt x="92" y="208"/>
                </a:cubicBezTo>
                <a:cubicBezTo>
                  <a:pt x="132" y="208"/>
                  <a:pt x="132" y="208"/>
                  <a:pt x="132" y="208"/>
                </a:cubicBezTo>
                <a:cubicBezTo>
                  <a:pt x="133" y="208"/>
                  <a:pt x="134" y="208"/>
                  <a:pt x="135" y="207"/>
                </a:cubicBezTo>
                <a:cubicBezTo>
                  <a:pt x="136" y="206"/>
                  <a:pt x="136" y="205"/>
                  <a:pt x="136" y="204"/>
                </a:cubicBezTo>
                <a:cubicBezTo>
                  <a:pt x="136" y="152"/>
                  <a:pt x="136" y="152"/>
                  <a:pt x="136" y="152"/>
                </a:cubicBezTo>
                <a:cubicBezTo>
                  <a:pt x="141" y="151"/>
                  <a:pt x="145" y="148"/>
                  <a:pt x="148" y="144"/>
                </a:cubicBezTo>
                <a:cubicBezTo>
                  <a:pt x="151" y="148"/>
                  <a:pt x="155" y="151"/>
                  <a:pt x="160" y="152"/>
                </a:cubicBezTo>
                <a:cubicBezTo>
                  <a:pt x="160" y="204"/>
                  <a:pt x="160" y="204"/>
                  <a:pt x="160" y="204"/>
                </a:cubicBezTo>
                <a:cubicBezTo>
                  <a:pt x="160" y="205"/>
                  <a:pt x="160" y="206"/>
                  <a:pt x="161" y="207"/>
                </a:cubicBezTo>
                <a:cubicBezTo>
                  <a:pt x="162" y="208"/>
                  <a:pt x="163" y="208"/>
                  <a:pt x="164" y="208"/>
                </a:cubicBezTo>
                <a:cubicBezTo>
                  <a:pt x="204" y="208"/>
                  <a:pt x="204" y="208"/>
                  <a:pt x="204" y="208"/>
                </a:cubicBezTo>
                <a:cubicBezTo>
                  <a:pt x="205" y="208"/>
                  <a:pt x="206" y="208"/>
                  <a:pt x="207" y="207"/>
                </a:cubicBezTo>
                <a:cubicBezTo>
                  <a:pt x="208" y="206"/>
                  <a:pt x="208" y="205"/>
                  <a:pt x="208" y="204"/>
                </a:cubicBezTo>
                <a:cubicBezTo>
                  <a:pt x="208" y="152"/>
                  <a:pt x="208" y="152"/>
                  <a:pt x="208" y="152"/>
                </a:cubicBezTo>
                <a:cubicBezTo>
                  <a:pt x="217" y="150"/>
                  <a:pt x="224" y="142"/>
                  <a:pt x="224" y="132"/>
                </a:cubicBezTo>
                <a:cubicBezTo>
                  <a:pt x="224" y="92"/>
                  <a:pt x="224" y="92"/>
                  <a:pt x="224" y="92"/>
                </a:cubicBezTo>
                <a:cubicBezTo>
                  <a:pt x="224" y="84"/>
                  <a:pt x="219" y="77"/>
                  <a:pt x="212" y="75"/>
                </a:cubicBezTo>
                <a:close/>
                <a:moveTo>
                  <a:pt x="72" y="132"/>
                </a:moveTo>
                <a:cubicBezTo>
                  <a:pt x="72" y="137"/>
                  <a:pt x="69" y="142"/>
                  <a:pt x="64" y="143"/>
                </a:cubicBezTo>
                <a:cubicBezTo>
                  <a:pt x="64" y="100"/>
                  <a:pt x="64" y="100"/>
                  <a:pt x="64" y="100"/>
                </a:cubicBezTo>
                <a:cubicBezTo>
                  <a:pt x="64" y="98"/>
                  <a:pt x="62" y="96"/>
                  <a:pt x="60" y="96"/>
                </a:cubicBezTo>
                <a:cubicBezTo>
                  <a:pt x="58" y="96"/>
                  <a:pt x="56" y="98"/>
                  <a:pt x="56" y="100"/>
                </a:cubicBezTo>
                <a:cubicBezTo>
                  <a:pt x="56" y="200"/>
                  <a:pt x="56" y="200"/>
                  <a:pt x="56" y="200"/>
                </a:cubicBezTo>
                <a:cubicBezTo>
                  <a:pt x="44" y="200"/>
                  <a:pt x="44" y="200"/>
                  <a:pt x="44" y="200"/>
                </a:cubicBezTo>
                <a:cubicBezTo>
                  <a:pt x="44" y="140"/>
                  <a:pt x="44" y="140"/>
                  <a:pt x="44" y="140"/>
                </a:cubicBezTo>
                <a:cubicBezTo>
                  <a:pt x="44" y="138"/>
                  <a:pt x="42" y="136"/>
                  <a:pt x="40" y="136"/>
                </a:cubicBezTo>
                <a:cubicBezTo>
                  <a:pt x="38" y="136"/>
                  <a:pt x="36" y="138"/>
                  <a:pt x="36" y="140"/>
                </a:cubicBezTo>
                <a:cubicBezTo>
                  <a:pt x="36" y="200"/>
                  <a:pt x="36" y="200"/>
                  <a:pt x="36" y="200"/>
                </a:cubicBezTo>
                <a:cubicBezTo>
                  <a:pt x="24" y="200"/>
                  <a:pt x="24" y="200"/>
                  <a:pt x="24" y="200"/>
                </a:cubicBezTo>
                <a:cubicBezTo>
                  <a:pt x="24" y="100"/>
                  <a:pt x="24" y="100"/>
                  <a:pt x="24" y="100"/>
                </a:cubicBezTo>
                <a:cubicBezTo>
                  <a:pt x="24" y="98"/>
                  <a:pt x="22" y="96"/>
                  <a:pt x="20" y="96"/>
                </a:cubicBezTo>
                <a:cubicBezTo>
                  <a:pt x="18" y="96"/>
                  <a:pt x="16" y="98"/>
                  <a:pt x="16" y="100"/>
                </a:cubicBezTo>
                <a:cubicBezTo>
                  <a:pt x="16" y="143"/>
                  <a:pt x="16" y="143"/>
                  <a:pt x="16" y="143"/>
                </a:cubicBezTo>
                <a:cubicBezTo>
                  <a:pt x="11" y="142"/>
                  <a:pt x="8" y="137"/>
                  <a:pt x="8" y="132"/>
                </a:cubicBezTo>
                <a:cubicBezTo>
                  <a:pt x="8" y="92"/>
                  <a:pt x="8" y="92"/>
                  <a:pt x="8" y="92"/>
                </a:cubicBezTo>
                <a:cubicBezTo>
                  <a:pt x="8" y="88"/>
                  <a:pt x="11" y="84"/>
                  <a:pt x="15" y="82"/>
                </a:cubicBezTo>
                <a:cubicBezTo>
                  <a:pt x="23" y="80"/>
                  <a:pt x="23" y="80"/>
                  <a:pt x="23" y="80"/>
                </a:cubicBezTo>
                <a:cubicBezTo>
                  <a:pt x="37" y="95"/>
                  <a:pt x="37" y="95"/>
                  <a:pt x="37" y="95"/>
                </a:cubicBezTo>
                <a:cubicBezTo>
                  <a:pt x="38" y="96"/>
                  <a:pt x="39" y="96"/>
                  <a:pt x="40" y="96"/>
                </a:cubicBezTo>
                <a:cubicBezTo>
                  <a:pt x="41" y="96"/>
                  <a:pt x="42" y="96"/>
                  <a:pt x="43" y="95"/>
                </a:cubicBezTo>
                <a:cubicBezTo>
                  <a:pt x="57" y="80"/>
                  <a:pt x="57" y="80"/>
                  <a:pt x="57" y="80"/>
                </a:cubicBezTo>
                <a:cubicBezTo>
                  <a:pt x="65" y="82"/>
                  <a:pt x="65" y="82"/>
                  <a:pt x="65" y="82"/>
                </a:cubicBezTo>
                <a:cubicBezTo>
                  <a:pt x="69" y="84"/>
                  <a:pt x="72" y="88"/>
                  <a:pt x="72" y="92"/>
                </a:cubicBezTo>
                <a:lnTo>
                  <a:pt x="72" y="132"/>
                </a:lnTo>
                <a:close/>
                <a:moveTo>
                  <a:pt x="144" y="132"/>
                </a:moveTo>
                <a:cubicBezTo>
                  <a:pt x="144" y="137"/>
                  <a:pt x="141" y="142"/>
                  <a:pt x="136" y="143"/>
                </a:cubicBezTo>
                <a:cubicBezTo>
                  <a:pt x="136" y="100"/>
                  <a:pt x="136" y="100"/>
                  <a:pt x="136" y="100"/>
                </a:cubicBezTo>
                <a:cubicBezTo>
                  <a:pt x="136" y="98"/>
                  <a:pt x="134" y="96"/>
                  <a:pt x="132" y="96"/>
                </a:cubicBezTo>
                <a:cubicBezTo>
                  <a:pt x="130" y="96"/>
                  <a:pt x="128" y="98"/>
                  <a:pt x="128" y="100"/>
                </a:cubicBezTo>
                <a:cubicBezTo>
                  <a:pt x="128" y="200"/>
                  <a:pt x="128" y="200"/>
                  <a:pt x="128" y="200"/>
                </a:cubicBezTo>
                <a:cubicBezTo>
                  <a:pt x="116" y="200"/>
                  <a:pt x="116" y="200"/>
                  <a:pt x="116" y="200"/>
                </a:cubicBezTo>
                <a:cubicBezTo>
                  <a:pt x="116" y="140"/>
                  <a:pt x="116" y="140"/>
                  <a:pt x="116" y="140"/>
                </a:cubicBezTo>
                <a:cubicBezTo>
                  <a:pt x="116" y="138"/>
                  <a:pt x="114" y="136"/>
                  <a:pt x="112" y="136"/>
                </a:cubicBezTo>
                <a:cubicBezTo>
                  <a:pt x="110" y="136"/>
                  <a:pt x="108" y="138"/>
                  <a:pt x="108" y="140"/>
                </a:cubicBezTo>
                <a:cubicBezTo>
                  <a:pt x="108" y="200"/>
                  <a:pt x="108" y="200"/>
                  <a:pt x="108" y="200"/>
                </a:cubicBezTo>
                <a:cubicBezTo>
                  <a:pt x="96" y="200"/>
                  <a:pt x="96" y="200"/>
                  <a:pt x="96" y="200"/>
                </a:cubicBezTo>
                <a:cubicBezTo>
                  <a:pt x="96" y="100"/>
                  <a:pt x="96" y="100"/>
                  <a:pt x="96" y="100"/>
                </a:cubicBezTo>
                <a:cubicBezTo>
                  <a:pt x="96" y="98"/>
                  <a:pt x="94" y="96"/>
                  <a:pt x="92" y="96"/>
                </a:cubicBezTo>
                <a:cubicBezTo>
                  <a:pt x="90" y="96"/>
                  <a:pt x="88" y="98"/>
                  <a:pt x="88" y="100"/>
                </a:cubicBezTo>
                <a:cubicBezTo>
                  <a:pt x="88" y="143"/>
                  <a:pt x="88" y="143"/>
                  <a:pt x="88" y="143"/>
                </a:cubicBezTo>
                <a:cubicBezTo>
                  <a:pt x="83" y="142"/>
                  <a:pt x="80" y="137"/>
                  <a:pt x="80" y="132"/>
                </a:cubicBezTo>
                <a:cubicBezTo>
                  <a:pt x="80" y="92"/>
                  <a:pt x="80" y="92"/>
                  <a:pt x="80" y="92"/>
                </a:cubicBezTo>
                <a:cubicBezTo>
                  <a:pt x="80" y="88"/>
                  <a:pt x="83" y="84"/>
                  <a:pt x="87" y="82"/>
                </a:cubicBezTo>
                <a:cubicBezTo>
                  <a:pt x="95" y="80"/>
                  <a:pt x="95" y="80"/>
                  <a:pt x="95" y="80"/>
                </a:cubicBezTo>
                <a:cubicBezTo>
                  <a:pt x="109" y="95"/>
                  <a:pt x="109" y="95"/>
                  <a:pt x="109" y="95"/>
                </a:cubicBezTo>
                <a:cubicBezTo>
                  <a:pt x="110" y="96"/>
                  <a:pt x="111" y="96"/>
                  <a:pt x="112" y="96"/>
                </a:cubicBezTo>
                <a:cubicBezTo>
                  <a:pt x="113" y="96"/>
                  <a:pt x="114" y="96"/>
                  <a:pt x="115" y="95"/>
                </a:cubicBezTo>
                <a:cubicBezTo>
                  <a:pt x="129" y="80"/>
                  <a:pt x="129" y="80"/>
                  <a:pt x="129" y="80"/>
                </a:cubicBezTo>
                <a:cubicBezTo>
                  <a:pt x="137" y="82"/>
                  <a:pt x="137" y="82"/>
                  <a:pt x="137" y="82"/>
                </a:cubicBezTo>
                <a:cubicBezTo>
                  <a:pt x="141" y="84"/>
                  <a:pt x="144" y="88"/>
                  <a:pt x="144" y="92"/>
                </a:cubicBezTo>
                <a:lnTo>
                  <a:pt x="144" y="132"/>
                </a:lnTo>
                <a:close/>
                <a:moveTo>
                  <a:pt x="208" y="143"/>
                </a:moveTo>
                <a:cubicBezTo>
                  <a:pt x="208" y="100"/>
                  <a:pt x="208" y="100"/>
                  <a:pt x="208" y="100"/>
                </a:cubicBezTo>
                <a:cubicBezTo>
                  <a:pt x="208" y="98"/>
                  <a:pt x="206" y="96"/>
                  <a:pt x="204" y="96"/>
                </a:cubicBezTo>
                <a:cubicBezTo>
                  <a:pt x="202" y="96"/>
                  <a:pt x="200" y="98"/>
                  <a:pt x="200" y="100"/>
                </a:cubicBezTo>
                <a:cubicBezTo>
                  <a:pt x="200" y="200"/>
                  <a:pt x="200" y="200"/>
                  <a:pt x="200" y="200"/>
                </a:cubicBezTo>
                <a:cubicBezTo>
                  <a:pt x="188" y="200"/>
                  <a:pt x="188" y="200"/>
                  <a:pt x="188" y="200"/>
                </a:cubicBezTo>
                <a:cubicBezTo>
                  <a:pt x="188" y="140"/>
                  <a:pt x="188" y="140"/>
                  <a:pt x="188" y="140"/>
                </a:cubicBezTo>
                <a:cubicBezTo>
                  <a:pt x="188" y="138"/>
                  <a:pt x="186" y="136"/>
                  <a:pt x="184" y="136"/>
                </a:cubicBezTo>
                <a:cubicBezTo>
                  <a:pt x="182" y="136"/>
                  <a:pt x="180" y="138"/>
                  <a:pt x="180" y="140"/>
                </a:cubicBezTo>
                <a:cubicBezTo>
                  <a:pt x="180" y="200"/>
                  <a:pt x="180" y="200"/>
                  <a:pt x="180" y="200"/>
                </a:cubicBezTo>
                <a:cubicBezTo>
                  <a:pt x="168" y="200"/>
                  <a:pt x="168" y="200"/>
                  <a:pt x="168" y="200"/>
                </a:cubicBezTo>
                <a:cubicBezTo>
                  <a:pt x="168" y="100"/>
                  <a:pt x="168" y="100"/>
                  <a:pt x="168" y="100"/>
                </a:cubicBezTo>
                <a:cubicBezTo>
                  <a:pt x="168" y="98"/>
                  <a:pt x="166" y="96"/>
                  <a:pt x="164" y="96"/>
                </a:cubicBezTo>
                <a:cubicBezTo>
                  <a:pt x="162" y="96"/>
                  <a:pt x="160" y="98"/>
                  <a:pt x="160" y="100"/>
                </a:cubicBezTo>
                <a:cubicBezTo>
                  <a:pt x="160" y="143"/>
                  <a:pt x="160" y="143"/>
                  <a:pt x="160" y="143"/>
                </a:cubicBezTo>
                <a:cubicBezTo>
                  <a:pt x="155" y="142"/>
                  <a:pt x="152" y="137"/>
                  <a:pt x="152" y="132"/>
                </a:cubicBezTo>
                <a:cubicBezTo>
                  <a:pt x="152" y="92"/>
                  <a:pt x="152" y="92"/>
                  <a:pt x="152" y="92"/>
                </a:cubicBezTo>
                <a:cubicBezTo>
                  <a:pt x="152" y="88"/>
                  <a:pt x="155" y="84"/>
                  <a:pt x="159" y="82"/>
                </a:cubicBezTo>
                <a:cubicBezTo>
                  <a:pt x="167" y="80"/>
                  <a:pt x="167" y="80"/>
                  <a:pt x="167" y="80"/>
                </a:cubicBezTo>
                <a:cubicBezTo>
                  <a:pt x="181" y="95"/>
                  <a:pt x="181" y="95"/>
                  <a:pt x="181" y="95"/>
                </a:cubicBezTo>
                <a:cubicBezTo>
                  <a:pt x="182" y="96"/>
                  <a:pt x="183" y="96"/>
                  <a:pt x="184" y="96"/>
                </a:cubicBezTo>
                <a:cubicBezTo>
                  <a:pt x="185" y="96"/>
                  <a:pt x="186" y="96"/>
                  <a:pt x="187" y="95"/>
                </a:cubicBezTo>
                <a:cubicBezTo>
                  <a:pt x="201" y="80"/>
                  <a:pt x="201" y="80"/>
                  <a:pt x="201" y="80"/>
                </a:cubicBezTo>
                <a:cubicBezTo>
                  <a:pt x="209" y="82"/>
                  <a:pt x="209" y="82"/>
                  <a:pt x="209" y="82"/>
                </a:cubicBezTo>
                <a:cubicBezTo>
                  <a:pt x="213" y="84"/>
                  <a:pt x="216" y="88"/>
                  <a:pt x="216" y="92"/>
                </a:cubicBezTo>
                <a:cubicBezTo>
                  <a:pt x="216" y="132"/>
                  <a:pt x="216" y="132"/>
                  <a:pt x="216" y="132"/>
                </a:cubicBezTo>
                <a:cubicBezTo>
                  <a:pt x="216" y="137"/>
                  <a:pt x="213" y="142"/>
                  <a:pt x="208" y="143"/>
                </a:cubicBezTo>
                <a:close/>
                <a:moveTo>
                  <a:pt x="184" y="72"/>
                </a:moveTo>
                <a:cubicBezTo>
                  <a:pt x="195" y="72"/>
                  <a:pt x="204" y="63"/>
                  <a:pt x="204" y="52"/>
                </a:cubicBezTo>
                <a:cubicBezTo>
                  <a:pt x="204" y="41"/>
                  <a:pt x="195" y="32"/>
                  <a:pt x="184" y="32"/>
                </a:cubicBezTo>
                <a:cubicBezTo>
                  <a:pt x="173" y="32"/>
                  <a:pt x="164" y="41"/>
                  <a:pt x="164" y="52"/>
                </a:cubicBezTo>
                <a:cubicBezTo>
                  <a:pt x="164" y="63"/>
                  <a:pt x="173" y="72"/>
                  <a:pt x="184" y="72"/>
                </a:cubicBezTo>
                <a:close/>
                <a:moveTo>
                  <a:pt x="184" y="40"/>
                </a:moveTo>
                <a:cubicBezTo>
                  <a:pt x="191" y="40"/>
                  <a:pt x="196" y="45"/>
                  <a:pt x="196" y="52"/>
                </a:cubicBezTo>
                <a:cubicBezTo>
                  <a:pt x="196" y="59"/>
                  <a:pt x="191" y="64"/>
                  <a:pt x="184" y="64"/>
                </a:cubicBezTo>
                <a:cubicBezTo>
                  <a:pt x="177" y="64"/>
                  <a:pt x="172" y="59"/>
                  <a:pt x="172" y="52"/>
                </a:cubicBezTo>
                <a:cubicBezTo>
                  <a:pt x="172" y="45"/>
                  <a:pt x="177" y="40"/>
                  <a:pt x="184" y="40"/>
                </a:cubicBezTo>
                <a:close/>
              </a:path>
            </a:pathLst>
          </a:custGeom>
          <a:solidFill>
            <a:srgbClr val="EE2F66"/>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53" name="TextBox 52">
            <a:extLst>
              <a:ext uri="{FF2B5EF4-FFF2-40B4-BE49-F238E27FC236}">
                <a16:creationId xmlns:a16="http://schemas.microsoft.com/office/drawing/2014/main" id="{5CB32779-6C0C-5133-E056-6266A38BA7A1}"/>
              </a:ext>
            </a:extLst>
          </p:cNvPr>
          <p:cNvSpPr txBox="1"/>
          <p:nvPr/>
        </p:nvSpPr>
        <p:spPr>
          <a:xfrm>
            <a:off x="9857248" y="3348596"/>
            <a:ext cx="1436160"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a:ln>
                  <a:noFill/>
                </a:ln>
                <a:solidFill>
                  <a:srgbClr val="000000"/>
                </a:solidFill>
                <a:effectLst/>
                <a:uLnTx/>
                <a:uFillTx/>
                <a:latin typeface="Arial" panose="020B0604020202020204" pitchFamily="34" charset="0"/>
                <a:ea typeface="+mn-ea"/>
                <a:cs typeface="+mn-cs"/>
              </a:rPr>
              <a:t>Bedre positionering som ”fast follower” på EU-tiltag.</a:t>
            </a:r>
          </a:p>
        </p:txBody>
      </p:sp>
      <p:sp>
        <p:nvSpPr>
          <p:cNvPr id="5" name="TextBox 4">
            <a:extLst>
              <a:ext uri="{FF2B5EF4-FFF2-40B4-BE49-F238E27FC236}">
                <a16:creationId xmlns:a16="http://schemas.microsoft.com/office/drawing/2014/main" id="{549316AB-43A0-5621-341E-CFF5893D3332}"/>
              </a:ext>
            </a:extLst>
          </p:cNvPr>
          <p:cNvSpPr txBox="1"/>
          <p:nvPr/>
        </p:nvSpPr>
        <p:spPr>
          <a:xfrm>
            <a:off x="7135196" y="4384984"/>
            <a:ext cx="4080640" cy="246221"/>
          </a:xfrm>
          <a:prstGeom prst="rect">
            <a:avLst/>
          </a:prstGeom>
          <a:noFill/>
        </p:spPr>
        <p:txBody>
          <a:bodyPr wrap="square">
            <a:spAutoFit/>
          </a:bodyPr>
          <a:lstStyle/>
          <a:p>
            <a:r>
              <a:rPr lang="da-DK" sz="1000" b="1" noProof="0"/>
              <a:t>Forudsætninger for effektiv implementering</a:t>
            </a:r>
            <a:endParaRPr lang="da-DK" sz="1000" noProof="0"/>
          </a:p>
        </p:txBody>
      </p:sp>
      <p:grpSp>
        <p:nvGrpSpPr>
          <p:cNvPr id="55" name="Group 54">
            <a:extLst>
              <a:ext uri="{FF2B5EF4-FFF2-40B4-BE49-F238E27FC236}">
                <a16:creationId xmlns:a16="http://schemas.microsoft.com/office/drawing/2014/main" id="{D32F63CE-DE3E-99E0-B53B-0907826CE488}"/>
              </a:ext>
              <a:ext uri="{C183D7F6-B498-43B3-948B-1728B52AA6E4}">
                <adec:decorative xmlns:adec="http://schemas.microsoft.com/office/drawing/2017/decorative" val="1"/>
              </a:ext>
            </a:extLst>
          </p:cNvPr>
          <p:cNvGrpSpPr/>
          <p:nvPr/>
        </p:nvGrpSpPr>
        <p:grpSpPr>
          <a:xfrm>
            <a:off x="9565600" y="3348596"/>
            <a:ext cx="218250" cy="210236"/>
            <a:chOff x="9564973" y="2233094"/>
            <a:chExt cx="218250" cy="210236"/>
          </a:xfrm>
        </p:grpSpPr>
        <p:sp>
          <p:nvSpPr>
            <p:cNvPr id="56" name="Oval 55">
              <a:extLst>
                <a:ext uri="{FF2B5EF4-FFF2-40B4-BE49-F238E27FC236}">
                  <a16:creationId xmlns:a16="http://schemas.microsoft.com/office/drawing/2014/main" id="{B69B93A5-8771-FB43-5988-2E547B0AA936}"/>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7" name="Freeform 24">
              <a:extLst>
                <a:ext uri="{FF2B5EF4-FFF2-40B4-BE49-F238E27FC236}">
                  <a16:creationId xmlns:a16="http://schemas.microsoft.com/office/drawing/2014/main" id="{BD977EFD-C725-61C8-41C9-B381C45E707A}"/>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102" name="Left Brace 101">
            <a:extLst>
              <a:ext uri="{FF2B5EF4-FFF2-40B4-BE49-F238E27FC236}">
                <a16:creationId xmlns:a16="http://schemas.microsoft.com/office/drawing/2014/main" id="{9943725F-7E60-FF72-F455-E34916A3980D}"/>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104" name="Rounded Rectangle 127">
            <a:extLst>
              <a:ext uri="{FF2B5EF4-FFF2-40B4-BE49-F238E27FC236}">
                <a16:creationId xmlns:a16="http://schemas.microsoft.com/office/drawing/2014/main" id="{80C4385E-011A-DB59-0F89-AB05AC21182E}"/>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r>
              <a:rPr lang="da-DK" sz="1000" noProof="0" dirty="0">
                <a:solidFill>
                  <a:schemeClr val="tx1"/>
                </a:solidFill>
                <a:latin typeface="Arial" panose="020B0604020202020204" pitchFamily="34" charset="0"/>
              </a:rPr>
              <a:t>National handleplan og principper for digital suverænitet, som kan rammesætte arbejdet.</a:t>
            </a:r>
          </a:p>
        </p:txBody>
      </p:sp>
      <p:grpSp>
        <p:nvGrpSpPr>
          <p:cNvPr id="105" name="Group 104">
            <a:extLst>
              <a:ext uri="{FF2B5EF4-FFF2-40B4-BE49-F238E27FC236}">
                <a16:creationId xmlns:a16="http://schemas.microsoft.com/office/drawing/2014/main" id="{F2CB980B-7842-2AA5-58E4-30938ABA31A0}"/>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106" name="Oval 105">
              <a:extLst>
                <a:ext uri="{FF2B5EF4-FFF2-40B4-BE49-F238E27FC236}">
                  <a16:creationId xmlns:a16="http://schemas.microsoft.com/office/drawing/2014/main" id="{D9C3E12A-6589-BC0A-0E77-79BA623E2425}"/>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107" name="Oval 106">
              <a:extLst>
                <a:ext uri="{FF2B5EF4-FFF2-40B4-BE49-F238E27FC236}">
                  <a16:creationId xmlns:a16="http://schemas.microsoft.com/office/drawing/2014/main" id="{E9C5D49B-C168-27BB-24F2-D9D5EAED4961}"/>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dirty="0">
                <a:solidFill>
                  <a:schemeClr val="tx1"/>
                </a:solidFill>
              </a:endParaRPr>
            </a:p>
          </p:txBody>
        </p:sp>
      </p:grpSp>
      <p:sp>
        <p:nvSpPr>
          <p:cNvPr id="109" name="Rounded Rectangle 127">
            <a:extLst>
              <a:ext uri="{FF2B5EF4-FFF2-40B4-BE49-F238E27FC236}">
                <a16:creationId xmlns:a16="http://schemas.microsoft.com/office/drawing/2014/main" id="{C7B63CD5-09E1-9F8D-FC7F-EDC5ABFF8B97}"/>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dirty="0">
                <a:solidFill>
                  <a:schemeClr val="tx1"/>
                </a:solidFill>
                <a:latin typeface="Arial" panose="020B0604020202020204" pitchFamily="34" charset="0"/>
              </a:rPr>
              <a:t>Behov for medfinansiering for at indgå i konkrete EU-initiativer.</a:t>
            </a:r>
          </a:p>
        </p:txBody>
      </p:sp>
      <p:grpSp>
        <p:nvGrpSpPr>
          <p:cNvPr id="110" name="Group 109">
            <a:extLst>
              <a:ext uri="{FF2B5EF4-FFF2-40B4-BE49-F238E27FC236}">
                <a16:creationId xmlns:a16="http://schemas.microsoft.com/office/drawing/2014/main" id="{357E2D4B-5819-D39E-6503-6C8E73640B0F}"/>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111" name="Oval 110">
              <a:extLst>
                <a:ext uri="{FF2B5EF4-FFF2-40B4-BE49-F238E27FC236}">
                  <a16:creationId xmlns:a16="http://schemas.microsoft.com/office/drawing/2014/main" id="{B9F5C06E-47C8-604E-BAD0-AA49AD1A3831}"/>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112" name="Oval 111">
              <a:extLst>
                <a:ext uri="{FF2B5EF4-FFF2-40B4-BE49-F238E27FC236}">
                  <a16:creationId xmlns:a16="http://schemas.microsoft.com/office/drawing/2014/main" id="{332FEB06-6519-45C0-06CA-B221084C6389}"/>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dirty="0">
                <a:solidFill>
                  <a:schemeClr val="tx1"/>
                </a:solidFill>
              </a:endParaRPr>
            </a:p>
          </p:txBody>
        </p:sp>
      </p:grpSp>
      <p:sp>
        <p:nvSpPr>
          <p:cNvPr id="114" name="Rounded Rectangle 127">
            <a:extLst>
              <a:ext uri="{FF2B5EF4-FFF2-40B4-BE49-F238E27FC236}">
                <a16:creationId xmlns:a16="http://schemas.microsoft.com/office/drawing/2014/main" id="{729C6CAF-CFCD-4A3E-23F7-6DE73650BAB2}"/>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Organisatorisk enhed, som faciliterer, udvikler og koordinerer samarbejder på strategisk niveau.</a:t>
            </a:r>
          </a:p>
        </p:txBody>
      </p:sp>
      <p:grpSp>
        <p:nvGrpSpPr>
          <p:cNvPr id="115" name="Group 114">
            <a:extLst>
              <a:ext uri="{FF2B5EF4-FFF2-40B4-BE49-F238E27FC236}">
                <a16:creationId xmlns:a16="http://schemas.microsoft.com/office/drawing/2014/main" id="{27574B1A-9CC4-97CA-818B-02ED1A04AB92}"/>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116" name="Oval 115">
              <a:extLst>
                <a:ext uri="{FF2B5EF4-FFF2-40B4-BE49-F238E27FC236}">
                  <a16:creationId xmlns:a16="http://schemas.microsoft.com/office/drawing/2014/main" id="{67EF7BE3-2180-4C5D-0CF3-136D13B8398B}"/>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17" name="Oval 116">
              <a:extLst>
                <a:ext uri="{FF2B5EF4-FFF2-40B4-BE49-F238E27FC236}">
                  <a16:creationId xmlns:a16="http://schemas.microsoft.com/office/drawing/2014/main" id="{7C867258-9D73-A0F9-F1C4-CF175B649713}"/>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Tree>
    <p:extLst>
      <p:ext uri="{BB962C8B-B14F-4D97-AF65-F5344CB8AC3E}">
        <p14:creationId xmlns:p14="http://schemas.microsoft.com/office/powerpoint/2010/main" val="1144328336"/>
      </p:ext>
    </p:extLst>
  </p:cSld>
  <p:clrMapOvr>
    <a:masterClrMapping/>
  </p:clrMapOvr>
  <p:transition>
    <p:fade/>
  </p:transition>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894D02D-43A9-5BF2-50C2-E8EB06C372A3}"/>
            </a:ext>
          </a:extLst>
        </p:cNvPr>
        <p:cNvGrpSpPr/>
        <p:nvPr/>
      </p:nvGrpSpPr>
      <p:grpSpPr>
        <a:xfrm>
          <a:off x="0" y="0"/>
          <a:ext cx="0" cy="0"/>
          <a:chOff x="0" y="0"/>
          <a:chExt cx="0" cy="0"/>
        </a:xfrm>
      </p:grpSpPr>
      <p:sp>
        <p:nvSpPr>
          <p:cNvPr id="66" name="Rectangle: Rounded Corners 65">
            <a:extLst>
              <a:ext uri="{FF2B5EF4-FFF2-40B4-BE49-F238E27FC236}">
                <a16:creationId xmlns:a16="http://schemas.microsoft.com/office/drawing/2014/main" id="{D67C354B-6BDD-E269-9AD4-1B37FA184B3C}"/>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defRPr/>
            </a:pPr>
            <a:r>
              <a:rPr lang="da-DK" sz="1600" b="1" noProof="0" dirty="0">
                <a:solidFill>
                  <a:srgbClr val="EE2F66"/>
                </a:solidFill>
              </a:rPr>
              <a:t>Spor 3 | Organisation, finansiering og kompetencer</a:t>
            </a:r>
          </a:p>
        </p:txBody>
      </p:sp>
      <p:sp>
        <p:nvSpPr>
          <p:cNvPr id="8" name="Title 2">
            <a:extLst>
              <a:ext uri="{FF2B5EF4-FFF2-40B4-BE49-F238E27FC236}">
                <a16:creationId xmlns:a16="http://schemas.microsoft.com/office/drawing/2014/main" id="{8A110CBB-9E67-2719-DA25-D3BF72D9E460}"/>
              </a:ext>
            </a:extLst>
          </p:cNvPr>
          <p:cNvSpPr>
            <a:spLocks noGrp="1"/>
          </p:cNvSpPr>
          <p:nvPr>
            <p:ph type="title"/>
          </p:nvPr>
        </p:nvSpPr>
        <p:spPr>
          <a:xfrm>
            <a:off x="554355" y="512763"/>
            <a:ext cx="11088000" cy="792465"/>
          </a:xfrm>
        </p:spPr>
        <p:txBody>
          <a:bodyPr/>
          <a:lstStyle/>
          <a:p>
            <a:r>
              <a:rPr lang="da-DK" sz="2200" b="1" noProof="0" dirty="0">
                <a:solidFill>
                  <a:srgbClr val="EE2F66"/>
                </a:solidFill>
              </a:rPr>
              <a:t>3.2 Stærkere vidensgrundlag om digitalt suveræne løsninger</a:t>
            </a:r>
          </a:p>
        </p:txBody>
      </p:sp>
      <p:sp>
        <p:nvSpPr>
          <p:cNvPr id="22" name="Rectangle: Rounded Corners 21">
            <a:extLst>
              <a:ext uri="{FF2B5EF4-FFF2-40B4-BE49-F238E27FC236}">
                <a16:creationId xmlns:a16="http://schemas.microsoft.com/office/drawing/2014/main" id="{2FD8BCCE-5FEA-49BD-1585-80CD6166F7A3}"/>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F3D3DC"/>
          </a:solidFill>
          <a:ln w="12700" cap="flat" cmpd="sng" algn="ctr">
            <a:solidFill>
              <a:srgbClr val="EE2F6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18994BE0-9AD7-839F-9503-DFB9F3E7E0F2}"/>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4F0B4642-3AE6-6412-B5C0-780A9638ADA1}"/>
              </a:ext>
            </a:extLst>
          </p:cNvPr>
          <p:cNvSpPr/>
          <p:nvPr/>
        </p:nvSpPr>
        <p:spPr>
          <a:xfrm>
            <a:off x="566629" y="1764045"/>
            <a:ext cx="6077214" cy="2353183"/>
          </a:xfrm>
          <a:prstGeom prst="roundRect">
            <a:avLst>
              <a:gd name="adj" fmla="val 6523"/>
            </a:avLst>
          </a:prstGeom>
          <a:no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b="1" noProof="0" dirty="0">
              <a:solidFill>
                <a:srgbClr val="2C8027"/>
              </a:solidFill>
            </a:endParaRPr>
          </a:p>
          <a:p>
            <a:r>
              <a:rPr lang="da-DK" sz="1000" b="1" noProof="0" dirty="0">
                <a:solidFill>
                  <a:srgbClr val="00172D"/>
                </a:solidFill>
              </a:rPr>
              <a:t>Formål: </a:t>
            </a:r>
            <a:r>
              <a:rPr lang="da-DK" sz="1000" noProof="0" dirty="0">
                <a:solidFill>
                  <a:srgbClr val="00172D"/>
                </a:solidFill>
              </a:rPr>
              <a:t>At skabe mere viden om muligheder mhp. at øge myndighedernes digitale suverænitet, herunder konkrete virkemidler og deres fordele og barrierer.</a:t>
            </a:r>
          </a:p>
          <a:p>
            <a:pPr>
              <a:spcBef>
                <a:spcPts val="300"/>
              </a:spcBef>
            </a:pPr>
            <a:r>
              <a:rPr lang="da-DK" sz="1000" b="1" noProof="0" dirty="0">
                <a:solidFill>
                  <a:srgbClr val="00172D"/>
                </a:solidFill>
              </a:rPr>
              <a:t>Indhold: </a:t>
            </a:r>
            <a:r>
              <a:rPr lang="da-DK" sz="1000" noProof="0" dirty="0">
                <a:solidFill>
                  <a:srgbClr val="00172D"/>
                </a:solidFill>
              </a:rPr>
              <a:t>Via tilgængelig viden og allerede etablerede netværksfora og strategiske enheder hos de fællesoffentlige parter etableres ”</a:t>
            </a:r>
            <a:r>
              <a:rPr lang="da-DK" sz="1000" noProof="0" dirty="0" err="1">
                <a:solidFill>
                  <a:srgbClr val="00172D"/>
                </a:solidFill>
              </a:rPr>
              <a:t>videnspakker</a:t>
            </a:r>
            <a:r>
              <a:rPr lang="da-DK" sz="1000" noProof="0" dirty="0">
                <a:solidFill>
                  <a:srgbClr val="00172D"/>
                </a:solidFill>
              </a:rPr>
              <a:t>” og understøttende netværksaktiviteter for at sprede viden og erfaringer. </a:t>
            </a:r>
          </a:p>
          <a:p>
            <a:pPr>
              <a:spcBef>
                <a:spcPts val="300"/>
              </a:spcBef>
            </a:pPr>
            <a:r>
              <a:rPr lang="da-DK" sz="1000" noProof="0" dirty="0">
                <a:solidFill>
                  <a:srgbClr val="00172D"/>
                </a:solidFill>
              </a:rPr>
              <a:t>Indsatsen kan til at begynde med tage afsæt i indeværende analyse inkl. de konkrete cases, som viser forskellige virkemidler til øget digital suverænitet. </a:t>
            </a:r>
            <a:br>
              <a:rPr lang="da-DK" sz="1000" noProof="0" dirty="0">
                <a:solidFill>
                  <a:srgbClr val="00172D"/>
                </a:solidFill>
              </a:rPr>
            </a:br>
            <a:r>
              <a:rPr lang="da-DK" sz="1000" noProof="0" dirty="0">
                <a:solidFill>
                  <a:srgbClr val="00172D"/>
                </a:solidFill>
              </a:rPr>
              <a:t>Parterne bør overveje, hvordan der kan sigtes imod en bredere målgruppe end digitaliseringsansvarlige mhp. at opnå en mere strategisk forankring af agendaen – fx beslutningstagere, leverandører etc. </a:t>
            </a:r>
          </a:p>
          <a:p>
            <a:pPr>
              <a:spcBef>
                <a:spcPts val="300"/>
              </a:spcBef>
            </a:pPr>
            <a:r>
              <a:rPr lang="da-DK" sz="1000" b="1" noProof="0" dirty="0">
                <a:solidFill>
                  <a:schemeClr val="tx1"/>
                </a:solidFill>
              </a:rPr>
              <a:t>Erfaringsgrundlag</a:t>
            </a:r>
            <a:r>
              <a:rPr lang="da-DK" sz="1000" b="1" noProof="0" dirty="0">
                <a:solidFill>
                  <a:srgbClr val="00172D"/>
                </a:solidFill>
              </a:rPr>
              <a:t>:</a:t>
            </a:r>
            <a:r>
              <a:rPr lang="da-DK" sz="1000" noProof="0" dirty="0">
                <a:solidFill>
                  <a:srgbClr val="00172D"/>
                </a:solidFill>
              </a:rPr>
              <a:t> Digital Commons EDIC, ESTIA – European Sovereign Tech Industry Alliance, </a:t>
            </a:r>
            <a:r>
              <a:rPr lang="da-DK" sz="1000" noProof="0" dirty="0" err="1">
                <a:solidFill>
                  <a:srgbClr val="00172D"/>
                </a:solidFill>
              </a:rPr>
              <a:t>Eurostack</a:t>
            </a:r>
            <a:r>
              <a:rPr lang="da-DK" sz="1000" noProof="0" dirty="0">
                <a:solidFill>
                  <a:srgbClr val="00172D"/>
                </a:solidFill>
              </a:rPr>
              <a:t>, Gaia-X, KU, OS2, RISE, </a:t>
            </a:r>
            <a:r>
              <a:rPr lang="da-DK" sz="1000" noProof="0" dirty="0" err="1">
                <a:solidFill>
                  <a:srgbClr val="00172D"/>
                </a:solidFill>
              </a:rPr>
              <a:t>ZenDis</a:t>
            </a:r>
            <a:r>
              <a:rPr lang="da-DK" sz="1000" noProof="0" dirty="0">
                <a:solidFill>
                  <a:srgbClr val="00172D"/>
                </a:solidFill>
              </a:rPr>
              <a:t>.</a:t>
            </a:r>
          </a:p>
        </p:txBody>
      </p:sp>
      <p:sp>
        <p:nvSpPr>
          <p:cNvPr id="45" name="Rounded Rectangle 127">
            <a:extLst>
              <a:ext uri="{FF2B5EF4-FFF2-40B4-BE49-F238E27FC236}">
                <a16:creationId xmlns:a16="http://schemas.microsoft.com/office/drawing/2014/main" id="{736BC7AF-647D-BCE0-037A-DC5C084D91EC}"/>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F3D3DC"/>
          </a:solid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BF0038"/>
                </a:solidFill>
              </a:rPr>
              <a:t>Formål og indhold</a:t>
            </a:r>
          </a:p>
        </p:txBody>
      </p:sp>
      <p:sp>
        <p:nvSpPr>
          <p:cNvPr id="65" name="Rounded Rectangle 127">
            <a:extLst>
              <a:ext uri="{FF2B5EF4-FFF2-40B4-BE49-F238E27FC236}">
                <a16:creationId xmlns:a16="http://schemas.microsoft.com/office/drawing/2014/main" id="{DE0FC106-3E41-E9A1-3C84-90353446D209}"/>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B3261C2F-48B4-B33A-B927-8DA53C196E94}"/>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F3D3DC"/>
          </a:solid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BF0038"/>
                </a:solidFill>
              </a:rPr>
              <a:t>Vurdering</a:t>
            </a:r>
          </a:p>
        </p:txBody>
      </p:sp>
      <p:sp>
        <p:nvSpPr>
          <p:cNvPr id="64" name="Rectangle: Top Corners Rounded 63">
            <a:extLst>
              <a:ext uri="{FF2B5EF4-FFF2-40B4-BE49-F238E27FC236}">
                <a16:creationId xmlns:a16="http://schemas.microsoft.com/office/drawing/2014/main" id="{2AAA8866-46A9-09C4-A8C2-ABD72323D46A}"/>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F3D3D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03" name="TextBox 102">
            <a:extLst>
              <a:ext uri="{FF2B5EF4-FFF2-40B4-BE49-F238E27FC236}">
                <a16:creationId xmlns:a16="http://schemas.microsoft.com/office/drawing/2014/main" id="{C2C5595D-97B9-8893-6788-A4E0F4C0479F}"/>
              </a:ext>
            </a:extLst>
          </p:cNvPr>
          <p:cNvSpPr txBox="1"/>
          <p:nvPr/>
        </p:nvSpPr>
        <p:spPr>
          <a:xfrm>
            <a:off x="612348" y="5253913"/>
            <a:ext cx="3721145" cy="1246495"/>
          </a:xfrm>
          <a:prstGeom prst="rect">
            <a:avLst/>
          </a:prstGeom>
          <a:noFill/>
        </p:spPr>
        <p:txBody>
          <a:bodyPr wrap="square">
            <a:spAutoFit/>
          </a:bodyPr>
          <a:lstStyle/>
          <a:p>
            <a:r>
              <a:rPr lang="da-DK" sz="1000" b="1" noProof="0" dirty="0">
                <a:solidFill>
                  <a:srgbClr val="00172D"/>
                </a:solidFill>
              </a:rPr>
              <a:t>Niveau: </a:t>
            </a:r>
            <a:r>
              <a:rPr lang="da-DK" sz="1000" noProof="0" dirty="0">
                <a:latin typeface="Arial" panose="020B0604020202020204" pitchFamily="34" charset="0"/>
              </a:rPr>
              <a:t>Sektorniveau med kobling til allerede igangsatte aktiviteter og fora samt fællesoffentlig koordinering via samarbejdet om den fællesoffentlige digitaliseringsstrategi.</a:t>
            </a: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Kan gennemføres på &lt;12 måneder.</a:t>
            </a:r>
          </a:p>
          <a:p>
            <a:pPr>
              <a:spcBef>
                <a:spcPts val="300"/>
              </a:spcBef>
            </a:pPr>
            <a:r>
              <a:rPr lang="da-DK" sz="1000" b="1" noProof="0" dirty="0">
                <a:latin typeface="Arial" panose="020B0604020202020204" pitchFamily="34" charset="0"/>
              </a:rPr>
              <a:t>Afhængigheder:</a:t>
            </a:r>
            <a:r>
              <a:rPr lang="da-DK" sz="1000" noProof="0" dirty="0">
                <a:latin typeface="Arial" panose="020B0604020202020204" pitchFamily="34" charset="0"/>
              </a:rPr>
              <a:t> Stærk kobling til indsats 3.5 om nationalt center for digital suverænitet mhp. synergier og snitflader. </a:t>
            </a:r>
          </a:p>
          <a:p>
            <a:endParaRPr lang="da-DK" sz="1000" noProof="0" dirty="0">
              <a:latin typeface="Arial" panose="020B0604020202020204" pitchFamily="34" charset="0"/>
            </a:endParaRPr>
          </a:p>
        </p:txBody>
      </p:sp>
      <p:grpSp>
        <p:nvGrpSpPr>
          <p:cNvPr id="9" name="Group 8" descr="Samlet kompleksitetsvurdering, 3 ud af 10">
            <a:extLst>
              <a:ext uri="{FF2B5EF4-FFF2-40B4-BE49-F238E27FC236}">
                <a16:creationId xmlns:a16="http://schemas.microsoft.com/office/drawing/2014/main" id="{75E22068-BC2F-DEC2-ED6C-F8D31419AF0D}"/>
              </a:ext>
            </a:extLst>
          </p:cNvPr>
          <p:cNvGrpSpPr/>
          <p:nvPr/>
        </p:nvGrpSpPr>
        <p:grpSpPr>
          <a:xfrm>
            <a:off x="649826" y="4555473"/>
            <a:ext cx="3279436" cy="551762"/>
            <a:chOff x="1383755" y="4555473"/>
            <a:chExt cx="3279436" cy="551762"/>
          </a:xfrm>
        </p:grpSpPr>
        <p:sp>
          <p:nvSpPr>
            <p:cNvPr id="10" name="TextBox 9">
              <a:extLst>
                <a:ext uri="{FF2B5EF4-FFF2-40B4-BE49-F238E27FC236}">
                  <a16:creationId xmlns:a16="http://schemas.microsoft.com/office/drawing/2014/main" id="{EBFCC07D-F55B-6F52-45B5-73415B18FC24}"/>
                </a:ext>
              </a:extLst>
            </p:cNvPr>
            <p:cNvSpPr txBox="1"/>
            <p:nvPr/>
          </p:nvSpPr>
          <p:spPr>
            <a:xfrm>
              <a:off x="2431748" y="4555473"/>
              <a:ext cx="1191621" cy="261610"/>
            </a:xfrm>
            <a:prstGeom prst="rect">
              <a:avLst/>
            </a:prstGeom>
            <a:noFill/>
          </p:spPr>
          <p:txBody>
            <a:bodyPr wrap="square">
              <a:spAutoFit/>
            </a:bodyPr>
            <a:lstStyle/>
            <a:p>
              <a:pPr algn="ctr"/>
              <a:r>
                <a:rPr lang="da-DK" sz="1100" b="1" noProof="0"/>
                <a:t>Kompleksitet</a:t>
              </a:r>
            </a:p>
          </p:txBody>
        </p:sp>
        <p:grpSp>
          <p:nvGrpSpPr>
            <p:cNvPr id="13" name="Group 12">
              <a:extLst>
                <a:ext uri="{FF2B5EF4-FFF2-40B4-BE49-F238E27FC236}">
                  <a16:creationId xmlns:a16="http://schemas.microsoft.com/office/drawing/2014/main" id="{1B207F94-4EDE-6B71-4D4F-7CEEBDF84A20}"/>
                </a:ext>
              </a:extLst>
            </p:cNvPr>
            <p:cNvGrpSpPr/>
            <p:nvPr/>
          </p:nvGrpSpPr>
          <p:grpSpPr>
            <a:xfrm>
              <a:off x="1383755" y="4900497"/>
              <a:ext cx="3279436" cy="206738"/>
              <a:chOff x="4280723" y="3040512"/>
              <a:chExt cx="3161620" cy="171957"/>
            </a:xfrm>
          </p:grpSpPr>
          <p:grpSp>
            <p:nvGrpSpPr>
              <p:cNvPr id="16" name="Group 15">
                <a:extLst>
                  <a:ext uri="{FF2B5EF4-FFF2-40B4-BE49-F238E27FC236}">
                    <a16:creationId xmlns:a16="http://schemas.microsoft.com/office/drawing/2014/main" id="{8DAFF4E3-91FA-79E3-F594-CA0A17807B3A}"/>
                  </a:ext>
                </a:extLst>
              </p:cNvPr>
              <p:cNvGrpSpPr/>
              <p:nvPr/>
            </p:nvGrpSpPr>
            <p:grpSpPr>
              <a:xfrm>
                <a:off x="4383394" y="3153610"/>
                <a:ext cx="2961649" cy="45719"/>
                <a:chOff x="4383394" y="3153610"/>
                <a:chExt cx="2961649" cy="45719"/>
              </a:xfrm>
            </p:grpSpPr>
            <p:cxnSp>
              <p:nvCxnSpPr>
                <p:cNvPr id="35" name="Straight Connector 34">
                  <a:extLst>
                    <a:ext uri="{FF2B5EF4-FFF2-40B4-BE49-F238E27FC236}">
                      <a16:creationId xmlns:a16="http://schemas.microsoft.com/office/drawing/2014/main" id="{EA1F1CC8-7EA3-EAA6-E97D-B940B73736F1}"/>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37" name="Oval 36">
                  <a:extLst>
                    <a:ext uri="{FF2B5EF4-FFF2-40B4-BE49-F238E27FC236}">
                      <a16:creationId xmlns:a16="http://schemas.microsoft.com/office/drawing/2014/main" id="{C52EC8C6-A560-C2F3-91B7-C444EEC43997}"/>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8" name="Oval 37">
                  <a:extLst>
                    <a:ext uri="{FF2B5EF4-FFF2-40B4-BE49-F238E27FC236}">
                      <a16:creationId xmlns:a16="http://schemas.microsoft.com/office/drawing/2014/main" id="{6C5268D8-3317-8CFF-216D-13A2A3738573}"/>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7" name="Straight Connector 16">
                <a:extLst>
                  <a:ext uri="{FF2B5EF4-FFF2-40B4-BE49-F238E27FC236}">
                    <a16:creationId xmlns:a16="http://schemas.microsoft.com/office/drawing/2014/main" id="{D3D7B9B0-3223-034A-FACE-DAD7D13F53F4}"/>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8" name="TextBox 17">
                <a:extLst>
                  <a:ext uri="{FF2B5EF4-FFF2-40B4-BE49-F238E27FC236}">
                    <a16:creationId xmlns:a16="http://schemas.microsoft.com/office/drawing/2014/main" id="{17FB3E35-8073-D6B3-F85B-F0BDF61EE05B}"/>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19" name="TextBox 18">
                <a:extLst>
                  <a:ext uri="{FF2B5EF4-FFF2-40B4-BE49-F238E27FC236}">
                    <a16:creationId xmlns:a16="http://schemas.microsoft.com/office/drawing/2014/main" id="{614E2A17-D106-1B5A-1A96-B58E3F028401}"/>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grpSp>
      <p:sp>
        <p:nvSpPr>
          <p:cNvPr id="77" name="TextBox 76">
            <a:extLst>
              <a:ext uri="{FF2B5EF4-FFF2-40B4-BE49-F238E27FC236}">
                <a16:creationId xmlns:a16="http://schemas.microsoft.com/office/drawing/2014/main" id="{05106B59-A0D6-87F7-987D-937F49213293}"/>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a:t>Teknisk</a:t>
            </a:r>
            <a:endParaRPr lang="da-DK" sz="1100" b="1" i="1" noProof="0"/>
          </a:p>
        </p:txBody>
      </p:sp>
      <p:grpSp>
        <p:nvGrpSpPr>
          <p:cNvPr id="67" name="Group 66" descr="Vurdering af teknisk kompleksitet, 2 ud af 10">
            <a:extLst>
              <a:ext uri="{FF2B5EF4-FFF2-40B4-BE49-F238E27FC236}">
                <a16:creationId xmlns:a16="http://schemas.microsoft.com/office/drawing/2014/main" id="{985ABC37-4108-8C81-ABC0-CCAF639BCEFF}"/>
              </a:ext>
            </a:extLst>
          </p:cNvPr>
          <p:cNvGrpSpPr/>
          <p:nvPr/>
        </p:nvGrpSpPr>
        <p:grpSpPr>
          <a:xfrm>
            <a:off x="4755592" y="4883930"/>
            <a:ext cx="1707066" cy="248033"/>
            <a:chOff x="860772" y="4916533"/>
            <a:chExt cx="1487909" cy="216189"/>
          </a:xfrm>
        </p:grpSpPr>
        <p:grpSp>
          <p:nvGrpSpPr>
            <p:cNvPr id="68" name="Group 67">
              <a:extLst>
                <a:ext uri="{FF2B5EF4-FFF2-40B4-BE49-F238E27FC236}">
                  <a16:creationId xmlns:a16="http://schemas.microsoft.com/office/drawing/2014/main" id="{F9E60EBD-4216-8815-7A8F-57036DD23F62}"/>
                </a:ext>
              </a:extLst>
            </p:cNvPr>
            <p:cNvGrpSpPr/>
            <p:nvPr/>
          </p:nvGrpSpPr>
          <p:grpSpPr>
            <a:xfrm>
              <a:off x="860772" y="4916533"/>
              <a:ext cx="1487909" cy="180194"/>
              <a:chOff x="5354949" y="3040512"/>
              <a:chExt cx="1645739" cy="171957"/>
            </a:xfrm>
          </p:grpSpPr>
          <p:grpSp>
            <p:nvGrpSpPr>
              <p:cNvPr id="70" name="Group 69">
                <a:extLst>
                  <a:ext uri="{FF2B5EF4-FFF2-40B4-BE49-F238E27FC236}">
                    <a16:creationId xmlns:a16="http://schemas.microsoft.com/office/drawing/2014/main" id="{E0EC1DC4-7885-5F49-5642-335322EDFB5B}"/>
                  </a:ext>
                </a:extLst>
              </p:cNvPr>
              <p:cNvGrpSpPr/>
              <p:nvPr/>
            </p:nvGrpSpPr>
            <p:grpSpPr>
              <a:xfrm>
                <a:off x="5458296" y="3153610"/>
                <a:ext cx="1445092" cy="45719"/>
                <a:chOff x="5458296" y="3153610"/>
                <a:chExt cx="1445092" cy="45719"/>
              </a:xfrm>
            </p:grpSpPr>
            <p:cxnSp>
              <p:nvCxnSpPr>
                <p:cNvPr id="74" name="Straight Connector 73">
                  <a:extLst>
                    <a:ext uri="{FF2B5EF4-FFF2-40B4-BE49-F238E27FC236}">
                      <a16:creationId xmlns:a16="http://schemas.microsoft.com/office/drawing/2014/main" id="{882EA6DB-0267-F0CD-04EC-933E10B7179E}"/>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5" name="Oval 74">
                  <a:extLst>
                    <a:ext uri="{FF2B5EF4-FFF2-40B4-BE49-F238E27FC236}">
                      <a16:creationId xmlns:a16="http://schemas.microsoft.com/office/drawing/2014/main" id="{FCA15ED3-24AA-2386-7C2B-3A822D56E3FC}"/>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76" name="Oval 75">
                  <a:extLst>
                    <a:ext uri="{FF2B5EF4-FFF2-40B4-BE49-F238E27FC236}">
                      <a16:creationId xmlns:a16="http://schemas.microsoft.com/office/drawing/2014/main" id="{79F250DA-09A0-1774-869F-A2EBB2BFB206}"/>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71" name="Straight Connector 70">
                <a:extLst>
                  <a:ext uri="{FF2B5EF4-FFF2-40B4-BE49-F238E27FC236}">
                    <a16:creationId xmlns:a16="http://schemas.microsoft.com/office/drawing/2014/main" id="{C84CBEF4-E48C-0D58-90AD-3EF8E6AC1D89}"/>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2" name="TextBox 71">
                <a:extLst>
                  <a:ext uri="{FF2B5EF4-FFF2-40B4-BE49-F238E27FC236}">
                    <a16:creationId xmlns:a16="http://schemas.microsoft.com/office/drawing/2014/main" id="{EA580D91-A77C-0F0C-7F3B-3EF026CCB761}"/>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73" name="TextBox 72">
                <a:extLst>
                  <a:ext uri="{FF2B5EF4-FFF2-40B4-BE49-F238E27FC236}">
                    <a16:creationId xmlns:a16="http://schemas.microsoft.com/office/drawing/2014/main" id="{94778464-D734-F9A9-E671-26094E4E5328}"/>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69" name="Oval 68">
              <a:extLst>
                <a:ext uri="{FF2B5EF4-FFF2-40B4-BE49-F238E27FC236}">
                  <a16:creationId xmlns:a16="http://schemas.microsoft.com/office/drawing/2014/main" id="{99535FD3-94D6-11F9-2B84-201DDC9A9ECC}"/>
                </a:ext>
              </a:extLst>
            </p:cNvPr>
            <p:cNvSpPr/>
            <p:nvPr/>
          </p:nvSpPr>
          <p:spPr>
            <a:xfrm>
              <a:off x="1192937"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89" name="TextBox 88">
            <a:extLst>
              <a:ext uri="{FF2B5EF4-FFF2-40B4-BE49-F238E27FC236}">
                <a16:creationId xmlns:a16="http://schemas.microsoft.com/office/drawing/2014/main" id="{F1845632-6575-0F6A-5836-1F4E6DEBE310}"/>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78" name="Group 77" descr="Vurdering af organisatorisk kompleksitet, 5 ud af 10">
            <a:extLst>
              <a:ext uri="{FF2B5EF4-FFF2-40B4-BE49-F238E27FC236}">
                <a16:creationId xmlns:a16="http://schemas.microsoft.com/office/drawing/2014/main" id="{C6BF9F57-92B5-3720-721F-7FB40B668812}"/>
              </a:ext>
            </a:extLst>
          </p:cNvPr>
          <p:cNvGrpSpPr/>
          <p:nvPr/>
        </p:nvGrpSpPr>
        <p:grpSpPr>
          <a:xfrm>
            <a:off x="4756736" y="5395827"/>
            <a:ext cx="1707066" cy="248033"/>
            <a:chOff x="860772" y="4916533"/>
            <a:chExt cx="1487909" cy="216189"/>
          </a:xfrm>
        </p:grpSpPr>
        <p:grpSp>
          <p:nvGrpSpPr>
            <p:cNvPr id="79" name="Group 78">
              <a:extLst>
                <a:ext uri="{FF2B5EF4-FFF2-40B4-BE49-F238E27FC236}">
                  <a16:creationId xmlns:a16="http://schemas.microsoft.com/office/drawing/2014/main" id="{0611DD95-52B1-5BF8-787C-84D6AD7EF910}"/>
                </a:ext>
              </a:extLst>
            </p:cNvPr>
            <p:cNvGrpSpPr/>
            <p:nvPr/>
          </p:nvGrpSpPr>
          <p:grpSpPr>
            <a:xfrm>
              <a:off x="860772" y="4916533"/>
              <a:ext cx="1487909" cy="180194"/>
              <a:chOff x="5354949" y="3040512"/>
              <a:chExt cx="1645739" cy="171957"/>
            </a:xfrm>
          </p:grpSpPr>
          <p:grpSp>
            <p:nvGrpSpPr>
              <p:cNvPr id="81" name="Group 80">
                <a:extLst>
                  <a:ext uri="{FF2B5EF4-FFF2-40B4-BE49-F238E27FC236}">
                    <a16:creationId xmlns:a16="http://schemas.microsoft.com/office/drawing/2014/main" id="{B23086AB-67B3-078E-CE36-3B32E60C5AC7}"/>
                  </a:ext>
                </a:extLst>
              </p:cNvPr>
              <p:cNvGrpSpPr/>
              <p:nvPr/>
            </p:nvGrpSpPr>
            <p:grpSpPr>
              <a:xfrm>
                <a:off x="5458296" y="3153610"/>
                <a:ext cx="1445092" cy="45719"/>
                <a:chOff x="5458296" y="3153610"/>
                <a:chExt cx="1445092" cy="45719"/>
              </a:xfrm>
            </p:grpSpPr>
            <p:cxnSp>
              <p:nvCxnSpPr>
                <p:cNvPr id="86" name="Straight Connector 85">
                  <a:extLst>
                    <a:ext uri="{FF2B5EF4-FFF2-40B4-BE49-F238E27FC236}">
                      <a16:creationId xmlns:a16="http://schemas.microsoft.com/office/drawing/2014/main" id="{C11B6F79-1225-ACFB-E71B-EA1CCE111E10}"/>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7" name="Oval 86">
                  <a:extLst>
                    <a:ext uri="{FF2B5EF4-FFF2-40B4-BE49-F238E27FC236}">
                      <a16:creationId xmlns:a16="http://schemas.microsoft.com/office/drawing/2014/main" id="{28DF8AFC-5B88-C62D-94C5-D283AD2705A6}"/>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8" name="Oval 87">
                  <a:extLst>
                    <a:ext uri="{FF2B5EF4-FFF2-40B4-BE49-F238E27FC236}">
                      <a16:creationId xmlns:a16="http://schemas.microsoft.com/office/drawing/2014/main" id="{D8A45DF8-A615-E797-3C7D-720FEA1AF359}"/>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82" name="Straight Connector 81">
                <a:extLst>
                  <a:ext uri="{FF2B5EF4-FFF2-40B4-BE49-F238E27FC236}">
                    <a16:creationId xmlns:a16="http://schemas.microsoft.com/office/drawing/2014/main" id="{9DB65A0A-BF7D-47D2-49D5-50DF99C439F5}"/>
                  </a:ext>
                </a:extLst>
              </p:cNvPr>
              <p:cNvCxnSpPr>
                <a:cxnSpLocks/>
              </p:cNvCxnSpPr>
              <p:nvPr/>
            </p:nvCxnSpPr>
            <p:spPr>
              <a:xfrm>
                <a:off x="6176326" y="3140469"/>
                <a:ext cx="0" cy="72000"/>
              </a:xfrm>
              <a:prstGeom prst="line">
                <a:avLst/>
              </a:prstGeom>
              <a:ln w="12700">
                <a:solidFill>
                  <a:schemeClr val="accent4"/>
                </a:solidFill>
              </a:ln>
            </p:spPr>
            <p:style>
              <a:lnRef idx="1">
                <a:schemeClr val="accent1"/>
              </a:lnRef>
              <a:fillRef idx="0">
                <a:schemeClr val="accent1"/>
              </a:fillRef>
              <a:effectRef idx="0">
                <a:schemeClr val="accent1"/>
              </a:effectRef>
              <a:fontRef idx="minor">
                <a:schemeClr val="tx1"/>
              </a:fontRef>
            </p:style>
          </p:cxnSp>
          <p:sp>
            <p:nvSpPr>
              <p:cNvPr id="83" name="TextBox 82">
                <a:extLst>
                  <a:ext uri="{FF2B5EF4-FFF2-40B4-BE49-F238E27FC236}">
                    <a16:creationId xmlns:a16="http://schemas.microsoft.com/office/drawing/2014/main" id="{2DE69090-3C61-764C-E349-86BA53738781}"/>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85" name="TextBox 84">
                <a:extLst>
                  <a:ext uri="{FF2B5EF4-FFF2-40B4-BE49-F238E27FC236}">
                    <a16:creationId xmlns:a16="http://schemas.microsoft.com/office/drawing/2014/main" id="{7CF23102-5DFD-0177-8F44-DB348513169F}"/>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80" name="Oval 79">
              <a:extLst>
                <a:ext uri="{FF2B5EF4-FFF2-40B4-BE49-F238E27FC236}">
                  <a16:creationId xmlns:a16="http://schemas.microsoft.com/office/drawing/2014/main" id="{6E5CF20A-2047-1CE7-0310-5DBAD35A136B}"/>
                </a:ext>
              </a:extLst>
            </p:cNvPr>
            <p:cNvSpPr/>
            <p:nvPr/>
          </p:nvSpPr>
          <p:spPr>
            <a:xfrm>
              <a:off x="1538582"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01" name="TextBox 100">
            <a:extLst>
              <a:ext uri="{FF2B5EF4-FFF2-40B4-BE49-F238E27FC236}">
                <a16:creationId xmlns:a16="http://schemas.microsoft.com/office/drawing/2014/main" id="{0CB35BB2-923B-7F8F-93E3-16004D8BFE18}"/>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grpSp>
        <p:nvGrpSpPr>
          <p:cNvPr id="90" name="Group 89" descr="Vurdering af juridisk kompleksitet, 2 ud af 10">
            <a:extLst>
              <a:ext uri="{FF2B5EF4-FFF2-40B4-BE49-F238E27FC236}">
                <a16:creationId xmlns:a16="http://schemas.microsoft.com/office/drawing/2014/main" id="{CD0EB764-6663-1A72-7FC2-7B5C5DFF1F89}"/>
              </a:ext>
            </a:extLst>
          </p:cNvPr>
          <p:cNvGrpSpPr/>
          <p:nvPr/>
        </p:nvGrpSpPr>
        <p:grpSpPr>
          <a:xfrm>
            <a:off x="4754046" y="5907971"/>
            <a:ext cx="1707066" cy="248033"/>
            <a:chOff x="860772" y="4916533"/>
            <a:chExt cx="1487909" cy="216189"/>
          </a:xfrm>
        </p:grpSpPr>
        <p:grpSp>
          <p:nvGrpSpPr>
            <p:cNvPr id="91" name="Group 90">
              <a:extLst>
                <a:ext uri="{FF2B5EF4-FFF2-40B4-BE49-F238E27FC236}">
                  <a16:creationId xmlns:a16="http://schemas.microsoft.com/office/drawing/2014/main" id="{A8F75CE3-9131-2335-61C0-25B891454B51}"/>
                </a:ext>
              </a:extLst>
            </p:cNvPr>
            <p:cNvGrpSpPr/>
            <p:nvPr/>
          </p:nvGrpSpPr>
          <p:grpSpPr>
            <a:xfrm>
              <a:off x="860772" y="4916533"/>
              <a:ext cx="1487909" cy="180194"/>
              <a:chOff x="5354949" y="3040512"/>
              <a:chExt cx="1645739" cy="171957"/>
            </a:xfrm>
          </p:grpSpPr>
          <p:grpSp>
            <p:nvGrpSpPr>
              <p:cNvPr id="93" name="Group 92">
                <a:extLst>
                  <a:ext uri="{FF2B5EF4-FFF2-40B4-BE49-F238E27FC236}">
                    <a16:creationId xmlns:a16="http://schemas.microsoft.com/office/drawing/2014/main" id="{36435118-FA3F-1A1F-0293-EE19DD460556}"/>
                  </a:ext>
                </a:extLst>
              </p:cNvPr>
              <p:cNvGrpSpPr/>
              <p:nvPr/>
            </p:nvGrpSpPr>
            <p:grpSpPr>
              <a:xfrm>
                <a:off x="5458296" y="3153610"/>
                <a:ext cx="1445092" cy="45719"/>
                <a:chOff x="5458296" y="3153610"/>
                <a:chExt cx="1445092" cy="45719"/>
              </a:xfrm>
            </p:grpSpPr>
            <p:cxnSp>
              <p:nvCxnSpPr>
                <p:cNvPr id="98" name="Straight Connector 97">
                  <a:extLst>
                    <a:ext uri="{FF2B5EF4-FFF2-40B4-BE49-F238E27FC236}">
                      <a16:creationId xmlns:a16="http://schemas.microsoft.com/office/drawing/2014/main" id="{BFD7C46B-C678-1EC3-E9F4-C3C9E70BBBCC}"/>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9" name="Oval 98">
                  <a:extLst>
                    <a:ext uri="{FF2B5EF4-FFF2-40B4-BE49-F238E27FC236}">
                      <a16:creationId xmlns:a16="http://schemas.microsoft.com/office/drawing/2014/main" id="{12093C14-2F19-12C4-3083-54D3AD64D2E2}"/>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0" name="Oval 99">
                  <a:extLst>
                    <a:ext uri="{FF2B5EF4-FFF2-40B4-BE49-F238E27FC236}">
                      <a16:creationId xmlns:a16="http://schemas.microsoft.com/office/drawing/2014/main" id="{5AF34DA3-8B58-EA11-5308-3D7D59419371}"/>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94" name="Straight Connector 93">
                <a:extLst>
                  <a:ext uri="{FF2B5EF4-FFF2-40B4-BE49-F238E27FC236}">
                    <a16:creationId xmlns:a16="http://schemas.microsoft.com/office/drawing/2014/main" id="{C8E5969A-0241-26F2-BE86-75D7B0684567}"/>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5" name="TextBox 94">
                <a:extLst>
                  <a:ext uri="{FF2B5EF4-FFF2-40B4-BE49-F238E27FC236}">
                    <a16:creationId xmlns:a16="http://schemas.microsoft.com/office/drawing/2014/main" id="{6520B826-109B-EB33-659C-D1A629229414}"/>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97" name="TextBox 96">
                <a:extLst>
                  <a:ext uri="{FF2B5EF4-FFF2-40B4-BE49-F238E27FC236}">
                    <a16:creationId xmlns:a16="http://schemas.microsoft.com/office/drawing/2014/main" id="{0B0A2FBC-7DD2-CEF6-AD5D-AFED2F397BE3}"/>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92" name="Oval 91">
              <a:extLst>
                <a:ext uri="{FF2B5EF4-FFF2-40B4-BE49-F238E27FC236}">
                  <a16:creationId xmlns:a16="http://schemas.microsoft.com/office/drawing/2014/main" id="{85212D58-537A-75A5-64F6-7DA44AC687D2}"/>
                </a:ext>
              </a:extLst>
            </p:cNvPr>
            <p:cNvSpPr/>
            <p:nvPr/>
          </p:nvSpPr>
          <p:spPr>
            <a:xfrm>
              <a:off x="1096056"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24" name="Rektangel: afrundede hjørner 10">
            <a:extLst>
              <a:ext uri="{FF2B5EF4-FFF2-40B4-BE49-F238E27FC236}">
                <a16:creationId xmlns:a16="http://schemas.microsoft.com/office/drawing/2014/main" id="{CF3F8FCB-AA77-7EB4-4FEC-372B87B3E5BD}"/>
              </a:ext>
              <a:ext uri="{C183D7F6-B498-43B3-948B-1728B52AA6E4}">
                <adec:decorative xmlns:adec="http://schemas.microsoft.com/office/drawing/2017/decorative" val="1"/>
              </a:ext>
            </a:extLst>
          </p:cNvPr>
          <p:cNvSpPr>
            <a:spLocks/>
          </p:cNvSpPr>
          <p:nvPr/>
        </p:nvSpPr>
        <p:spPr>
          <a:xfrm>
            <a:off x="7242764" y="222872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105627BE-3B38-7C33-432A-5C9B980768FB}"/>
              </a:ext>
              <a:ext uri="{C183D7F6-B498-43B3-948B-1728B52AA6E4}">
                <adec:decorative xmlns:adec="http://schemas.microsoft.com/office/drawing/2017/decorative" val="1"/>
              </a:ext>
            </a:extLst>
          </p:cNvPr>
          <p:cNvSpPr>
            <a:spLocks noEditPoints="1"/>
          </p:cNvSpPr>
          <p:nvPr/>
        </p:nvSpPr>
        <p:spPr bwMode="auto">
          <a:xfrm>
            <a:off x="7289024" y="229402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34" name="TextBox 133">
            <a:extLst>
              <a:ext uri="{FF2B5EF4-FFF2-40B4-BE49-F238E27FC236}">
                <a16:creationId xmlns:a16="http://schemas.microsoft.com/office/drawing/2014/main" id="{8A9A39E1-725B-8344-9BBA-47B2984DC8D4}"/>
              </a:ext>
            </a:extLst>
          </p:cNvPr>
          <p:cNvSpPr txBox="1"/>
          <p:nvPr/>
        </p:nvSpPr>
        <p:spPr>
          <a:xfrm>
            <a:off x="7249102" y="1874760"/>
            <a:ext cx="2162754" cy="246221"/>
          </a:xfrm>
          <a:prstGeom prst="rect">
            <a:avLst/>
          </a:prstGeom>
          <a:noFill/>
        </p:spPr>
        <p:txBody>
          <a:bodyPr wrap="square" lIns="0">
            <a:spAutoFit/>
          </a:bodyPr>
          <a:lstStyle/>
          <a:p>
            <a:r>
              <a:rPr lang="da-DK" sz="1000" b="1" noProof="0" dirty="0">
                <a:solidFill>
                  <a:srgbClr val="36465A"/>
                </a:solidFill>
              </a:rPr>
              <a:t>Udfordringer adresseret</a:t>
            </a:r>
            <a:endParaRPr lang="da-DK" sz="1000" noProof="0" dirty="0">
              <a:solidFill>
                <a:srgbClr val="36465A"/>
              </a:solidFill>
            </a:endParaRPr>
          </a:p>
        </p:txBody>
      </p:sp>
      <p:sp>
        <p:nvSpPr>
          <p:cNvPr id="26" name="TextBox 4">
            <a:extLst>
              <a:ext uri="{FF2B5EF4-FFF2-40B4-BE49-F238E27FC236}">
                <a16:creationId xmlns:a16="http://schemas.microsoft.com/office/drawing/2014/main" id="{AAD2DE5E-80EE-5571-3F03-C2792A34ED7F}"/>
              </a:ext>
              <a:ext uri="{C183D7F6-B498-43B3-948B-1728B52AA6E4}">
                <adec:decorative xmlns:adec="http://schemas.microsoft.com/office/drawing/2017/decorative" val="0"/>
              </a:ext>
            </a:extLst>
          </p:cNvPr>
          <p:cNvSpPr txBox="1">
            <a:spLocks/>
          </p:cNvSpPr>
          <p:nvPr/>
        </p:nvSpPr>
        <p:spPr>
          <a:xfrm>
            <a:off x="7527006" y="2244023"/>
            <a:ext cx="1931343" cy="296832"/>
          </a:xfrm>
          <a:prstGeom prst="rect">
            <a:avLst/>
          </a:prstGeom>
          <a:noFill/>
        </p:spPr>
        <p:txBody>
          <a:bodyPr wrap="square" rtlCol="0" anchor="ctr">
            <a:noAutofit/>
          </a:bodyPr>
          <a:lstStyle/>
          <a:p>
            <a:r>
              <a:rPr lang="da-DK" sz="700" b="1" noProof="0" dirty="0">
                <a:solidFill>
                  <a:srgbClr val="024D78"/>
                </a:solidFill>
              </a:rPr>
              <a:t>01 | Høj afhængighed af større leverandører og manglende konkurrence</a:t>
            </a:r>
          </a:p>
        </p:txBody>
      </p:sp>
      <p:sp>
        <p:nvSpPr>
          <p:cNvPr id="27" name="Rektangel: afrundede hjørner 5">
            <a:extLst>
              <a:ext uri="{FF2B5EF4-FFF2-40B4-BE49-F238E27FC236}">
                <a16:creationId xmlns:a16="http://schemas.microsoft.com/office/drawing/2014/main" id="{9D0F2261-D077-F26B-6AB1-DEA4B5F02FCB}"/>
              </a:ext>
              <a:ext uri="{C183D7F6-B498-43B3-948B-1728B52AA6E4}">
                <adec:decorative xmlns:adec="http://schemas.microsoft.com/office/drawing/2017/decorative" val="1"/>
              </a:ext>
            </a:extLst>
          </p:cNvPr>
          <p:cNvSpPr>
            <a:spLocks/>
          </p:cNvSpPr>
          <p:nvPr/>
        </p:nvSpPr>
        <p:spPr>
          <a:xfrm>
            <a:off x="7242764" y="2651061"/>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8" name="TextBox 11">
            <a:extLst>
              <a:ext uri="{FF2B5EF4-FFF2-40B4-BE49-F238E27FC236}">
                <a16:creationId xmlns:a16="http://schemas.microsoft.com/office/drawing/2014/main" id="{C81815AD-76FB-5FB9-73D5-854235FD240F}"/>
              </a:ext>
              <a:ext uri="{C183D7F6-B498-43B3-948B-1728B52AA6E4}">
                <adec:decorative xmlns:adec="http://schemas.microsoft.com/office/drawing/2017/decorative" val="0"/>
              </a:ext>
            </a:extLst>
          </p:cNvPr>
          <p:cNvSpPr txBox="1">
            <a:spLocks/>
          </p:cNvSpPr>
          <p:nvPr/>
        </p:nvSpPr>
        <p:spPr>
          <a:xfrm>
            <a:off x="7527006" y="2671796"/>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2 | Manglende kontrol og transparens over egne data</a:t>
            </a:r>
          </a:p>
        </p:txBody>
      </p:sp>
      <p:grpSp>
        <p:nvGrpSpPr>
          <p:cNvPr id="29" name="Group 45">
            <a:extLst>
              <a:ext uri="{FF2B5EF4-FFF2-40B4-BE49-F238E27FC236}">
                <a16:creationId xmlns:a16="http://schemas.microsoft.com/office/drawing/2014/main" id="{88A9D4D5-32CF-7DFA-0EB4-899C62B69FE5}"/>
              </a:ext>
              <a:ext uri="{C183D7F6-B498-43B3-948B-1728B52AA6E4}">
                <adec:decorative xmlns:adec="http://schemas.microsoft.com/office/drawing/2017/decorative" val="1"/>
              </a:ext>
            </a:extLst>
          </p:cNvPr>
          <p:cNvGrpSpPr>
            <a:grpSpLocks/>
          </p:cNvGrpSpPr>
          <p:nvPr/>
        </p:nvGrpSpPr>
        <p:grpSpPr>
          <a:xfrm>
            <a:off x="7310599" y="2707229"/>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4A8B13ED-90D3-DE84-41D2-C7DB2F4C4C13}"/>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F8D01DB2-9654-0433-B2CA-EAA53D8B8013}"/>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C1AB01B5-3C07-3A34-A514-70E636A859C0}"/>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D05F8A32-4720-4BA4-F906-8B62E34DF543}"/>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30" name="Rektangel: afrundede hjørner 9">
            <a:extLst>
              <a:ext uri="{FF2B5EF4-FFF2-40B4-BE49-F238E27FC236}">
                <a16:creationId xmlns:a16="http://schemas.microsoft.com/office/drawing/2014/main" id="{9BA52052-5E84-189E-F68A-F415C148493A}"/>
              </a:ext>
              <a:ext uri="{C183D7F6-B498-43B3-948B-1728B52AA6E4}">
                <adec:decorative xmlns:adec="http://schemas.microsoft.com/office/drawing/2017/decorative" val="1"/>
              </a:ext>
            </a:extLst>
          </p:cNvPr>
          <p:cNvSpPr>
            <a:spLocks/>
          </p:cNvSpPr>
          <p:nvPr/>
        </p:nvSpPr>
        <p:spPr>
          <a:xfrm>
            <a:off x="7242991" y="3073402"/>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TextBox 23">
            <a:extLst>
              <a:ext uri="{FF2B5EF4-FFF2-40B4-BE49-F238E27FC236}">
                <a16:creationId xmlns:a16="http://schemas.microsoft.com/office/drawing/2014/main" id="{85595601-6EE7-AF19-DDB9-B47ED1B2D833}"/>
              </a:ext>
              <a:ext uri="{C183D7F6-B498-43B3-948B-1728B52AA6E4}">
                <adec:decorative xmlns:adec="http://schemas.microsoft.com/office/drawing/2017/decorative" val="0"/>
              </a:ext>
            </a:extLst>
          </p:cNvPr>
          <p:cNvSpPr txBox="1">
            <a:spLocks/>
          </p:cNvSpPr>
          <p:nvPr/>
        </p:nvSpPr>
        <p:spPr>
          <a:xfrm>
            <a:off x="7526779" y="3094137"/>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3 | Begrænset kontrol og styring af digitale løsninger</a:t>
            </a:r>
          </a:p>
        </p:txBody>
      </p:sp>
      <p:sp>
        <p:nvSpPr>
          <p:cNvPr id="32" name="Freeform 6">
            <a:extLst>
              <a:ext uri="{FF2B5EF4-FFF2-40B4-BE49-F238E27FC236}">
                <a16:creationId xmlns:a16="http://schemas.microsoft.com/office/drawing/2014/main" id="{A0846512-814A-622F-5A7A-71DB20F45570}"/>
              </a:ext>
              <a:ext uri="{C183D7F6-B498-43B3-948B-1728B52AA6E4}">
                <adec:decorative xmlns:adec="http://schemas.microsoft.com/office/drawing/2017/decorative" val="1"/>
              </a:ext>
            </a:extLst>
          </p:cNvPr>
          <p:cNvSpPr>
            <a:spLocks noChangeAspect="1" noEditPoints="1"/>
          </p:cNvSpPr>
          <p:nvPr/>
        </p:nvSpPr>
        <p:spPr bwMode="auto">
          <a:xfrm>
            <a:off x="7298989" y="3133958"/>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33" name="Rektangel: afrundede hjørner 39">
            <a:extLst>
              <a:ext uri="{FF2B5EF4-FFF2-40B4-BE49-F238E27FC236}">
                <a16:creationId xmlns:a16="http://schemas.microsoft.com/office/drawing/2014/main" id="{FE24B7C0-CFCA-8918-B96C-E7160E929E7B}"/>
              </a:ext>
              <a:ext uri="{C183D7F6-B498-43B3-948B-1728B52AA6E4}">
                <adec:decorative xmlns:adec="http://schemas.microsoft.com/office/drawing/2017/decorative" val="1"/>
              </a:ext>
            </a:extLst>
          </p:cNvPr>
          <p:cNvSpPr>
            <a:spLocks/>
          </p:cNvSpPr>
          <p:nvPr/>
        </p:nvSpPr>
        <p:spPr>
          <a:xfrm>
            <a:off x="7242991" y="3495743"/>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TextBox 27">
            <a:extLst>
              <a:ext uri="{FF2B5EF4-FFF2-40B4-BE49-F238E27FC236}">
                <a16:creationId xmlns:a16="http://schemas.microsoft.com/office/drawing/2014/main" id="{FE3850B6-AEE9-5665-7D28-2EC73D056CFD}"/>
              </a:ext>
              <a:ext uri="{C183D7F6-B498-43B3-948B-1728B52AA6E4}">
                <adec:decorative xmlns:adec="http://schemas.microsoft.com/office/drawing/2017/decorative" val="0"/>
              </a:ext>
            </a:extLst>
          </p:cNvPr>
          <p:cNvSpPr txBox="1">
            <a:spLocks/>
          </p:cNvSpPr>
          <p:nvPr/>
        </p:nvSpPr>
        <p:spPr>
          <a:xfrm>
            <a:off x="7526779" y="3516753"/>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4 | Sårbarheder i den digitale forsyningssikkerhed</a:t>
            </a:r>
          </a:p>
        </p:txBody>
      </p:sp>
      <p:sp>
        <p:nvSpPr>
          <p:cNvPr id="36" name="Freeform 8">
            <a:extLst>
              <a:ext uri="{FF2B5EF4-FFF2-40B4-BE49-F238E27FC236}">
                <a16:creationId xmlns:a16="http://schemas.microsoft.com/office/drawing/2014/main" id="{382D8B30-956E-766E-14D3-C73E54216042}"/>
              </a:ext>
              <a:ext uri="{C183D7F6-B498-43B3-948B-1728B52AA6E4}">
                <adec:decorative xmlns:adec="http://schemas.microsoft.com/office/drawing/2017/decorative" val="1"/>
              </a:ext>
            </a:extLst>
          </p:cNvPr>
          <p:cNvSpPr>
            <a:spLocks noChangeAspect="1" noEditPoints="1"/>
          </p:cNvSpPr>
          <p:nvPr/>
        </p:nvSpPr>
        <p:spPr bwMode="auto">
          <a:xfrm>
            <a:off x="7311666" y="3561636"/>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96" name="Free-form: Shape 1">
            <a:extLst>
              <a:ext uri="{FF2B5EF4-FFF2-40B4-BE49-F238E27FC236}">
                <a16:creationId xmlns:a16="http://schemas.microsoft.com/office/drawing/2014/main" id="{D0C17210-1785-81DC-7B07-518E801B38E1}"/>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AC14C362-A24D-D165-E06D-419DA718860D}"/>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635AD163-F0EC-D4A5-4014-542E5FBDC539}"/>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56CDEFA4-4F30-5366-F4E5-E862ED4B6BE3}"/>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F63D5B0E-1B69-81AB-4F8B-D9785BBBB717}"/>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14B84E98-39AD-92F0-16AD-0CFAD4C2AEBF}"/>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38" name="TextBox 137">
            <a:extLst>
              <a:ext uri="{FF2B5EF4-FFF2-40B4-BE49-F238E27FC236}">
                <a16:creationId xmlns:a16="http://schemas.microsoft.com/office/drawing/2014/main" id="{C7C90289-B6F9-9E2A-1101-237951DB454A}"/>
              </a:ext>
            </a:extLst>
          </p:cNvPr>
          <p:cNvSpPr txBox="1"/>
          <p:nvPr/>
        </p:nvSpPr>
        <p:spPr>
          <a:xfrm>
            <a:off x="9469157" y="1874760"/>
            <a:ext cx="1931344" cy="246221"/>
          </a:xfrm>
          <a:prstGeom prst="rect">
            <a:avLst/>
          </a:prstGeom>
          <a:noFill/>
        </p:spPr>
        <p:txBody>
          <a:bodyPr wrap="square" lIns="72000">
            <a:spAutoFit/>
          </a:bodyPr>
          <a:lstStyle/>
          <a:p>
            <a:r>
              <a:rPr lang="da-DK" sz="1000" b="1" noProof="0" dirty="0">
                <a:solidFill>
                  <a:srgbClr val="36465A"/>
                </a:solidFill>
              </a:rPr>
              <a:t>Gevinster</a:t>
            </a:r>
            <a:endParaRPr lang="da-DK" sz="1000" noProof="0" dirty="0">
              <a:solidFill>
                <a:srgbClr val="36465A"/>
              </a:solidFill>
            </a:endParaRPr>
          </a:p>
        </p:txBody>
      </p:sp>
      <p:sp>
        <p:nvSpPr>
          <p:cNvPr id="198" name="TextBox 197">
            <a:extLst>
              <a:ext uri="{FF2B5EF4-FFF2-40B4-BE49-F238E27FC236}">
                <a16:creationId xmlns:a16="http://schemas.microsoft.com/office/drawing/2014/main" id="{9559734F-3A9C-45FE-5923-2F73EABCC7F1}"/>
              </a:ext>
            </a:extLst>
          </p:cNvPr>
          <p:cNvSpPr txBox="1"/>
          <p:nvPr/>
        </p:nvSpPr>
        <p:spPr>
          <a:xfrm>
            <a:off x="9857248" y="2233094"/>
            <a:ext cx="1495241"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Øget vidensniveau hos centrale aktører og myndigheder.</a:t>
            </a:r>
          </a:p>
        </p:txBody>
      </p:sp>
      <p:sp>
        <p:nvSpPr>
          <p:cNvPr id="199" name="TextBox 198">
            <a:extLst>
              <a:ext uri="{FF2B5EF4-FFF2-40B4-BE49-F238E27FC236}">
                <a16:creationId xmlns:a16="http://schemas.microsoft.com/office/drawing/2014/main" id="{FDB434BC-C618-A5D0-92CC-76C1C70F390F}"/>
              </a:ext>
            </a:extLst>
          </p:cNvPr>
          <p:cNvSpPr txBox="1"/>
          <p:nvPr/>
        </p:nvSpPr>
        <p:spPr>
          <a:xfrm>
            <a:off x="9857248" y="2790724"/>
            <a:ext cx="1436160"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lang="da-DK" sz="1000" noProof="0" dirty="0">
                <a:solidFill>
                  <a:srgbClr val="000000"/>
                </a:solidFill>
                <a:latin typeface="Arial" panose="020B0604020202020204" pitchFamily="34" charset="0"/>
              </a:rPr>
              <a:t>Bedre spredning af viden til beslutningstagere og øvrige interessenter.</a:t>
            </a:r>
            <a:endPar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grpSp>
        <p:nvGrpSpPr>
          <p:cNvPr id="47" name="Group 46">
            <a:extLst>
              <a:ext uri="{FF2B5EF4-FFF2-40B4-BE49-F238E27FC236}">
                <a16:creationId xmlns:a16="http://schemas.microsoft.com/office/drawing/2014/main" id="{7CE83AE8-BA01-BF97-CE64-05CA570BA285}"/>
              </a:ext>
              <a:ext uri="{C183D7F6-B498-43B3-948B-1728B52AA6E4}">
                <adec:decorative xmlns:adec="http://schemas.microsoft.com/office/drawing/2017/decorative" val="1"/>
              </a:ext>
            </a:extLst>
          </p:cNvPr>
          <p:cNvGrpSpPr/>
          <p:nvPr/>
        </p:nvGrpSpPr>
        <p:grpSpPr>
          <a:xfrm>
            <a:off x="9565600" y="2233094"/>
            <a:ext cx="218250" cy="210236"/>
            <a:chOff x="9564973" y="2233094"/>
            <a:chExt cx="218250" cy="210236"/>
          </a:xfrm>
        </p:grpSpPr>
        <p:sp>
          <p:nvSpPr>
            <p:cNvPr id="132" name="Oval 131">
              <a:extLst>
                <a:ext uri="{FF2B5EF4-FFF2-40B4-BE49-F238E27FC236}">
                  <a16:creationId xmlns:a16="http://schemas.microsoft.com/office/drawing/2014/main" id="{325AE36D-631A-01C3-9644-890527C1FA0A}"/>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6" name="Freeform 24">
              <a:extLst>
                <a:ext uri="{FF2B5EF4-FFF2-40B4-BE49-F238E27FC236}">
                  <a16:creationId xmlns:a16="http://schemas.microsoft.com/office/drawing/2014/main" id="{4F0C9088-C319-089D-0EE6-AF911D89661C}"/>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48" name="Group 47">
            <a:extLst>
              <a:ext uri="{FF2B5EF4-FFF2-40B4-BE49-F238E27FC236}">
                <a16:creationId xmlns:a16="http://schemas.microsoft.com/office/drawing/2014/main" id="{86093561-8C25-252C-FCE6-ACDC6BCB54F0}"/>
              </a:ext>
              <a:ext uri="{C183D7F6-B498-43B3-948B-1728B52AA6E4}">
                <adec:decorative xmlns:adec="http://schemas.microsoft.com/office/drawing/2017/decorative" val="1"/>
              </a:ext>
            </a:extLst>
          </p:cNvPr>
          <p:cNvGrpSpPr/>
          <p:nvPr/>
        </p:nvGrpSpPr>
        <p:grpSpPr>
          <a:xfrm>
            <a:off x="9565600" y="2790724"/>
            <a:ext cx="218250" cy="210236"/>
            <a:chOff x="9564973" y="2233094"/>
            <a:chExt cx="218250" cy="210236"/>
          </a:xfrm>
        </p:grpSpPr>
        <p:sp>
          <p:nvSpPr>
            <p:cNvPr id="49" name="Oval 48">
              <a:extLst>
                <a:ext uri="{FF2B5EF4-FFF2-40B4-BE49-F238E27FC236}">
                  <a16:creationId xmlns:a16="http://schemas.microsoft.com/office/drawing/2014/main" id="{607077A3-2E72-AB95-63C7-52A4B1B31D91}"/>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0" name="Freeform 24">
              <a:extLst>
                <a:ext uri="{FF2B5EF4-FFF2-40B4-BE49-F238E27FC236}">
                  <a16:creationId xmlns:a16="http://schemas.microsoft.com/office/drawing/2014/main" id="{769372F0-532F-23AB-F100-319BE8683D90}"/>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4" name="Freeform 31">
            <a:extLst>
              <a:ext uri="{FF2B5EF4-FFF2-40B4-BE49-F238E27FC236}">
                <a16:creationId xmlns:a16="http://schemas.microsoft.com/office/drawing/2014/main" id="{E9A906FD-B8FB-8DDD-B5F0-E453AA43CAF6}"/>
              </a:ext>
              <a:ext uri="{C183D7F6-B498-43B3-948B-1728B52AA6E4}">
                <adec:decorative xmlns:adec="http://schemas.microsoft.com/office/drawing/2017/decorative" val="1"/>
              </a:ext>
            </a:extLst>
          </p:cNvPr>
          <p:cNvSpPr>
            <a:spLocks noEditPoints="1"/>
          </p:cNvSpPr>
          <p:nvPr/>
        </p:nvSpPr>
        <p:spPr bwMode="auto">
          <a:xfrm>
            <a:off x="11630423" y="245376"/>
            <a:ext cx="361599" cy="336627"/>
          </a:xfrm>
          <a:custGeom>
            <a:avLst/>
            <a:gdLst>
              <a:gd name="T0" fmla="*/ 112 w 224"/>
              <a:gd name="T1" fmla="*/ 32 h 208"/>
              <a:gd name="T2" fmla="*/ 112 w 224"/>
              <a:gd name="T3" fmla="*/ 40 h 208"/>
              <a:gd name="T4" fmla="*/ 100 w 224"/>
              <a:gd name="T5" fmla="*/ 52 h 208"/>
              <a:gd name="T6" fmla="*/ 60 w 224"/>
              <a:gd name="T7" fmla="*/ 52 h 208"/>
              <a:gd name="T8" fmla="*/ 40 w 224"/>
              <a:gd name="T9" fmla="*/ 72 h 208"/>
              <a:gd name="T10" fmla="*/ 40 w 224"/>
              <a:gd name="T11" fmla="*/ 64 h 208"/>
              <a:gd name="T12" fmla="*/ 76 w 224"/>
              <a:gd name="T13" fmla="*/ 40 h 208"/>
              <a:gd name="T14" fmla="*/ 56 w 224"/>
              <a:gd name="T15" fmla="*/ 20 h 208"/>
              <a:gd name="T16" fmla="*/ 88 w 224"/>
              <a:gd name="T17" fmla="*/ 20 h 208"/>
              <a:gd name="T18" fmla="*/ 76 w 224"/>
              <a:gd name="T19" fmla="*/ 8 h 208"/>
              <a:gd name="T20" fmla="*/ 148 w 224"/>
              <a:gd name="T21" fmla="*/ 0 h 208"/>
              <a:gd name="T22" fmla="*/ 148 w 224"/>
              <a:gd name="T23" fmla="*/ 8 h 208"/>
              <a:gd name="T24" fmla="*/ 136 w 224"/>
              <a:gd name="T25" fmla="*/ 20 h 208"/>
              <a:gd name="T26" fmla="*/ 211 w 224"/>
              <a:gd name="T27" fmla="*/ 75 h 208"/>
              <a:gd name="T28" fmla="*/ 184 w 224"/>
              <a:gd name="T29" fmla="*/ 86 h 208"/>
              <a:gd name="T30" fmla="*/ 157 w 224"/>
              <a:gd name="T31" fmla="*/ 75 h 208"/>
              <a:gd name="T32" fmla="*/ 140 w 224"/>
              <a:gd name="T33" fmla="*/ 75 h 208"/>
              <a:gd name="T34" fmla="*/ 125 w 224"/>
              <a:gd name="T35" fmla="*/ 73 h 208"/>
              <a:gd name="T36" fmla="*/ 95 w 224"/>
              <a:gd name="T37" fmla="*/ 72 h 208"/>
              <a:gd name="T38" fmla="*/ 76 w 224"/>
              <a:gd name="T39" fmla="*/ 81 h 208"/>
              <a:gd name="T40" fmla="*/ 57 w 224"/>
              <a:gd name="T41" fmla="*/ 72 h 208"/>
              <a:gd name="T42" fmla="*/ 27 w 224"/>
              <a:gd name="T43" fmla="*/ 73 h 208"/>
              <a:gd name="T44" fmla="*/ 12 w 224"/>
              <a:gd name="T45" fmla="*/ 75 h 208"/>
              <a:gd name="T46" fmla="*/ 16 w 224"/>
              <a:gd name="T47" fmla="*/ 152 h 208"/>
              <a:gd name="T48" fmla="*/ 20 w 224"/>
              <a:gd name="T49" fmla="*/ 208 h 208"/>
              <a:gd name="T50" fmla="*/ 64 w 224"/>
              <a:gd name="T51" fmla="*/ 204 h 208"/>
              <a:gd name="T52" fmla="*/ 88 w 224"/>
              <a:gd name="T53" fmla="*/ 152 h 208"/>
              <a:gd name="T54" fmla="*/ 92 w 224"/>
              <a:gd name="T55" fmla="*/ 208 h 208"/>
              <a:gd name="T56" fmla="*/ 136 w 224"/>
              <a:gd name="T57" fmla="*/ 204 h 208"/>
              <a:gd name="T58" fmla="*/ 160 w 224"/>
              <a:gd name="T59" fmla="*/ 152 h 208"/>
              <a:gd name="T60" fmla="*/ 164 w 224"/>
              <a:gd name="T61" fmla="*/ 208 h 208"/>
              <a:gd name="T62" fmla="*/ 208 w 224"/>
              <a:gd name="T63" fmla="*/ 204 h 208"/>
              <a:gd name="T64" fmla="*/ 224 w 224"/>
              <a:gd name="T65" fmla="*/ 92 h 208"/>
              <a:gd name="T66" fmla="*/ 64 w 224"/>
              <a:gd name="T67" fmla="*/ 143 h 208"/>
              <a:gd name="T68" fmla="*/ 56 w 224"/>
              <a:gd name="T69" fmla="*/ 100 h 208"/>
              <a:gd name="T70" fmla="*/ 44 w 224"/>
              <a:gd name="T71" fmla="*/ 140 h 208"/>
              <a:gd name="T72" fmla="*/ 36 w 224"/>
              <a:gd name="T73" fmla="*/ 200 h 208"/>
              <a:gd name="T74" fmla="*/ 20 w 224"/>
              <a:gd name="T75" fmla="*/ 96 h 208"/>
              <a:gd name="T76" fmla="*/ 8 w 224"/>
              <a:gd name="T77" fmla="*/ 132 h 208"/>
              <a:gd name="T78" fmla="*/ 23 w 224"/>
              <a:gd name="T79" fmla="*/ 80 h 208"/>
              <a:gd name="T80" fmla="*/ 43 w 224"/>
              <a:gd name="T81" fmla="*/ 95 h 208"/>
              <a:gd name="T82" fmla="*/ 72 w 224"/>
              <a:gd name="T83" fmla="*/ 92 h 208"/>
              <a:gd name="T84" fmla="*/ 136 w 224"/>
              <a:gd name="T85" fmla="*/ 143 h 208"/>
              <a:gd name="T86" fmla="*/ 128 w 224"/>
              <a:gd name="T87" fmla="*/ 100 h 208"/>
              <a:gd name="T88" fmla="*/ 116 w 224"/>
              <a:gd name="T89" fmla="*/ 140 h 208"/>
              <a:gd name="T90" fmla="*/ 108 w 224"/>
              <a:gd name="T91" fmla="*/ 200 h 208"/>
              <a:gd name="T92" fmla="*/ 92 w 224"/>
              <a:gd name="T93" fmla="*/ 96 h 208"/>
              <a:gd name="T94" fmla="*/ 80 w 224"/>
              <a:gd name="T95" fmla="*/ 132 h 208"/>
              <a:gd name="T96" fmla="*/ 95 w 224"/>
              <a:gd name="T97" fmla="*/ 80 h 208"/>
              <a:gd name="T98" fmla="*/ 115 w 224"/>
              <a:gd name="T99" fmla="*/ 95 h 208"/>
              <a:gd name="T100" fmla="*/ 144 w 224"/>
              <a:gd name="T101" fmla="*/ 92 h 208"/>
              <a:gd name="T102" fmla="*/ 208 w 224"/>
              <a:gd name="T103" fmla="*/ 100 h 208"/>
              <a:gd name="T104" fmla="*/ 200 w 224"/>
              <a:gd name="T105" fmla="*/ 200 h 208"/>
              <a:gd name="T106" fmla="*/ 184 w 224"/>
              <a:gd name="T107" fmla="*/ 136 h 208"/>
              <a:gd name="T108" fmla="*/ 168 w 224"/>
              <a:gd name="T109" fmla="*/ 200 h 208"/>
              <a:gd name="T110" fmla="*/ 160 w 224"/>
              <a:gd name="T111" fmla="*/ 100 h 208"/>
              <a:gd name="T112" fmla="*/ 152 w 224"/>
              <a:gd name="T113" fmla="*/ 92 h 208"/>
              <a:gd name="T114" fmla="*/ 181 w 224"/>
              <a:gd name="T115" fmla="*/ 95 h 208"/>
              <a:gd name="T116" fmla="*/ 201 w 224"/>
              <a:gd name="T117" fmla="*/ 80 h 208"/>
              <a:gd name="T118" fmla="*/ 216 w 224"/>
              <a:gd name="T119" fmla="*/ 132 h 208"/>
              <a:gd name="T120" fmla="*/ 204 w 224"/>
              <a:gd name="T121" fmla="*/ 52 h 208"/>
              <a:gd name="T122" fmla="*/ 184 w 224"/>
              <a:gd name="T123" fmla="*/ 72 h 208"/>
              <a:gd name="T124" fmla="*/ 184 w 224"/>
              <a:gd name="T125" fmla="*/ 6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24" h="208">
                <a:moveTo>
                  <a:pt x="112" y="72"/>
                </a:moveTo>
                <a:cubicBezTo>
                  <a:pt x="123" y="72"/>
                  <a:pt x="132" y="63"/>
                  <a:pt x="132" y="52"/>
                </a:cubicBezTo>
                <a:cubicBezTo>
                  <a:pt x="132" y="41"/>
                  <a:pt x="123" y="32"/>
                  <a:pt x="112" y="32"/>
                </a:cubicBezTo>
                <a:cubicBezTo>
                  <a:pt x="101" y="32"/>
                  <a:pt x="92" y="41"/>
                  <a:pt x="92" y="52"/>
                </a:cubicBezTo>
                <a:cubicBezTo>
                  <a:pt x="92" y="63"/>
                  <a:pt x="101" y="72"/>
                  <a:pt x="112" y="72"/>
                </a:cubicBezTo>
                <a:close/>
                <a:moveTo>
                  <a:pt x="112" y="40"/>
                </a:moveTo>
                <a:cubicBezTo>
                  <a:pt x="119" y="40"/>
                  <a:pt x="124" y="45"/>
                  <a:pt x="124" y="52"/>
                </a:cubicBezTo>
                <a:cubicBezTo>
                  <a:pt x="124" y="59"/>
                  <a:pt x="119" y="64"/>
                  <a:pt x="112" y="64"/>
                </a:cubicBezTo>
                <a:cubicBezTo>
                  <a:pt x="105" y="64"/>
                  <a:pt x="100" y="59"/>
                  <a:pt x="100" y="52"/>
                </a:cubicBezTo>
                <a:cubicBezTo>
                  <a:pt x="100" y="45"/>
                  <a:pt x="105" y="40"/>
                  <a:pt x="112" y="40"/>
                </a:cubicBezTo>
                <a:close/>
                <a:moveTo>
                  <a:pt x="40" y="72"/>
                </a:moveTo>
                <a:cubicBezTo>
                  <a:pt x="51" y="72"/>
                  <a:pt x="60" y="63"/>
                  <a:pt x="60" y="52"/>
                </a:cubicBezTo>
                <a:cubicBezTo>
                  <a:pt x="60" y="41"/>
                  <a:pt x="51" y="32"/>
                  <a:pt x="40" y="32"/>
                </a:cubicBezTo>
                <a:cubicBezTo>
                  <a:pt x="29" y="32"/>
                  <a:pt x="20" y="41"/>
                  <a:pt x="20" y="52"/>
                </a:cubicBezTo>
                <a:cubicBezTo>
                  <a:pt x="20" y="63"/>
                  <a:pt x="29" y="72"/>
                  <a:pt x="40" y="72"/>
                </a:cubicBezTo>
                <a:close/>
                <a:moveTo>
                  <a:pt x="40" y="40"/>
                </a:moveTo>
                <a:cubicBezTo>
                  <a:pt x="47" y="40"/>
                  <a:pt x="52" y="45"/>
                  <a:pt x="52" y="52"/>
                </a:cubicBezTo>
                <a:cubicBezTo>
                  <a:pt x="52" y="59"/>
                  <a:pt x="47" y="64"/>
                  <a:pt x="40" y="64"/>
                </a:cubicBezTo>
                <a:cubicBezTo>
                  <a:pt x="33" y="64"/>
                  <a:pt x="28" y="59"/>
                  <a:pt x="28" y="52"/>
                </a:cubicBezTo>
                <a:cubicBezTo>
                  <a:pt x="28" y="45"/>
                  <a:pt x="33" y="40"/>
                  <a:pt x="40" y="40"/>
                </a:cubicBezTo>
                <a:close/>
                <a:moveTo>
                  <a:pt x="76" y="40"/>
                </a:moveTo>
                <a:cubicBezTo>
                  <a:pt x="87" y="40"/>
                  <a:pt x="96" y="31"/>
                  <a:pt x="96" y="20"/>
                </a:cubicBezTo>
                <a:cubicBezTo>
                  <a:pt x="96" y="9"/>
                  <a:pt x="87" y="0"/>
                  <a:pt x="76" y="0"/>
                </a:cubicBezTo>
                <a:cubicBezTo>
                  <a:pt x="65" y="0"/>
                  <a:pt x="56" y="9"/>
                  <a:pt x="56" y="20"/>
                </a:cubicBezTo>
                <a:cubicBezTo>
                  <a:pt x="56" y="31"/>
                  <a:pt x="65" y="40"/>
                  <a:pt x="76" y="40"/>
                </a:cubicBezTo>
                <a:close/>
                <a:moveTo>
                  <a:pt x="76" y="8"/>
                </a:moveTo>
                <a:cubicBezTo>
                  <a:pt x="83" y="8"/>
                  <a:pt x="88" y="13"/>
                  <a:pt x="88" y="20"/>
                </a:cubicBezTo>
                <a:cubicBezTo>
                  <a:pt x="88" y="27"/>
                  <a:pt x="83" y="32"/>
                  <a:pt x="76" y="32"/>
                </a:cubicBezTo>
                <a:cubicBezTo>
                  <a:pt x="69" y="32"/>
                  <a:pt x="64" y="27"/>
                  <a:pt x="64" y="20"/>
                </a:cubicBezTo>
                <a:cubicBezTo>
                  <a:pt x="64" y="13"/>
                  <a:pt x="69" y="8"/>
                  <a:pt x="76" y="8"/>
                </a:cubicBezTo>
                <a:close/>
                <a:moveTo>
                  <a:pt x="148" y="40"/>
                </a:moveTo>
                <a:cubicBezTo>
                  <a:pt x="159" y="40"/>
                  <a:pt x="168" y="31"/>
                  <a:pt x="168" y="20"/>
                </a:cubicBezTo>
                <a:cubicBezTo>
                  <a:pt x="168" y="9"/>
                  <a:pt x="159" y="0"/>
                  <a:pt x="148" y="0"/>
                </a:cubicBezTo>
                <a:cubicBezTo>
                  <a:pt x="137" y="0"/>
                  <a:pt x="128" y="9"/>
                  <a:pt x="128" y="20"/>
                </a:cubicBezTo>
                <a:cubicBezTo>
                  <a:pt x="128" y="31"/>
                  <a:pt x="137" y="40"/>
                  <a:pt x="148" y="40"/>
                </a:cubicBezTo>
                <a:close/>
                <a:moveTo>
                  <a:pt x="148" y="8"/>
                </a:moveTo>
                <a:cubicBezTo>
                  <a:pt x="155" y="8"/>
                  <a:pt x="160" y="13"/>
                  <a:pt x="160" y="20"/>
                </a:cubicBezTo>
                <a:cubicBezTo>
                  <a:pt x="160" y="27"/>
                  <a:pt x="155" y="32"/>
                  <a:pt x="148" y="32"/>
                </a:cubicBezTo>
                <a:cubicBezTo>
                  <a:pt x="141" y="32"/>
                  <a:pt x="136" y="27"/>
                  <a:pt x="136" y="20"/>
                </a:cubicBezTo>
                <a:cubicBezTo>
                  <a:pt x="136" y="13"/>
                  <a:pt x="141" y="8"/>
                  <a:pt x="148" y="8"/>
                </a:cubicBezTo>
                <a:close/>
                <a:moveTo>
                  <a:pt x="212" y="75"/>
                </a:moveTo>
                <a:cubicBezTo>
                  <a:pt x="211" y="75"/>
                  <a:pt x="211" y="75"/>
                  <a:pt x="211" y="75"/>
                </a:cubicBezTo>
                <a:cubicBezTo>
                  <a:pt x="201" y="72"/>
                  <a:pt x="201" y="72"/>
                  <a:pt x="201" y="72"/>
                </a:cubicBezTo>
                <a:cubicBezTo>
                  <a:pt x="200" y="72"/>
                  <a:pt x="198" y="72"/>
                  <a:pt x="197" y="73"/>
                </a:cubicBezTo>
                <a:cubicBezTo>
                  <a:pt x="184" y="86"/>
                  <a:pt x="184" y="86"/>
                  <a:pt x="184" y="86"/>
                </a:cubicBezTo>
                <a:cubicBezTo>
                  <a:pt x="171" y="73"/>
                  <a:pt x="171" y="73"/>
                  <a:pt x="171" y="73"/>
                </a:cubicBezTo>
                <a:cubicBezTo>
                  <a:pt x="170" y="72"/>
                  <a:pt x="168" y="72"/>
                  <a:pt x="167" y="72"/>
                </a:cubicBezTo>
                <a:cubicBezTo>
                  <a:pt x="157" y="75"/>
                  <a:pt x="157" y="75"/>
                  <a:pt x="157" y="75"/>
                </a:cubicBezTo>
                <a:cubicBezTo>
                  <a:pt x="156" y="75"/>
                  <a:pt x="156" y="75"/>
                  <a:pt x="156" y="75"/>
                </a:cubicBezTo>
                <a:cubicBezTo>
                  <a:pt x="153" y="76"/>
                  <a:pt x="150" y="78"/>
                  <a:pt x="148" y="81"/>
                </a:cubicBezTo>
                <a:cubicBezTo>
                  <a:pt x="146" y="78"/>
                  <a:pt x="143" y="76"/>
                  <a:pt x="140" y="75"/>
                </a:cubicBezTo>
                <a:cubicBezTo>
                  <a:pt x="139" y="75"/>
                  <a:pt x="139" y="75"/>
                  <a:pt x="139" y="75"/>
                </a:cubicBezTo>
                <a:cubicBezTo>
                  <a:pt x="129" y="72"/>
                  <a:pt x="129" y="72"/>
                  <a:pt x="129" y="72"/>
                </a:cubicBezTo>
                <a:cubicBezTo>
                  <a:pt x="128" y="72"/>
                  <a:pt x="126" y="72"/>
                  <a:pt x="125" y="73"/>
                </a:cubicBezTo>
                <a:cubicBezTo>
                  <a:pt x="112" y="86"/>
                  <a:pt x="112" y="86"/>
                  <a:pt x="112" y="86"/>
                </a:cubicBezTo>
                <a:cubicBezTo>
                  <a:pt x="99" y="73"/>
                  <a:pt x="99" y="73"/>
                  <a:pt x="99" y="73"/>
                </a:cubicBezTo>
                <a:cubicBezTo>
                  <a:pt x="98" y="72"/>
                  <a:pt x="96" y="72"/>
                  <a:pt x="95" y="72"/>
                </a:cubicBezTo>
                <a:cubicBezTo>
                  <a:pt x="85" y="75"/>
                  <a:pt x="85" y="75"/>
                  <a:pt x="85" y="75"/>
                </a:cubicBezTo>
                <a:cubicBezTo>
                  <a:pt x="84" y="75"/>
                  <a:pt x="84" y="75"/>
                  <a:pt x="84" y="75"/>
                </a:cubicBezTo>
                <a:cubicBezTo>
                  <a:pt x="81" y="76"/>
                  <a:pt x="78" y="78"/>
                  <a:pt x="76" y="81"/>
                </a:cubicBezTo>
                <a:cubicBezTo>
                  <a:pt x="74" y="78"/>
                  <a:pt x="71" y="76"/>
                  <a:pt x="68" y="75"/>
                </a:cubicBezTo>
                <a:cubicBezTo>
                  <a:pt x="67" y="75"/>
                  <a:pt x="67" y="75"/>
                  <a:pt x="67" y="75"/>
                </a:cubicBezTo>
                <a:cubicBezTo>
                  <a:pt x="57" y="72"/>
                  <a:pt x="57" y="72"/>
                  <a:pt x="57" y="72"/>
                </a:cubicBezTo>
                <a:cubicBezTo>
                  <a:pt x="56" y="72"/>
                  <a:pt x="54" y="72"/>
                  <a:pt x="53" y="73"/>
                </a:cubicBezTo>
                <a:cubicBezTo>
                  <a:pt x="40" y="86"/>
                  <a:pt x="40" y="86"/>
                  <a:pt x="40" y="86"/>
                </a:cubicBezTo>
                <a:cubicBezTo>
                  <a:pt x="27" y="73"/>
                  <a:pt x="27" y="73"/>
                  <a:pt x="27" y="73"/>
                </a:cubicBezTo>
                <a:cubicBezTo>
                  <a:pt x="26" y="72"/>
                  <a:pt x="24" y="72"/>
                  <a:pt x="23" y="72"/>
                </a:cubicBezTo>
                <a:cubicBezTo>
                  <a:pt x="13" y="75"/>
                  <a:pt x="13" y="75"/>
                  <a:pt x="13" y="75"/>
                </a:cubicBezTo>
                <a:cubicBezTo>
                  <a:pt x="12" y="75"/>
                  <a:pt x="12" y="75"/>
                  <a:pt x="12" y="75"/>
                </a:cubicBezTo>
                <a:cubicBezTo>
                  <a:pt x="5" y="77"/>
                  <a:pt x="0" y="84"/>
                  <a:pt x="0" y="92"/>
                </a:cubicBezTo>
                <a:cubicBezTo>
                  <a:pt x="0" y="132"/>
                  <a:pt x="0" y="132"/>
                  <a:pt x="0" y="132"/>
                </a:cubicBezTo>
                <a:cubicBezTo>
                  <a:pt x="0" y="142"/>
                  <a:pt x="7" y="150"/>
                  <a:pt x="16" y="152"/>
                </a:cubicBezTo>
                <a:cubicBezTo>
                  <a:pt x="16" y="204"/>
                  <a:pt x="16" y="204"/>
                  <a:pt x="16" y="204"/>
                </a:cubicBezTo>
                <a:cubicBezTo>
                  <a:pt x="16" y="205"/>
                  <a:pt x="16" y="206"/>
                  <a:pt x="17" y="207"/>
                </a:cubicBezTo>
                <a:cubicBezTo>
                  <a:pt x="18" y="208"/>
                  <a:pt x="19" y="208"/>
                  <a:pt x="20" y="208"/>
                </a:cubicBezTo>
                <a:cubicBezTo>
                  <a:pt x="60" y="208"/>
                  <a:pt x="60" y="208"/>
                  <a:pt x="60" y="208"/>
                </a:cubicBezTo>
                <a:cubicBezTo>
                  <a:pt x="61" y="208"/>
                  <a:pt x="62" y="208"/>
                  <a:pt x="63" y="207"/>
                </a:cubicBezTo>
                <a:cubicBezTo>
                  <a:pt x="64" y="206"/>
                  <a:pt x="64" y="205"/>
                  <a:pt x="64" y="204"/>
                </a:cubicBezTo>
                <a:cubicBezTo>
                  <a:pt x="64" y="152"/>
                  <a:pt x="64" y="152"/>
                  <a:pt x="64" y="152"/>
                </a:cubicBezTo>
                <a:cubicBezTo>
                  <a:pt x="69" y="151"/>
                  <a:pt x="73" y="148"/>
                  <a:pt x="76" y="144"/>
                </a:cubicBezTo>
                <a:cubicBezTo>
                  <a:pt x="79" y="148"/>
                  <a:pt x="83" y="151"/>
                  <a:pt x="88" y="152"/>
                </a:cubicBezTo>
                <a:cubicBezTo>
                  <a:pt x="88" y="204"/>
                  <a:pt x="88" y="204"/>
                  <a:pt x="88" y="204"/>
                </a:cubicBezTo>
                <a:cubicBezTo>
                  <a:pt x="88" y="205"/>
                  <a:pt x="88" y="206"/>
                  <a:pt x="89" y="207"/>
                </a:cubicBezTo>
                <a:cubicBezTo>
                  <a:pt x="90" y="208"/>
                  <a:pt x="91" y="208"/>
                  <a:pt x="92" y="208"/>
                </a:cubicBezTo>
                <a:cubicBezTo>
                  <a:pt x="132" y="208"/>
                  <a:pt x="132" y="208"/>
                  <a:pt x="132" y="208"/>
                </a:cubicBezTo>
                <a:cubicBezTo>
                  <a:pt x="133" y="208"/>
                  <a:pt x="134" y="208"/>
                  <a:pt x="135" y="207"/>
                </a:cubicBezTo>
                <a:cubicBezTo>
                  <a:pt x="136" y="206"/>
                  <a:pt x="136" y="205"/>
                  <a:pt x="136" y="204"/>
                </a:cubicBezTo>
                <a:cubicBezTo>
                  <a:pt x="136" y="152"/>
                  <a:pt x="136" y="152"/>
                  <a:pt x="136" y="152"/>
                </a:cubicBezTo>
                <a:cubicBezTo>
                  <a:pt x="141" y="151"/>
                  <a:pt x="145" y="148"/>
                  <a:pt x="148" y="144"/>
                </a:cubicBezTo>
                <a:cubicBezTo>
                  <a:pt x="151" y="148"/>
                  <a:pt x="155" y="151"/>
                  <a:pt x="160" y="152"/>
                </a:cubicBezTo>
                <a:cubicBezTo>
                  <a:pt x="160" y="204"/>
                  <a:pt x="160" y="204"/>
                  <a:pt x="160" y="204"/>
                </a:cubicBezTo>
                <a:cubicBezTo>
                  <a:pt x="160" y="205"/>
                  <a:pt x="160" y="206"/>
                  <a:pt x="161" y="207"/>
                </a:cubicBezTo>
                <a:cubicBezTo>
                  <a:pt x="162" y="208"/>
                  <a:pt x="163" y="208"/>
                  <a:pt x="164" y="208"/>
                </a:cubicBezTo>
                <a:cubicBezTo>
                  <a:pt x="204" y="208"/>
                  <a:pt x="204" y="208"/>
                  <a:pt x="204" y="208"/>
                </a:cubicBezTo>
                <a:cubicBezTo>
                  <a:pt x="205" y="208"/>
                  <a:pt x="206" y="208"/>
                  <a:pt x="207" y="207"/>
                </a:cubicBezTo>
                <a:cubicBezTo>
                  <a:pt x="208" y="206"/>
                  <a:pt x="208" y="205"/>
                  <a:pt x="208" y="204"/>
                </a:cubicBezTo>
                <a:cubicBezTo>
                  <a:pt x="208" y="152"/>
                  <a:pt x="208" y="152"/>
                  <a:pt x="208" y="152"/>
                </a:cubicBezTo>
                <a:cubicBezTo>
                  <a:pt x="217" y="150"/>
                  <a:pt x="224" y="142"/>
                  <a:pt x="224" y="132"/>
                </a:cubicBezTo>
                <a:cubicBezTo>
                  <a:pt x="224" y="92"/>
                  <a:pt x="224" y="92"/>
                  <a:pt x="224" y="92"/>
                </a:cubicBezTo>
                <a:cubicBezTo>
                  <a:pt x="224" y="84"/>
                  <a:pt x="219" y="77"/>
                  <a:pt x="212" y="75"/>
                </a:cubicBezTo>
                <a:close/>
                <a:moveTo>
                  <a:pt x="72" y="132"/>
                </a:moveTo>
                <a:cubicBezTo>
                  <a:pt x="72" y="137"/>
                  <a:pt x="69" y="142"/>
                  <a:pt x="64" y="143"/>
                </a:cubicBezTo>
                <a:cubicBezTo>
                  <a:pt x="64" y="100"/>
                  <a:pt x="64" y="100"/>
                  <a:pt x="64" y="100"/>
                </a:cubicBezTo>
                <a:cubicBezTo>
                  <a:pt x="64" y="98"/>
                  <a:pt x="62" y="96"/>
                  <a:pt x="60" y="96"/>
                </a:cubicBezTo>
                <a:cubicBezTo>
                  <a:pt x="58" y="96"/>
                  <a:pt x="56" y="98"/>
                  <a:pt x="56" y="100"/>
                </a:cubicBezTo>
                <a:cubicBezTo>
                  <a:pt x="56" y="200"/>
                  <a:pt x="56" y="200"/>
                  <a:pt x="56" y="200"/>
                </a:cubicBezTo>
                <a:cubicBezTo>
                  <a:pt x="44" y="200"/>
                  <a:pt x="44" y="200"/>
                  <a:pt x="44" y="200"/>
                </a:cubicBezTo>
                <a:cubicBezTo>
                  <a:pt x="44" y="140"/>
                  <a:pt x="44" y="140"/>
                  <a:pt x="44" y="140"/>
                </a:cubicBezTo>
                <a:cubicBezTo>
                  <a:pt x="44" y="138"/>
                  <a:pt x="42" y="136"/>
                  <a:pt x="40" y="136"/>
                </a:cubicBezTo>
                <a:cubicBezTo>
                  <a:pt x="38" y="136"/>
                  <a:pt x="36" y="138"/>
                  <a:pt x="36" y="140"/>
                </a:cubicBezTo>
                <a:cubicBezTo>
                  <a:pt x="36" y="200"/>
                  <a:pt x="36" y="200"/>
                  <a:pt x="36" y="200"/>
                </a:cubicBezTo>
                <a:cubicBezTo>
                  <a:pt x="24" y="200"/>
                  <a:pt x="24" y="200"/>
                  <a:pt x="24" y="200"/>
                </a:cubicBezTo>
                <a:cubicBezTo>
                  <a:pt x="24" y="100"/>
                  <a:pt x="24" y="100"/>
                  <a:pt x="24" y="100"/>
                </a:cubicBezTo>
                <a:cubicBezTo>
                  <a:pt x="24" y="98"/>
                  <a:pt x="22" y="96"/>
                  <a:pt x="20" y="96"/>
                </a:cubicBezTo>
                <a:cubicBezTo>
                  <a:pt x="18" y="96"/>
                  <a:pt x="16" y="98"/>
                  <a:pt x="16" y="100"/>
                </a:cubicBezTo>
                <a:cubicBezTo>
                  <a:pt x="16" y="143"/>
                  <a:pt x="16" y="143"/>
                  <a:pt x="16" y="143"/>
                </a:cubicBezTo>
                <a:cubicBezTo>
                  <a:pt x="11" y="142"/>
                  <a:pt x="8" y="137"/>
                  <a:pt x="8" y="132"/>
                </a:cubicBezTo>
                <a:cubicBezTo>
                  <a:pt x="8" y="92"/>
                  <a:pt x="8" y="92"/>
                  <a:pt x="8" y="92"/>
                </a:cubicBezTo>
                <a:cubicBezTo>
                  <a:pt x="8" y="88"/>
                  <a:pt x="11" y="84"/>
                  <a:pt x="15" y="82"/>
                </a:cubicBezTo>
                <a:cubicBezTo>
                  <a:pt x="23" y="80"/>
                  <a:pt x="23" y="80"/>
                  <a:pt x="23" y="80"/>
                </a:cubicBezTo>
                <a:cubicBezTo>
                  <a:pt x="37" y="95"/>
                  <a:pt x="37" y="95"/>
                  <a:pt x="37" y="95"/>
                </a:cubicBezTo>
                <a:cubicBezTo>
                  <a:pt x="38" y="96"/>
                  <a:pt x="39" y="96"/>
                  <a:pt x="40" y="96"/>
                </a:cubicBezTo>
                <a:cubicBezTo>
                  <a:pt x="41" y="96"/>
                  <a:pt x="42" y="96"/>
                  <a:pt x="43" y="95"/>
                </a:cubicBezTo>
                <a:cubicBezTo>
                  <a:pt x="57" y="80"/>
                  <a:pt x="57" y="80"/>
                  <a:pt x="57" y="80"/>
                </a:cubicBezTo>
                <a:cubicBezTo>
                  <a:pt x="65" y="82"/>
                  <a:pt x="65" y="82"/>
                  <a:pt x="65" y="82"/>
                </a:cubicBezTo>
                <a:cubicBezTo>
                  <a:pt x="69" y="84"/>
                  <a:pt x="72" y="88"/>
                  <a:pt x="72" y="92"/>
                </a:cubicBezTo>
                <a:lnTo>
                  <a:pt x="72" y="132"/>
                </a:lnTo>
                <a:close/>
                <a:moveTo>
                  <a:pt x="144" y="132"/>
                </a:moveTo>
                <a:cubicBezTo>
                  <a:pt x="144" y="137"/>
                  <a:pt x="141" y="142"/>
                  <a:pt x="136" y="143"/>
                </a:cubicBezTo>
                <a:cubicBezTo>
                  <a:pt x="136" y="100"/>
                  <a:pt x="136" y="100"/>
                  <a:pt x="136" y="100"/>
                </a:cubicBezTo>
                <a:cubicBezTo>
                  <a:pt x="136" y="98"/>
                  <a:pt x="134" y="96"/>
                  <a:pt x="132" y="96"/>
                </a:cubicBezTo>
                <a:cubicBezTo>
                  <a:pt x="130" y="96"/>
                  <a:pt x="128" y="98"/>
                  <a:pt x="128" y="100"/>
                </a:cubicBezTo>
                <a:cubicBezTo>
                  <a:pt x="128" y="200"/>
                  <a:pt x="128" y="200"/>
                  <a:pt x="128" y="200"/>
                </a:cubicBezTo>
                <a:cubicBezTo>
                  <a:pt x="116" y="200"/>
                  <a:pt x="116" y="200"/>
                  <a:pt x="116" y="200"/>
                </a:cubicBezTo>
                <a:cubicBezTo>
                  <a:pt x="116" y="140"/>
                  <a:pt x="116" y="140"/>
                  <a:pt x="116" y="140"/>
                </a:cubicBezTo>
                <a:cubicBezTo>
                  <a:pt x="116" y="138"/>
                  <a:pt x="114" y="136"/>
                  <a:pt x="112" y="136"/>
                </a:cubicBezTo>
                <a:cubicBezTo>
                  <a:pt x="110" y="136"/>
                  <a:pt x="108" y="138"/>
                  <a:pt x="108" y="140"/>
                </a:cubicBezTo>
                <a:cubicBezTo>
                  <a:pt x="108" y="200"/>
                  <a:pt x="108" y="200"/>
                  <a:pt x="108" y="200"/>
                </a:cubicBezTo>
                <a:cubicBezTo>
                  <a:pt x="96" y="200"/>
                  <a:pt x="96" y="200"/>
                  <a:pt x="96" y="200"/>
                </a:cubicBezTo>
                <a:cubicBezTo>
                  <a:pt x="96" y="100"/>
                  <a:pt x="96" y="100"/>
                  <a:pt x="96" y="100"/>
                </a:cubicBezTo>
                <a:cubicBezTo>
                  <a:pt x="96" y="98"/>
                  <a:pt x="94" y="96"/>
                  <a:pt x="92" y="96"/>
                </a:cubicBezTo>
                <a:cubicBezTo>
                  <a:pt x="90" y="96"/>
                  <a:pt x="88" y="98"/>
                  <a:pt x="88" y="100"/>
                </a:cubicBezTo>
                <a:cubicBezTo>
                  <a:pt x="88" y="143"/>
                  <a:pt x="88" y="143"/>
                  <a:pt x="88" y="143"/>
                </a:cubicBezTo>
                <a:cubicBezTo>
                  <a:pt x="83" y="142"/>
                  <a:pt x="80" y="137"/>
                  <a:pt x="80" y="132"/>
                </a:cubicBezTo>
                <a:cubicBezTo>
                  <a:pt x="80" y="92"/>
                  <a:pt x="80" y="92"/>
                  <a:pt x="80" y="92"/>
                </a:cubicBezTo>
                <a:cubicBezTo>
                  <a:pt x="80" y="88"/>
                  <a:pt x="83" y="84"/>
                  <a:pt x="87" y="82"/>
                </a:cubicBezTo>
                <a:cubicBezTo>
                  <a:pt x="95" y="80"/>
                  <a:pt x="95" y="80"/>
                  <a:pt x="95" y="80"/>
                </a:cubicBezTo>
                <a:cubicBezTo>
                  <a:pt x="109" y="95"/>
                  <a:pt x="109" y="95"/>
                  <a:pt x="109" y="95"/>
                </a:cubicBezTo>
                <a:cubicBezTo>
                  <a:pt x="110" y="96"/>
                  <a:pt x="111" y="96"/>
                  <a:pt x="112" y="96"/>
                </a:cubicBezTo>
                <a:cubicBezTo>
                  <a:pt x="113" y="96"/>
                  <a:pt x="114" y="96"/>
                  <a:pt x="115" y="95"/>
                </a:cubicBezTo>
                <a:cubicBezTo>
                  <a:pt x="129" y="80"/>
                  <a:pt x="129" y="80"/>
                  <a:pt x="129" y="80"/>
                </a:cubicBezTo>
                <a:cubicBezTo>
                  <a:pt x="137" y="82"/>
                  <a:pt x="137" y="82"/>
                  <a:pt x="137" y="82"/>
                </a:cubicBezTo>
                <a:cubicBezTo>
                  <a:pt x="141" y="84"/>
                  <a:pt x="144" y="88"/>
                  <a:pt x="144" y="92"/>
                </a:cubicBezTo>
                <a:lnTo>
                  <a:pt x="144" y="132"/>
                </a:lnTo>
                <a:close/>
                <a:moveTo>
                  <a:pt x="208" y="143"/>
                </a:moveTo>
                <a:cubicBezTo>
                  <a:pt x="208" y="100"/>
                  <a:pt x="208" y="100"/>
                  <a:pt x="208" y="100"/>
                </a:cubicBezTo>
                <a:cubicBezTo>
                  <a:pt x="208" y="98"/>
                  <a:pt x="206" y="96"/>
                  <a:pt x="204" y="96"/>
                </a:cubicBezTo>
                <a:cubicBezTo>
                  <a:pt x="202" y="96"/>
                  <a:pt x="200" y="98"/>
                  <a:pt x="200" y="100"/>
                </a:cubicBezTo>
                <a:cubicBezTo>
                  <a:pt x="200" y="200"/>
                  <a:pt x="200" y="200"/>
                  <a:pt x="200" y="200"/>
                </a:cubicBezTo>
                <a:cubicBezTo>
                  <a:pt x="188" y="200"/>
                  <a:pt x="188" y="200"/>
                  <a:pt x="188" y="200"/>
                </a:cubicBezTo>
                <a:cubicBezTo>
                  <a:pt x="188" y="140"/>
                  <a:pt x="188" y="140"/>
                  <a:pt x="188" y="140"/>
                </a:cubicBezTo>
                <a:cubicBezTo>
                  <a:pt x="188" y="138"/>
                  <a:pt x="186" y="136"/>
                  <a:pt x="184" y="136"/>
                </a:cubicBezTo>
                <a:cubicBezTo>
                  <a:pt x="182" y="136"/>
                  <a:pt x="180" y="138"/>
                  <a:pt x="180" y="140"/>
                </a:cubicBezTo>
                <a:cubicBezTo>
                  <a:pt x="180" y="200"/>
                  <a:pt x="180" y="200"/>
                  <a:pt x="180" y="200"/>
                </a:cubicBezTo>
                <a:cubicBezTo>
                  <a:pt x="168" y="200"/>
                  <a:pt x="168" y="200"/>
                  <a:pt x="168" y="200"/>
                </a:cubicBezTo>
                <a:cubicBezTo>
                  <a:pt x="168" y="100"/>
                  <a:pt x="168" y="100"/>
                  <a:pt x="168" y="100"/>
                </a:cubicBezTo>
                <a:cubicBezTo>
                  <a:pt x="168" y="98"/>
                  <a:pt x="166" y="96"/>
                  <a:pt x="164" y="96"/>
                </a:cubicBezTo>
                <a:cubicBezTo>
                  <a:pt x="162" y="96"/>
                  <a:pt x="160" y="98"/>
                  <a:pt x="160" y="100"/>
                </a:cubicBezTo>
                <a:cubicBezTo>
                  <a:pt x="160" y="143"/>
                  <a:pt x="160" y="143"/>
                  <a:pt x="160" y="143"/>
                </a:cubicBezTo>
                <a:cubicBezTo>
                  <a:pt x="155" y="142"/>
                  <a:pt x="152" y="137"/>
                  <a:pt x="152" y="132"/>
                </a:cubicBezTo>
                <a:cubicBezTo>
                  <a:pt x="152" y="92"/>
                  <a:pt x="152" y="92"/>
                  <a:pt x="152" y="92"/>
                </a:cubicBezTo>
                <a:cubicBezTo>
                  <a:pt x="152" y="88"/>
                  <a:pt x="155" y="84"/>
                  <a:pt x="159" y="82"/>
                </a:cubicBezTo>
                <a:cubicBezTo>
                  <a:pt x="167" y="80"/>
                  <a:pt x="167" y="80"/>
                  <a:pt x="167" y="80"/>
                </a:cubicBezTo>
                <a:cubicBezTo>
                  <a:pt x="181" y="95"/>
                  <a:pt x="181" y="95"/>
                  <a:pt x="181" y="95"/>
                </a:cubicBezTo>
                <a:cubicBezTo>
                  <a:pt x="182" y="96"/>
                  <a:pt x="183" y="96"/>
                  <a:pt x="184" y="96"/>
                </a:cubicBezTo>
                <a:cubicBezTo>
                  <a:pt x="185" y="96"/>
                  <a:pt x="186" y="96"/>
                  <a:pt x="187" y="95"/>
                </a:cubicBezTo>
                <a:cubicBezTo>
                  <a:pt x="201" y="80"/>
                  <a:pt x="201" y="80"/>
                  <a:pt x="201" y="80"/>
                </a:cubicBezTo>
                <a:cubicBezTo>
                  <a:pt x="209" y="82"/>
                  <a:pt x="209" y="82"/>
                  <a:pt x="209" y="82"/>
                </a:cubicBezTo>
                <a:cubicBezTo>
                  <a:pt x="213" y="84"/>
                  <a:pt x="216" y="88"/>
                  <a:pt x="216" y="92"/>
                </a:cubicBezTo>
                <a:cubicBezTo>
                  <a:pt x="216" y="132"/>
                  <a:pt x="216" y="132"/>
                  <a:pt x="216" y="132"/>
                </a:cubicBezTo>
                <a:cubicBezTo>
                  <a:pt x="216" y="137"/>
                  <a:pt x="213" y="142"/>
                  <a:pt x="208" y="143"/>
                </a:cubicBezTo>
                <a:close/>
                <a:moveTo>
                  <a:pt x="184" y="72"/>
                </a:moveTo>
                <a:cubicBezTo>
                  <a:pt x="195" y="72"/>
                  <a:pt x="204" y="63"/>
                  <a:pt x="204" y="52"/>
                </a:cubicBezTo>
                <a:cubicBezTo>
                  <a:pt x="204" y="41"/>
                  <a:pt x="195" y="32"/>
                  <a:pt x="184" y="32"/>
                </a:cubicBezTo>
                <a:cubicBezTo>
                  <a:pt x="173" y="32"/>
                  <a:pt x="164" y="41"/>
                  <a:pt x="164" y="52"/>
                </a:cubicBezTo>
                <a:cubicBezTo>
                  <a:pt x="164" y="63"/>
                  <a:pt x="173" y="72"/>
                  <a:pt x="184" y="72"/>
                </a:cubicBezTo>
                <a:close/>
                <a:moveTo>
                  <a:pt x="184" y="40"/>
                </a:moveTo>
                <a:cubicBezTo>
                  <a:pt x="191" y="40"/>
                  <a:pt x="196" y="45"/>
                  <a:pt x="196" y="52"/>
                </a:cubicBezTo>
                <a:cubicBezTo>
                  <a:pt x="196" y="59"/>
                  <a:pt x="191" y="64"/>
                  <a:pt x="184" y="64"/>
                </a:cubicBezTo>
                <a:cubicBezTo>
                  <a:pt x="177" y="64"/>
                  <a:pt x="172" y="59"/>
                  <a:pt x="172" y="52"/>
                </a:cubicBezTo>
                <a:cubicBezTo>
                  <a:pt x="172" y="45"/>
                  <a:pt x="177" y="40"/>
                  <a:pt x="184" y="40"/>
                </a:cubicBezTo>
                <a:close/>
              </a:path>
            </a:pathLst>
          </a:custGeom>
          <a:solidFill>
            <a:srgbClr val="EE2F66"/>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53" name="TextBox 52">
            <a:extLst>
              <a:ext uri="{FF2B5EF4-FFF2-40B4-BE49-F238E27FC236}">
                <a16:creationId xmlns:a16="http://schemas.microsoft.com/office/drawing/2014/main" id="{6E6470D3-61C9-0010-34B7-8D022EC34369}"/>
              </a:ext>
            </a:extLst>
          </p:cNvPr>
          <p:cNvSpPr txBox="1"/>
          <p:nvPr/>
        </p:nvSpPr>
        <p:spPr>
          <a:xfrm>
            <a:off x="9857248" y="3349233"/>
            <a:ext cx="1436160"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lang="da-DK" sz="1000" noProof="0" dirty="0">
                <a:solidFill>
                  <a:srgbClr val="000000"/>
                </a:solidFill>
                <a:latin typeface="Arial" panose="020B0604020202020204" pitchFamily="34" charset="0"/>
              </a:rPr>
              <a:t>Øget</a:t>
            </a: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 acceleration af konkrete initiativer hos myndighederne.</a:t>
            </a:r>
          </a:p>
        </p:txBody>
      </p:sp>
      <p:grpSp>
        <p:nvGrpSpPr>
          <p:cNvPr id="55" name="Group 54">
            <a:extLst>
              <a:ext uri="{FF2B5EF4-FFF2-40B4-BE49-F238E27FC236}">
                <a16:creationId xmlns:a16="http://schemas.microsoft.com/office/drawing/2014/main" id="{DFCCDAAE-D6AD-CECA-1028-1F88F761BD1D}"/>
              </a:ext>
              <a:ext uri="{C183D7F6-B498-43B3-948B-1728B52AA6E4}">
                <adec:decorative xmlns:adec="http://schemas.microsoft.com/office/drawing/2017/decorative" val="1"/>
              </a:ext>
            </a:extLst>
          </p:cNvPr>
          <p:cNvGrpSpPr/>
          <p:nvPr/>
        </p:nvGrpSpPr>
        <p:grpSpPr>
          <a:xfrm>
            <a:off x="9565600" y="3349233"/>
            <a:ext cx="218250" cy="210236"/>
            <a:chOff x="9564973" y="2233094"/>
            <a:chExt cx="218250" cy="210236"/>
          </a:xfrm>
        </p:grpSpPr>
        <p:sp>
          <p:nvSpPr>
            <p:cNvPr id="56" name="Oval 55">
              <a:extLst>
                <a:ext uri="{FF2B5EF4-FFF2-40B4-BE49-F238E27FC236}">
                  <a16:creationId xmlns:a16="http://schemas.microsoft.com/office/drawing/2014/main" id="{1D912761-8AB0-56D1-7CAB-AD583D685FE0}"/>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7" name="Freeform 24">
              <a:extLst>
                <a:ext uri="{FF2B5EF4-FFF2-40B4-BE49-F238E27FC236}">
                  <a16:creationId xmlns:a16="http://schemas.microsoft.com/office/drawing/2014/main" id="{77D9845B-03D0-D9DF-CFAD-A1F4A5A7F12A}"/>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5" name="TextBox 4">
            <a:extLst>
              <a:ext uri="{FF2B5EF4-FFF2-40B4-BE49-F238E27FC236}">
                <a16:creationId xmlns:a16="http://schemas.microsoft.com/office/drawing/2014/main" id="{DAF1C6BC-E406-3D1A-D818-05ADABBE0FA7}"/>
              </a:ext>
            </a:extLst>
          </p:cNvPr>
          <p:cNvSpPr txBox="1"/>
          <p:nvPr/>
        </p:nvSpPr>
        <p:spPr>
          <a:xfrm>
            <a:off x="7135196" y="4384984"/>
            <a:ext cx="4080640" cy="246221"/>
          </a:xfrm>
          <a:prstGeom prst="rect">
            <a:avLst/>
          </a:prstGeom>
          <a:noFill/>
        </p:spPr>
        <p:txBody>
          <a:bodyPr wrap="square">
            <a:spAutoFit/>
          </a:bodyPr>
          <a:lstStyle/>
          <a:p>
            <a:r>
              <a:rPr lang="da-DK" sz="1000" b="1" noProof="0"/>
              <a:t>Forudsætninger for effektiv implementering</a:t>
            </a:r>
            <a:endParaRPr lang="da-DK" sz="1000" noProof="0"/>
          </a:p>
        </p:txBody>
      </p:sp>
      <p:sp>
        <p:nvSpPr>
          <p:cNvPr id="102" name="Left Brace 101">
            <a:extLst>
              <a:ext uri="{FF2B5EF4-FFF2-40B4-BE49-F238E27FC236}">
                <a16:creationId xmlns:a16="http://schemas.microsoft.com/office/drawing/2014/main" id="{73EB8418-E3D7-91A6-FC6B-089396023B62}"/>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105" name="Rounded Rectangle 127">
            <a:extLst>
              <a:ext uri="{FF2B5EF4-FFF2-40B4-BE49-F238E27FC236}">
                <a16:creationId xmlns:a16="http://schemas.microsoft.com/office/drawing/2014/main" id="{29E4D376-9299-2F5B-5B1B-E98374D820F1}"/>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r>
              <a:rPr lang="da-DK" sz="1000" noProof="0">
                <a:solidFill>
                  <a:schemeClr val="tx1"/>
                </a:solidFill>
                <a:latin typeface="Arial" panose="020B0604020202020204" pitchFamily="34" charset="0"/>
              </a:rPr>
              <a:t>Afklaring af ambitionsniveau og målgrupper både på sektorniveau og i det fællesoffentlige samarbejde. </a:t>
            </a:r>
          </a:p>
        </p:txBody>
      </p:sp>
      <p:grpSp>
        <p:nvGrpSpPr>
          <p:cNvPr id="106" name="Group 105">
            <a:extLst>
              <a:ext uri="{FF2B5EF4-FFF2-40B4-BE49-F238E27FC236}">
                <a16:creationId xmlns:a16="http://schemas.microsoft.com/office/drawing/2014/main" id="{2D42BB00-5D59-2227-8A93-0E0AD76A554B}"/>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107" name="Oval 106">
              <a:extLst>
                <a:ext uri="{FF2B5EF4-FFF2-40B4-BE49-F238E27FC236}">
                  <a16:creationId xmlns:a16="http://schemas.microsoft.com/office/drawing/2014/main" id="{75B36C4D-0CC4-541E-626D-A800775E6715}"/>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8" name="Oval 107">
              <a:extLst>
                <a:ext uri="{FF2B5EF4-FFF2-40B4-BE49-F238E27FC236}">
                  <a16:creationId xmlns:a16="http://schemas.microsoft.com/office/drawing/2014/main" id="{2CD98F78-EAC3-7817-90F6-965191944189}"/>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10" name="Rounded Rectangle 127">
            <a:extLst>
              <a:ext uri="{FF2B5EF4-FFF2-40B4-BE49-F238E27FC236}">
                <a16:creationId xmlns:a16="http://schemas.microsoft.com/office/drawing/2014/main" id="{4D3EABB0-7E58-5296-CB01-92CF687ED6C2}"/>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Strategisk kobling til igangsatte netværk og initiativer samt samarbejde mellem aktører, som arbejder med agendaen. </a:t>
            </a:r>
          </a:p>
        </p:txBody>
      </p:sp>
      <p:grpSp>
        <p:nvGrpSpPr>
          <p:cNvPr id="111" name="Group 110">
            <a:extLst>
              <a:ext uri="{FF2B5EF4-FFF2-40B4-BE49-F238E27FC236}">
                <a16:creationId xmlns:a16="http://schemas.microsoft.com/office/drawing/2014/main" id="{A2A82A16-B181-572B-C8CF-29133A98F0CD}"/>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112" name="Oval 111">
              <a:extLst>
                <a:ext uri="{FF2B5EF4-FFF2-40B4-BE49-F238E27FC236}">
                  <a16:creationId xmlns:a16="http://schemas.microsoft.com/office/drawing/2014/main" id="{322CD3DB-16C7-E91B-69D3-933B3C996A62}"/>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13" name="Oval 112">
              <a:extLst>
                <a:ext uri="{FF2B5EF4-FFF2-40B4-BE49-F238E27FC236}">
                  <a16:creationId xmlns:a16="http://schemas.microsoft.com/office/drawing/2014/main" id="{BBABF4DE-9EC6-0329-9263-9BFE4CC6E0D7}"/>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15" name="Rounded Rectangle 127">
            <a:extLst>
              <a:ext uri="{FF2B5EF4-FFF2-40B4-BE49-F238E27FC236}">
                <a16:creationId xmlns:a16="http://schemas.microsoft.com/office/drawing/2014/main" id="{45741A3E-88E5-6158-D3DD-F33F23252290}"/>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Strategisk kobling til relevante ressortministerier, forskning, interesseorganisationer, tænketanke etc. </a:t>
            </a:r>
          </a:p>
        </p:txBody>
      </p:sp>
      <p:grpSp>
        <p:nvGrpSpPr>
          <p:cNvPr id="116" name="Group 115">
            <a:extLst>
              <a:ext uri="{FF2B5EF4-FFF2-40B4-BE49-F238E27FC236}">
                <a16:creationId xmlns:a16="http://schemas.microsoft.com/office/drawing/2014/main" id="{D92EFEB3-3DA4-2C86-D241-E7346EA05BB4}"/>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117" name="Oval 116">
              <a:extLst>
                <a:ext uri="{FF2B5EF4-FFF2-40B4-BE49-F238E27FC236}">
                  <a16:creationId xmlns:a16="http://schemas.microsoft.com/office/drawing/2014/main" id="{1D3F874B-D9D3-86A4-0CD5-4F3FC86939D8}"/>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18" name="Oval 117">
              <a:extLst>
                <a:ext uri="{FF2B5EF4-FFF2-40B4-BE49-F238E27FC236}">
                  <a16:creationId xmlns:a16="http://schemas.microsoft.com/office/drawing/2014/main" id="{8A16424B-DEE0-262C-BD8A-94F753330565}"/>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40" name="Oval 39">
            <a:extLst>
              <a:ext uri="{FF2B5EF4-FFF2-40B4-BE49-F238E27FC236}">
                <a16:creationId xmlns:a16="http://schemas.microsoft.com/office/drawing/2014/main" id="{2F7358EB-86C9-8C1B-7509-7415A5E4D1D5}"/>
              </a:ext>
              <a:ext uri="{C183D7F6-B498-43B3-948B-1728B52AA6E4}">
                <adec:decorative xmlns:adec="http://schemas.microsoft.com/office/drawing/2017/decorative" val="1"/>
              </a:ext>
            </a:extLst>
          </p:cNvPr>
          <p:cNvSpPr/>
          <p:nvPr/>
        </p:nvSpPr>
        <p:spPr>
          <a:xfrm>
            <a:off x="1450597" y="4982821"/>
            <a:ext cx="165210" cy="165211"/>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Tree>
    <p:extLst>
      <p:ext uri="{BB962C8B-B14F-4D97-AF65-F5344CB8AC3E}">
        <p14:creationId xmlns:p14="http://schemas.microsoft.com/office/powerpoint/2010/main" val="2068710634"/>
      </p:ext>
    </p:extLst>
  </p:cSld>
  <p:clrMapOvr>
    <a:masterClrMapping/>
  </p:clrMapOvr>
  <p:transition>
    <p:fade/>
  </p:transition>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6D19E4-79A4-AB09-1148-A9AC803EFBA4}"/>
            </a:ext>
          </a:extLst>
        </p:cNvPr>
        <p:cNvGrpSpPr/>
        <p:nvPr/>
      </p:nvGrpSpPr>
      <p:grpSpPr>
        <a:xfrm>
          <a:off x="0" y="0"/>
          <a:ext cx="0" cy="0"/>
          <a:chOff x="0" y="0"/>
          <a:chExt cx="0" cy="0"/>
        </a:xfrm>
      </p:grpSpPr>
      <p:sp>
        <p:nvSpPr>
          <p:cNvPr id="66" name="Rectangle: Rounded Corners 65">
            <a:extLst>
              <a:ext uri="{FF2B5EF4-FFF2-40B4-BE49-F238E27FC236}">
                <a16:creationId xmlns:a16="http://schemas.microsoft.com/office/drawing/2014/main" id="{02176FFB-26AD-14FE-30B9-7D9D2292EF89}"/>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defRPr/>
            </a:pPr>
            <a:r>
              <a:rPr lang="da-DK" sz="1600" b="1" noProof="0" dirty="0">
                <a:solidFill>
                  <a:srgbClr val="EE2F66"/>
                </a:solidFill>
              </a:rPr>
              <a:t>Spor 3 | Organisation, finansiering og kompetencer</a:t>
            </a:r>
          </a:p>
        </p:txBody>
      </p:sp>
      <p:sp>
        <p:nvSpPr>
          <p:cNvPr id="8" name="Title 2">
            <a:extLst>
              <a:ext uri="{FF2B5EF4-FFF2-40B4-BE49-F238E27FC236}">
                <a16:creationId xmlns:a16="http://schemas.microsoft.com/office/drawing/2014/main" id="{DD5908E4-E184-C8A1-E177-E2895522BB45}"/>
              </a:ext>
            </a:extLst>
          </p:cNvPr>
          <p:cNvSpPr>
            <a:spLocks noGrp="1"/>
          </p:cNvSpPr>
          <p:nvPr>
            <p:ph type="title"/>
          </p:nvPr>
        </p:nvSpPr>
        <p:spPr>
          <a:xfrm>
            <a:off x="554355" y="512763"/>
            <a:ext cx="11088000" cy="792465"/>
          </a:xfrm>
        </p:spPr>
        <p:txBody>
          <a:bodyPr/>
          <a:lstStyle/>
          <a:p>
            <a:r>
              <a:rPr lang="da-DK" sz="2200" b="1" noProof="0" dirty="0">
                <a:solidFill>
                  <a:srgbClr val="EE2F66"/>
                </a:solidFill>
              </a:rPr>
              <a:t>3.3 Strategisk indkøbspulje til udviklingsprojekter</a:t>
            </a:r>
          </a:p>
        </p:txBody>
      </p:sp>
      <p:sp>
        <p:nvSpPr>
          <p:cNvPr id="22" name="Rectangle: Rounded Corners 21">
            <a:extLst>
              <a:ext uri="{FF2B5EF4-FFF2-40B4-BE49-F238E27FC236}">
                <a16:creationId xmlns:a16="http://schemas.microsoft.com/office/drawing/2014/main" id="{77EE9FBB-6704-1727-2A68-6C7D4BE9988E}"/>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F3D3DC"/>
          </a:solidFill>
          <a:ln w="12700" cap="flat" cmpd="sng" algn="ctr">
            <a:solidFill>
              <a:srgbClr val="EE2F6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BDBCB8F3-65FA-0C24-76BF-2B954E6B4B40}"/>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DAFD77A9-1495-75CB-E160-B2879CB2A48E}"/>
              </a:ext>
            </a:extLst>
          </p:cNvPr>
          <p:cNvSpPr/>
          <p:nvPr/>
        </p:nvSpPr>
        <p:spPr>
          <a:xfrm>
            <a:off x="566629" y="1764045"/>
            <a:ext cx="6077214" cy="2353183"/>
          </a:xfrm>
          <a:prstGeom prst="roundRect">
            <a:avLst>
              <a:gd name="adj" fmla="val 6523"/>
            </a:avLst>
          </a:prstGeom>
          <a:no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b="1" noProof="0" dirty="0">
              <a:solidFill>
                <a:srgbClr val="2C8027"/>
              </a:solidFill>
            </a:endParaRPr>
          </a:p>
          <a:p>
            <a:pPr defTabSz="914400" eaLnBrk="0" fontAlgn="base" hangingPunct="0">
              <a:spcBef>
                <a:spcPct val="0"/>
              </a:spcBef>
              <a:spcAft>
                <a:spcPct val="0"/>
              </a:spcAft>
              <a:defRPr/>
            </a:pPr>
            <a:r>
              <a:rPr lang="da-DK" sz="1000" b="1" noProof="0" dirty="0">
                <a:solidFill>
                  <a:srgbClr val="00172D"/>
                </a:solidFill>
              </a:rPr>
              <a:t>Formål: </a:t>
            </a:r>
            <a:r>
              <a:rPr lang="da-DK" sz="1000" noProof="0" dirty="0">
                <a:solidFill>
                  <a:srgbClr val="00172D"/>
                </a:solidFill>
              </a:rPr>
              <a:t>At etablere en finansieringsmekanisme, der skaber incitament til at gennemføre indsatser om at etablere digitalt suveræne alternativer hos den enkelte myndighed eller via partnerskaber mellem myndigheder og øvrige strategiske aktører, herunder it-leverandører, teknisk kapable non-profit-organisationer, DTU (</a:t>
            </a:r>
            <a:r>
              <a:rPr lang="da-DK" sz="1000" noProof="0" dirty="0" err="1">
                <a:solidFill>
                  <a:srgbClr val="00172D"/>
                </a:solidFill>
              </a:rPr>
              <a:t>Computerome</a:t>
            </a:r>
            <a:r>
              <a:rPr lang="da-DK" sz="1000" noProof="0" dirty="0">
                <a:solidFill>
                  <a:srgbClr val="00172D"/>
                </a:solidFill>
              </a:rPr>
              <a:t>), KOMBIT, OS2, Statens It mv. Mekanismen vil således kunne stimulere offentlig-private samarbejder og nye økosystemer inden for prioriterede områder som fx AI-platform, suveræne clouds og hosting-services, digital arbejdsplads, bruger- og rettighedsstyring, sagsbehandling, skole-PC mv.</a:t>
            </a:r>
            <a:endParaRPr lang="da-DK" sz="1000" b="1" noProof="0" dirty="0">
              <a:solidFill>
                <a:srgbClr val="00172D"/>
              </a:solidFill>
            </a:endParaRPr>
          </a:p>
          <a:p>
            <a:pPr defTabSz="914400" eaLnBrk="0" fontAlgn="base" hangingPunct="0">
              <a:spcBef>
                <a:spcPts val="300"/>
              </a:spcBef>
              <a:spcAft>
                <a:spcPct val="0"/>
              </a:spcAft>
              <a:defRPr/>
            </a:pPr>
            <a:r>
              <a:rPr lang="da-DK" sz="1000" b="1" noProof="0" dirty="0">
                <a:solidFill>
                  <a:srgbClr val="00172D"/>
                </a:solidFill>
              </a:rPr>
              <a:t>Indhold: </a:t>
            </a:r>
            <a:r>
              <a:rPr lang="da-DK" sz="1000" noProof="0" dirty="0">
                <a:solidFill>
                  <a:srgbClr val="00172D"/>
                </a:solidFill>
              </a:rPr>
              <a:t>Puljen medfinansierer strategiske projekter, der implementerer konkrete alternativer, der både kan omfatte open source-løsninger, </a:t>
            </a:r>
            <a:r>
              <a:rPr lang="da-DK" sz="1000" noProof="0" dirty="0" err="1">
                <a:solidFill>
                  <a:srgbClr val="00172D"/>
                </a:solidFill>
              </a:rPr>
              <a:t>proprietære</a:t>
            </a:r>
            <a:r>
              <a:rPr lang="da-DK" sz="1000" noProof="0" dirty="0">
                <a:solidFill>
                  <a:srgbClr val="00172D"/>
                </a:solidFill>
              </a:rPr>
              <a:t> løsninger og fælles it-infrastruktur.  Puljen skal fungere som en </a:t>
            </a:r>
            <a:r>
              <a:rPr lang="da-DK" sz="1000" noProof="0" dirty="0" err="1">
                <a:solidFill>
                  <a:srgbClr val="00172D"/>
                </a:solidFill>
              </a:rPr>
              <a:t>incitamentstruktur</a:t>
            </a:r>
            <a:r>
              <a:rPr lang="da-DK" sz="1000" noProof="0" dirty="0">
                <a:solidFill>
                  <a:srgbClr val="00172D"/>
                </a:solidFill>
              </a:rPr>
              <a:t> for myndighederne og kan kombineres med supplerende EU-finansiering og fælles projekter på tværs af europæiske lande. Puljen kan evt. etableres som lånepulje.</a:t>
            </a:r>
          </a:p>
          <a:p>
            <a:pPr defTabSz="914400" eaLnBrk="0" fontAlgn="base" hangingPunct="0">
              <a:spcBef>
                <a:spcPts val="300"/>
              </a:spcBef>
              <a:spcAft>
                <a:spcPct val="0"/>
              </a:spcAft>
              <a:defRPr/>
            </a:pPr>
            <a:r>
              <a:rPr lang="da-DK" sz="1000" b="1" noProof="0" dirty="0">
                <a:solidFill>
                  <a:srgbClr val="00172D"/>
                </a:solidFill>
              </a:rPr>
              <a:t>Erfaringsgrundlag: </a:t>
            </a:r>
            <a:r>
              <a:rPr lang="da-DK" sz="1000" noProof="0" dirty="0">
                <a:solidFill>
                  <a:srgbClr val="00172D"/>
                </a:solidFill>
              </a:rPr>
              <a:t>Fællesoffentlig digitalisering med inspiration i bl.a. AI-signaturprojekter, bølgeplaner, skaleringssamarbejder og teknologipuljer.</a:t>
            </a:r>
          </a:p>
        </p:txBody>
      </p:sp>
      <p:sp>
        <p:nvSpPr>
          <p:cNvPr id="45" name="Rounded Rectangle 127">
            <a:extLst>
              <a:ext uri="{FF2B5EF4-FFF2-40B4-BE49-F238E27FC236}">
                <a16:creationId xmlns:a16="http://schemas.microsoft.com/office/drawing/2014/main" id="{8E21E81D-BBC9-5D5F-C891-CCE5DF6DC4AB}"/>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F3D3DC"/>
          </a:solid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BF0038"/>
                </a:solidFill>
              </a:rPr>
              <a:t>Formål og indhold</a:t>
            </a:r>
          </a:p>
        </p:txBody>
      </p:sp>
      <p:sp>
        <p:nvSpPr>
          <p:cNvPr id="65" name="Rounded Rectangle 127">
            <a:extLst>
              <a:ext uri="{FF2B5EF4-FFF2-40B4-BE49-F238E27FC236}">
                <a16:creationId xmlns:a16="http://schemas.microsoft.com/office/drawing/2014/main" id="{109CA297-92AE-5229-EFDE-1D3863986DDF}"/>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EB33F047-C5D0-9C72-FCA4-800795EA6727}"/>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F3D3DC"/>
          </a:solid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BF0038"/>
                </a:solidFill>
              </a:rPr>
              <a:t>Vurdering</a:t>
            </a:r>
          </a:p>
        </p:txBody>
      </p:sp>
      <p:sp>
        <p:nvSpPr>
          <p:cNvPr id="64" name="Rectangle: Top Corners Rounded 63">
            <a:extLst>
              <a:ext uri="{FF2B5EF4-FFF2-40B4-BE49-F238E27FC236}">
                <a16:creationId xmlns:a16="http://schemas.microsoft.com/office/drawing/2014/main" id="{B7CE07D4-71A9-81E5-4A16-223297AE6662}"/>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F3D3D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55" name="TextBox 154">
            <a:extLst>
              <a:ext uri="{FF2B5EF4-FFF2-40B4-BE49-F238E27FC236}">
                <a16:creationId xmlns:a16="http://schemas.microsoft.com/office/drawing/2014/main" id="{455DCFDB-99C2-B333-2A5B-B6D030310C9C}"/>
              </a:ext>
            </a:extLst>
          </p:cNvPr>
          <p:cNvSpPr txBox="1"/>
          <p:nvPr/>
        </p:nvSpPr>
        <p:spPr>
          <a:xfrm>
            <a:off x="612348" y="5253913"/>
            <a:ext cx="3721145" cy="1246495"/>
          </a:xfrm>
          <a:prstGeom prst="rect">
            <a:avLst/>
          </a:prstGeom>
          <a:noFill/>
        </p:spPr>
        <p:txBody>
          <a:bodyPr wrap="square">
            <a:spAutoFit/>
          </a:bodyPr>
          <a:lstStyle/>
          <a:p>
            <a:r>
              <a:rPr lang="da-DK" sz="1000" b="1" noProof="0" dirty="0">
                <a:solidFill>
                  <a:srgbClr val="00172D"/>
                </a:solidFill>
              </a:rPr>
              <a:t>Niveau: </a:t>
            </a:r>
            <a:r>
              <a:rPr lang="da-DK" sz="1000" noProof="0" dirty="0">
                <a:latin typeface="Arial" panose="020B0604020202020204" pitchFamily="34" charset="0"/>
              </a:rPr>
              <a:t>Fællesoffentligt.</a:t>
            </a: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Kan gennemføres på &lt;12 måneder.</a:t>
            </a:r>
          </a:p>
          <a:p>
            <a:pPr>
              <a:spcBef>
                <a:spcPts val="300"/>
              </a:spcBef>
            </a:pPr>
            <a:r>
              <a:rPr lang="da-DK" sz="1000" b="1" noProof="0" dirty="0">
                <a:latin typeface="Arial" panose="020B0604020202020204" pitchFamily="34" charset="0"/>
              </a:rPr>
              <a:t>Afhængigheder:</a:t>
            </a:r>
            <a:r>
              <a:rPr lang="da-DK" sz="1000" noProof="0" dirty="0">
                <a:latin typeface="Arial" panose="020B0604020202020204" pitchFamily="34" charset="0"/>
              </a:rPr>
              <a:t> Tæt kobling til indsats 3.5, idet et nationalt center vil kunne administrere puljer og følge strategiske projekter. </a:t>
            </a:r>
          </a:p>
          <a:p>
            <a:endParaRPr lang="da-DK" sz="1000" noProof="0" dirty="0">
              <a:latin typeface="Arial" panose="020B0604020202020204" pitchFamily="34" charset="0"/>
            </a:endParaRPr>
          </a:p>
          <a:p>
            <a:endParaRPr lang="da-DK" sz="1000" noProof="0" dirty="0">
              <a:latin typeface="Arial" panose="020B0604020202020204" pitchFamily="34" charset="0"/>
            </a:endParaRPr>
          </a:p>
        </p:txBody>
      </p:sp>
      <p:grpSp>
        <p:nvGrpSpPr>
          <p:cNvPr id="9" name="Group 8" descr="Samlet kompleksitetsvurdering, 4 ud af 10">
            <a:extLst>
              <a:ext uri="{FF2B5EF4-FFF2-40B4-BE49-F238E27FC236}">
                <a16:creationId xmlns:a16="http://schemas.microsoft.com/office/drawing/2014/main" id="{6E5A6657-1361-F46A-A2D4-2BABF773FCE8}"/>
              </a:ext>
            </a:extLst>
          </p:cNvPr>
          <p:cNvGrpSpPr/>
          <p:nvPr/>
        </p:nvGrpSpPr>
        <p:grpSpPr>
          <a:xfrm>
            <a:off x="649827" y="4555473"/>
            <a:ext cx="3279437" cy="592559"/>
            <a:chOff x="1383756" y="4555473"/>
            <a:chExt cx="3279437" cy="592559"/>
          </a:xfrm>
        </p:grpSpPr>
        <p:sp>
          <p:nvSpPr>
            <p:cNvPr id="10" name="TextBox 9">
              <a:extLst>
                <a:ext uri="{FF2B5EF4-FFF2-40B4-BE49-F238E27FC236}">
                  <a16:creationId xmlns:a16="http://schemas.microsoft.com/office/drawing/2014/main" id="{6AB3AB2C-0FBE-116D-1E3A-8CB5F7EDB569}"/>
                </a:ext>
              </a:extLst>
            </p:cNvPr>
            <p:cNvSpPr txBox="1"/>
            <p:nvPr/>
          </p:nvSpPr>
          <p:spPr>
            <a:xfrm>
              <a:off x="2431748" y="4555473"/>
              <a:ext cx="1191621" cy="261610"/>
            </a:xfrm>
            <a:prstGeom prst="rect">
              <a:avLst/>
            </a:prstGeom>
            <a:noFill/>
          </p:spPr>
          <p:txBody>
            <a:bodyPr wrap="square">
              <a:spAutoFit/>
            </a:bodyPr>
            <a:lstStyle/>
            <a:p>
              <a:pPr algn="ctr"/>
              <a:r>
                <a:rPr lang="da-DK" sz="1100" b="1" noProof="0"/>
                <a:t>Kompleksitet</a:t>
              </a:r>
            </a:p>
          </p:txBody>
        </p:sp>
        <p:grpSp>
          <p:nvGrpSpPr>
            <p:cNvPr id="11" name="Group 10">
              <a:extLst>
                <a:ext uri="{FF2B5EF4-FFF2-40B4-BE49-F238E27FC236}">
                  <a16:creationId xmlns:a16="http://schemas.microsoft.com/office/drawing/2014/main" id="{65BC1A2D-173B-CC57-6412-1D89EDC20D84}"/>
                </a:ext>
              </a:extLst>
            </p:cNvPr>
            <p:cNvGrpSpPr>
              <a:grpSpLocks noChangeAspect="1"/>
            </p:cNvGrpSpPr>
            <p:nvPr/>
          </p:nvGrpSpPr>
          <p:grpSpPr>
            <a:xfrm>
              <a:off x="1383756" y="4900479"/>
              <a:ext cx="3279437" cy="247553"/>
              <a:chOff x="-110431" y="4916533"/>
              <a:chExt cx="2858416" cy="215770"/>
            </a:xfrm>
          </p:grpSpPr>
          <p:grpSp>
            <p:nvGrpSpPr>
              <p:cNvPr id="12" name="Group 11">
                <a:extLst>
                  <a:ext uri="{FF2B5EF4-FFF2-40B4-BE49-F238E27FC236}">
                    <a16:creationId xmlns:a16="http://schemas.microsoft.com/office/drawing/2014/main" id="{08DFF543-5A84-0BDE-B0AF-40B8383813ED}"/>
                  </a:ext>
                </a:extLst>
              </p:cNvPr>
              <p:cNvGrpSpPr/>
              <p:nvPr/>
            </p:nvGrpSpPr>
            <p:grpSpPr>
              <a:xfrm>
                <a:off x="-110431" y="4916533"/>
                <a:ext cx="2858416" cy="180194"/>
                <a:chOff x="4280723" y="3040512"/>
                <a:chExt cx="3161620" cy="171957"/>
              </a:xfrm>
            </p:grpSpPr>
            <p:grpSp>
              <p:nvGrpSpPr>
                <p:cNvPr id="15" name="Group 14">
                  <a:extLst>
                    <a:ext uri="{FF2B5EF4-FFF2-40B4-BE49-F238E27FC236}">
                      <a16:creationId xmlns:a16="http://schemas.microsoft.com/office/drawing/2014/main" id="{13AA2815-FAC7-F540-BBE5-6931972F3727}"/>
                    </a:ext>
                  </a:extLst>
                </p:cNvPr>
                <p:cNvGrpSpPr/>
                <p:nvPr/>
              </p:nvGrpSpPr>
              <p:grpSpPr>
                <a:xfrm>
                  <a:off x="4383394" y="3153610"/>
                  <a:ext cx="2961649" cy="45719"/>
                  <a:chOff x="4383394" y="3153610"/>
                  <a:chExt cx="2961649" cy="45719"/>
                </a:xfrm>
              </p:grpSpPr>
              <p:cxnSp>
                <p:nvCxnSpPr>
                  <p:cNvPr id="19" name="Straight Connector 18">
                    <a:extLst>
                      <a:ext uri="{FF2B5EF4-FFF2-40B4-BE49-F238E27FC236}">
                        <a16:creationId xmlns:a16="http://schemas.microsoft.com/office/drawing/2014/main" id="{FBE3B49C-0DEA-0B8C-988D-EBF6BAB61CEC}"/>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35" name="Oval 34">
                    <a:extLst>
                      <a:ext uri="{FF2B5EF4-FFF2-40B4-BE49-F238E27FC236}">
                        <a16:creationId xmlns:a16="http://schemas.microsoft.com/office/drawing/2014/main" id="{8BDE2D18-F0CF-2C49-FA8D-47EDC4A442D9}"/>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7" name="Oval 36">
                    <a:extLst>
                      <a:ext uri="{FF2B5EF4-FFF2-40B4-BE49-F238E27FC236}">
                        <a16:creationId xmlns:a16="http://schemas.microsoft.com/office/drawing/2014/main" id="{4C37AB2B-A631-DD0A-2919-32568582A226}"/>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6" name="Straight Connector 15">
                  <a:extLst>
                    <a:ext uri="{FF2B5EF4-FFF2-40B4-BE49-F238E27FC236}">
                      <a16:creationId xmlns:a16="http://schemas.microsoft.com/office/drawing/2014/main" id="{4969DABC-17EA-ED42-3D25-CE6A3DE2C031}"/>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69560B5E-D771-991F-D381-256768C8FE18}"/>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18" name="TextBox 17">
                  <a:extLst>
                    <a:ext uri="{FF2B5EF4-FFF2-40B4-BE49-F238E27FC236}">
                      <a16:creationId xmlns:a16="http://schemas.microsoft.com/office/drawing/2014/main" id="{25AF2F58-FC04-CA84-3170-7A811A44ABF3}"/>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sp>
            <p:nvSpPr>
              <p:cNvPr id="13" name="Oval 12">
                <a:extLst>
                  <a:ext uri="{FF2B5EF4-FFF2-40B4-BE49-F238E27FC236}">
                    <a16:creationId xmlns:a16="http://schemas.microsoft.com/office/drawing/2014/main" id="{51E3B004-3928-12FC-C19C-4CFB6A0F9E5F}"/>
                  </a:ext>
                </a:extLst>
              </p:cNvPr>
              <p:cNvSpPr/>
              <p:nvPr/>
            </p:nvSpPr>
            <p:spPr>
              <a:xfrm>
                <a:off x="771386" y="4988303"/>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sp>
        <p:nvSpPr>
          <p:cNvPr id="77" name="TextBox 76">
            <a:extLst>
              <a:ext uri="{FF2B5EF4-FFF2-40B4-BE49-F238E27FC236}">
                <a16:creationId xmlns:a16="http://schemas.microsoft.com/office/drawing/2014/main" id="{0A1436C3-5CCC-7B95-F57A-24D83E1C4808}"/>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a:t>Teknisk</a:t>
            </a:r>
            <a:endParaRPr lang="da-DK" sz="1100" b="1" i="1" noProof="0"/>
          </a:p>
        </p:txBody>
      </p:sp>
      <p:grpSp>
        <p:nvGrpSpPr>
          <p:cNvPr id="67" name="Group 66" descr="Vurdering af teknisk kompleksitet, 2 ud af 10">
            <a:extLst>
              <a:ext uri="{FF2B5EF4-FFF2-40B4-BE49-F238E27FC236}">
                <a16:creationId xmlns:a16="http://schemas.microsoft.com/office/drawing/2014/main" id="{2EDDB742-2565-F040-B908-C7D44CD605BF}"/>
              </a:ext>
            </a:extLst>
          </p:cNvPr>
          <p:cNvGrpSpPr/>
          <p:nvPr/>
        </p:nvGrpSpPr>
        <p:grpSpPr>
          <a:xfrm>
            <a:off x="4755593" y="4883930"/>
            <a:ext cx="1707066" cy="248033"/>
            <a:chOff x="860772" y="4916533"/>
            <a:chExt cx="1487909" cy="216189"/>
          </a:xfrm>
        </p:grpSpPr>
        <p:grpSp>
          <p:nvGrpSpPr>
            <p:cNvPr id="68" name="Group 67">
              <a:extLst>
                <a:ext uri="{FF2B5EF4-FFF2-40B4-BE49-F238E27FC236}">
                  <a16:creationId xmlns:a16="http://schemas.microsoft.com/office/drawing/2014/main" id="{655350D9-0BB6-1525-F2D4-EF896FA28FC1}"/>
                </a:ext>
              </a:extLst>
            </p:cNvPr>
            <p:cNvGrpSpPr/>
            <p:nvPr/>
          </p:nvGrpSpPr>
          <p:grpSpPr>
            <a:xfrm>
              <a:off x="860772" y="4916533"/>
              <a:ext cx="1487909" cy="180194"/>
              <a:chOff x="5354949" y="3040512"/>
              <a:chExt cx="1645739" cy="171957"/>
            </a:xfrm>
          </p:grpSpPr>
          <p:grpSp>
            <p:nvGrpSpPr>
              <p:cNvPr id="70" name="Group 69">
                <a:extLst>
                  <a:ext uri="{FF2B5EF4-FFF2-40B4-BE49-F238E27FC236}">
                    <a16:creationId xmlns:a16="http://schemas.microsoft.com/office/drawing/2014/main" id="{6E812860-BC0D-E38A-FBBC-5E77CD7CD96D}"/>
                  </a:ext>
                </a:extLst>
              </p:cNvPr>
              <p:cNvGrpSpPr/>
              <p:nvPr/>
            </p:nvGrpSpPr>
            <p:grpSpPr>
              <a:xfrm>
                <a:off x="5458296" y="3153610"/>
                <a:ext cx="1445092" cy="45719"/>
                <a:chOff x="5458296" y="3153610"/>
                <a:chExt cx="1445092" cy="45719"/>
              </a:xfrm>
            </p:grpSpPr>
            <p:cxnSp>
              <p:nvCxnSpPr>
                <p:cNvPr id="74" name="Straight Connector 73">
                  <a:extLst>
                    <a:ext uri="{FF2B5EF4-FFF2-40B4-BE49-F238E27FC236}">
                      <a16:creationId xmlns:a16="http://schemas.microsoft.com/office/drawing/2014/main" id="{3D78C57B-8AFF-B9B6-8242-96B1573E6943}"/>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5" name="Oval 74">
                  <a:extLst>
                    <a:ext uri="{FF2B5EF4-FFF2-40B4-BE49-F238E27FC236}">
                      <a16:creationId xmlns:a16="http://schemas.microsoft.com/office/drawing/2014/main" id="{DB1579E1-F738-C4B4-5E19-FEFB3B1407D6}"/>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76" name="Oval 75">
                  <a:extLst>
                    <a:ext uri="{FF2B5EF4-FFF2-40B4-BE49-F238E27FC236}">
                      <a16:creationId xmlns:a16="http://schemas.microsoft.com/office/drawing/2014/main" id="{C48E0655-2914-F31C-C8D3-7B030907DBAE}"/>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71" name="Straight Connector 70">
                <a:extLst>
                  <a:ext uri="{FF2B5EF4-FFF2-40B4-BE49-F238E27FC236}">
                    <a16:creationId xmlns:a16="http://schemas.microsoft.com/office/drawing/2014/main" id="{AA7A9623-FB04-EF48-5EA6-994BC793E74D}"/>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2" name="TextBox 71">
                <a:extLst>
                  <a:ext uri="{FF2B5EF4-FFF2-40B4-BE49-F238E27FC236}">
                    <a16:creationId xmlns:a16="http://schemas.microsoft.com/office/drawing/2014/main" id="{FF7D21E4-D627-8C23-9590-F05AF331E96C}"/>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73" name="TextBox 72">
                <a:extLst>
                  <a:ext uri="{FF2B5EF4-FFF2-40B4-BE49-F238E27FC236}">
                    <a16:creationId xmlns:a16="http://schemas.microsoft.com/office/drawing/2014/main" id="{CBFBBAB3-6DA5-2D94-CFCB-617AF9EF3775}"/>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69" name="Oval 68">
              <a:extLst>
                <a:ext uri="{FF2B5EF4-FFF2-40B4-BE49-F238E27FC236}">
                  <a16:creationId xmlns:a16="http://schemas.microsoft.com/office/drawing/2014/main" id="{4F8F531F-95C0-5E0B-9A76-4F4373F96304}"/>
                </a:ext>
              </a:extLst>
            </p:cNvPr>
            <p:cNvSpPr/>
            <p:nvPr/>
          </p:nvSpPr>
          <p:spPr>
            <a:xfrm>
              <a:off x="1175148"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89" name="TextBox 88">
            <a:extLst>
              <a:ext uri="{FF2B5EF4-FFF2-40B4-BE49-F238E27FC236}">
                <a16:creationId xmlns:a16="http://schemas.microsoft.com/office/drawing/2014/main" id="{7C713C54-C84A-E71A-F154-695E2DA492D6}"/>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78" name="Group 77" descr="Vurdering af organisatorisk kompleksitet, 4 ud af 10">
            <a:extLst>
              <a:ext uri="{FF2B5EF4-FFF2-40B4-BE49-F238E27FC236}">
                <a16:creationId xmlns:a16="http://schemas.microsoft.com/office/drawing/2014/main" id="{EDBA2F90-5916-0418-8155-CCC711F48453}"/>
              </a:ext>
            </a:extLst>
          </p:cNvPr>
          <p:cNvGrpSpPr/>
          <p:nvPr/>
        </p:nvGrpSpPr>
        <p:grpSpPr>
          <a:xfrm>
            <a:off x="4756736" y="5395827"/>
            <a:ext cx="1707066" cy="248033"/>
            <a:chOff x="860772" y="4916533"/>
            <a:chExt cx="1487909" cy="216189"/>
          </a:xfrm>
        </p:grpSpPr>
        <p:grpSp>
          <p:nvGrpSpPr>
            <p:cNvPr id="79" name="Group 78">
              <a:extLst>
                <a:ext uri="{FF2B5EF4-FFF2-40B4-BE49-F238E27FC236}">
                  <a16:creationId xmlns:a16="http://schemas.microsoft.com/office/drawing/2014/main" id="{AF961229-32B0-E522-87DE-C989A8258989}"/>
                </a:ext>
              </a:extLst>
            </p:cNvPr>
            <p:cNvGrpSpPr/>
            <p:nvPr/>
          </p:nvGrpSpPr>
          <p:grpSpPr>
            <a:xfrm>
              <a:off x="860772" y="4916533"/>
              <a:ext cx="1487909" cy="180194"/>
              <a:chOff x="5354949" y="3040512"/>
              <a:chExt cx="1645739" cy="171957"/>
            </a:xfrm>
          </p:grpSpPr>
          <p:grpSp>
            <p:nvGrpSpPr>
              <p:cNvPr id="81" name="Group 80">
                <a:extLst>
                  <a:ext uri="{FF2B5EF4-FFF2-40B4-BE49-F238E27FC236}">
                    <a16:creationId xmlns:a16="http://schemas.microsoft.com/office/drawing/2014/main" id="{35852C74-D12A-5A37-2689-0EE221DE0CA3}"/>
                  </a:ext>
                </a:extLst>
              </p:cNvPr>
              <p:cNvGrpSpPr/>
              <p:nvPr/>
            </p:nvGrpSpPr>
            <p:grpSpPr>
              <a:xfrm>
                <a:off x="5458296" y="3153610"/>
                <a:ext cx="1445092" cy="45719"/>
                <a:chOff x="5458296" y="3153610"/>
                <a:chExt cx="1445092" cy="45719"/>
              </a:xfrm>
            </p:grpSpPr>
            <p:cxnSp>
              <p:nvCxnSpPr>
                <p:cNvPr id="86" name="Straight Connector 85">
                  <a:extLst>
                    <a:ext uri="{FF2B5EF4-FFF2-40B4-BE49-F238E27FC236}">
                      <a16:creationId xmlns:a16="http://schemas.microsoft.com/office/drawing/2014/main" id="{B74D7D24-DD03-3F9F-F77B-A3A234493A4D}"/>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7" name="Oval 86">
                  <a:extLst>
                    <a:ext uri="{FF2B5EF4-FFF2-40B4-BE49-F238E27FC236}">
                      <a16:creationId xmlns:a16="http://schemas.microsoft.com/office/drawing/2014/main" id="{5B70BFC9-B9E7-831C-4FE4-7E5AA300ACBE}"/>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8" name="Oval 87">
                  <a:extLst>
                    <a:ext uri="{FF2B5EF4-FFF2-40B4-BE49-F238E27FC236}">
                      <a16:creationId xmlns:a16="http://schemas.microsoft.com/office/drawing/2014/main" id="{3752D3C0-5342-B505-A388-6D186126C5CC}"/>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82" name="Straight Connector 81">
                <a:extLst>
                  <a:ext uri="{FF2B5EF4-FFF2-40B4-BE49-F238E27FC236}">
                    <a16:creationId xmlns:a16="http://schemas.microsoft.com/office/drawing/2014/main" id="{1D1EC747-731F-F8DF-941F-BB6CB99C571A}"/>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3" name="TextBox 82">
                <a:extLst>
                  <a:ext uri="{FF2B5EF4-FFF2-40B4-BE49-F238E27FC236}">
                    <a16:creationId xmlns:a16="http://schemas.microsoft.com/office/drawing/2014/main" id="{AB734112-6E66-DB9B-34E5-91369E313168}"/>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85" name="TextBox 84">
                <a:extLst>
                  <a:ext uri="{FF2B5EF4-FFF2-40B4-BE49-F238E27FC236}">
                    <a16:creationId xmlns:a16="http://schemas.microsoft.com/office/drawing/2014/main" id="{236C24B3-B6C7-2BBC-75F4-4CE3C10F2B63}"/>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80" name="Oval 79">
              <a:extLst>
                <a:ext uri="{FF2B5EF4-FFF2-40B4-BE49-F238E27FC236}">
                  <a16:creationId xmlns:a16="http://schemas.microsoft.com/office/drawing/2014/main" id="{C9E7C128-3CAB-3764-ACAA-CA1FCD8890D7}"/>
                </a:ext>
              </a:extLst>
            </p:cNvPr>
            <p:cNvSpPr/>
            <p:nvPr/>
          </p:nvSpPr>
          <p:spPr>
            <a:xfrm>
              <a:off x="1371759"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01" name="TextBox 100">
            <a:extLst>
              <a:ext uri="{FF2B5EF4-FFF2-40B4-BE49-F238E27FC236}">
                <a16:creationId xmlns:a16="http://schemas.microsoft.com/office/drawing/2014/main" id="{63EF3BE7-3806-D06F-7DCF-1794E1CD84C2}"/>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grpSp>
        <p:nvGrpSpPr>
          <p:cNvPr id="90" name="Group 89" descr="Vurdering af juridisk kompleksitet, 3 ud af 10">
            <a:extLst>
              <a:ext uri="{FF2B5EF4-FFF2-40B4-BE49-F238E27FC236}">
                <a16:creationId xmlns:a16="http://schemas.microsoft.com/office/drawing/2014/main" id="{BE871777-FFD8-C57E-1FBC-E57397505A7E}"/>
              </a:ext>
            </a:extLst>
          </p:cNvPr>
          <p:cNvGrpSpPr/>
          <p:nvPr/>
        </p:nvGrpSpPr>
        <p:grpSpPr>
          <a:xfrm>
            <a:off x="4754047" y="5907971"/>
            <a:ext cx="1707066" cy="248033"/>
            <a:chOff x="860772" y="4916533"/>
            <a:chExt cx="1487909" cy="216189"/>
          </a:xfrm>
        </p:grpSpPr>
        <p:grpSp>
          <p:nvGrpSpPr>
            <p:cNvPr id="91" name="Group 90">
              <a:extLst>
                <a:ext uri="{FF2B5EF4-FFF2-40B4-BE49-F238E27FC236}">
                  <a16:creationId xmlns:a16="http://schemas.microsoft.com/office/drawing/2014/main" id="{7D2D774B-BED0-E572-A08B-1E50A9AC2623}"/>
                </a:ext>
              </a:extLst>
            </p:cNvPr>
            <p:cNvGrpSpPr/>
            <p:nvPr/>
          </p:nvGrpSpPr>
          <p:grpSpPr>
            <a:xfrm>
              <a:off x="860772" y="4916533"/>
              <a:ext cx="1487909" cy="180194"/>
              <a:chOff x="5354949" y="3040512"/>
              <a:chExt cx="1645739" cy="171957"/>
            </a:xfrm>
          </p:grpSpPr>
          <p:grpSp>
            <p:nvGrpSpPr>
              <p:cNvPr id="93" name="Group 92">
                <a:extLst>
                  <a:ext uri="{FF2B5EF4-FFF2-40B4-BE49-F238E27FC236}">
                    <a16:creationId xmlns:a16="http://schemas.microsoft.com/office/drawing/2014/main" id="{CD406906-E1D5-029D-329C-E526CC22D7BE}"/>
                  </a:ext>
                </a:extLst>
              </p:cNvPr>
              <p:cNvGrpSpPr/>
              <p:nvPr/>
            </p:nvGrpSpPr>
            <p:grpSpPr>
              <a:xfrm>
                <a:off x="5458296" y="3153610"/>
                <a:ext cx="1445092" cy="45719"/>
                <a:chOff x="5458296" y="3153610"/>
                <a:chExt cx="1445092" cy="45719"/>
              </a:xfrm>
            </p:grpSpPr>
            <p:cxnSp>
              <p:nvCxnSpPr>
                <p:cNvPr id="98" name="Straight Connector 97">
                  <a:extLst>
                    <a:ext uri="{FF2B5EF4-FFF2-40B4-BE49-F238E27FC236}">
                      <a16:creationId xmlns:a16="http://schemas.microsoft.com/office/drawing/2014/main" id="{C57D6069-EA9B-5DDC-4066-A984314DA004}"/>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9" name="Oval 98">
                  <a:extLst>
                    <a:ext uri="{FF2B5EF4-FFF2-40B4-BE49-F238E27FC236}">
                      <a16:creationId xmlns:a16="http://schemas.microsoft.com/office/drawing/2014/main" id="{55521E38-EC37-D395-D6AF-6673B83AD773}"/>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0" name="Oval 99">
                  <a:extLst>
                    <a:ext uri="{FF2B5EF4-FFF2-40B4-BE49-F238E27FC236}">
                      <a16:creationId xmlns:a16="http://schemas.microsoft.com/office/drawing/2014/main" id="{AC2A66D1-A95E-6F82-9FD9-9CC8F4087C0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94" name="Straight Connector 93">
                <a:extLst>
                  <a:ext uri="{FF2B5EF4-FFF2-40B4-BE49-F238E27FC236}">
                    <a16:creationId xmlns:a16="http://schemas.microsoft.com/office/drawing/2014/main" id="{24D58074-364B-9E19-FF68-58076BD11F20}"/>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5" name="TextBox 94">
                <a:extLst>
                  <a:ext uri="{FF2B5EF4-FFF2-40B4-BE49-F238E27FC236}">
                    <a16:creationId xmlns:a16="http://schemas.microsoft.com/office/drawing/2014/main" id="{3B923B5B-8D59-57AD-826F-778C7B6283DA}"/>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97" name="TextBox 96">
                <a:extLst>
                  <a:ext uri="{FF2B5EF4-FFF2-40B4-BE49-F238E27FC236}">
                    <a16:creationId xmlns:a16="http://schemas.microsoft.com/office/drawing/2014/main" id="{3058006B-9FA1-9A5E-61F8-E79F0806F76A}"/>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92" name="Oval 91">
              <a:extLst>
                <a:ext uri="{FF2B5EF4-FFF2-40B4-BE49-F238E27FC236}">
                  <a16:creationId xmlns:a16="http://schemas.microsoft.com/office/drawing/2014/main" id="{7FBAA6D7-C6AF-E21F-0EF9-E6C411276098}"/>
                </a:ext>
              </a:extLst>
            </p:cNvPr>
            <p:cNvSpPr/>
            <p:nvPr/>
          </p:nvSpPr>
          <p:spPr>
            <a:xfrm>
              <a:off x="1274552"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24" name="Rektangel: afrundede hjørner 10">
            <a:extLst>
              <a:ext uri="{FF2B5EF4-FFF2-40B4-BE49-F238E27FC236}">
                <a16:creationId xmlns:a16="http://schemas.microsoft.com/office/drawing/2014/main" id="{0770F8A5-3293-2A3A-0860-9958646E719E}"/>
              </a:ext>
              <a:ext uri="{C183D7F6-B498-43B3-948B-1728B52AA6E4}">
                <adec:decorative xmlns:adec="http://schemas.microsoft.com/office/drawing/2017/decorative" val="1"/>
              </a:ext>
            </a:extLst>
          </p:cNvPr>
          <p:cNvSpPr>
            <a:spLocks/>
          </p:cNvSpPr>
          <p:nvPr/>
        </p:nvSpPr>
        <p:spPr>
          <a:xfrm>
            <a:off x="7242764" y="222872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6B122684-9A67-9FDE-43AC-0DB24F44B693}"/>
              </a:ext>
              <a:ext uri="{C183D7F6-B498-43B3-948B-1728B52AA6E4}">
                <adec:decorative xmlns:adec="http://schemas.microsoft.com/office/drawing/2017/decorative" val="1"/>
              </a:ext>
            </a:extLst>
          </p:cNvPr>
          <p:cNvSpPr>
            <a:spLocks noEditPoints="1"/>
          </p:cNvSpPr>
          <p:nvPr/>
        </p:nvSpPr>
        <p:spPr bwMode="auto">
          <a:xfrm>
            <a:off x="7289024" y="229402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34" name="TextBox 133">
            <a:extLst>
              <a:ext uri="{FF2B5EF4-FFF2-40B4-BE49-F238E27FC236}">
                <a16:creationId xmlns:a16="http://schemas.microsoft.com/office/drawing/2014/main" id="{D1DB2FBA-A097-96BE-18FF-BEEC919E404F}"/>
              </a:ext>
            </a:extLst>
          </p:cNvPr>
          <p:cNvSpPr txBox="1"/>
          <p:nvPr/>
        </p:nvSpPr>
        <p:spPr>
          <a:xfrm>
            <a:off x="7249102" y="1874760"/>
            <a:ext cx="2162754" cy="246221"/>
          </a:xfrm>
          <a:prstGeom prst="rect">
            <a:avLst/>
          </a:prstGeom>
          <a:noFill/>
        </p:spPr>
        <p:txBody>
          <a:bodyPr wrap="square" lIns="0">
            <a:spAutoFit/>
          </a:bodyPr>
          <a:lstStyle/>
          <a:p>
            <a:r>
              <a:rPr lang="da-DK" sz="1000" b="1" noProof="0">
                <a:solidFill>
                  <a:srgbClr val="36465A"/>
                </a:solidFill>
              </a:rPr>
              <a:t>Udfordringer adresseret</a:t>
            </a:r>
            <a:endParaRPr lang="da-DK" sz="1000" noProof="0">
              <a:solidFill>
                <a:srgbClr val="36465A"/>
              </a:solidFill>
            </a:endParaRPr>
          </a:p>
        </p:txBody>
      </p:sp>
      <p:sp>
        <p:nvSpPr>
          <p:cNvPr id="26" name="TextBox 4">
            <a:extLst>
              <a:ext uri="{FF2B5EF4-FFF2-40B4-BE49-F238E27FC236}">
                <a16:creationId xmlns:a16="http://schemas.microsoft.com/office/drawing/2014/main" id="{42A6B553-C2DB-CCFA-F6F1-71F1B65EF7F8}"/>
              </a:ext>
              <a:ext uri="{C183D7F6-B498-43B3-948B-1728B52AA6E4}">
                <adec:decorative xmlns:adec="http://schemas.microsoft.com/office/drawing/2017/decorative" val="0"/>
              </a:ext>
            </a:extLst>
          </p:cNvPr>
          <p:cNvSpPr txBox="1">
            <a:spLocks/>
          </p:cNvSpPr>
          <p:nvPr/>
        </p:nvSpPr>
        <p:spPr>
          <a:xfrm>
            <a:off x="7527006" y="2244023"/>
            <a:ext cx="1931343" cy="296832"/>
          </a:xfrm>
          <a:prstGeom prst="rect">
            <a:avLst/>
          </a:prstGeom>
          <a:noFill/>
        </p:spPr>
        <p:txBody>
          <a:bodyPr wrap="square" rtlCol="0" anchor="ctr">
            <a:noAutofit/>
          </a:bodyPr>
          <a:lstStyle/>
          <a:p>
            <a:r>
              <a:rPr lang="da-DK" sz="700" b="1" noProof="0" dirty="0">
                <a:solidFill>
                  <a:srgbClr val="024D78"/>
                </a:solidFill>
              </a:rPr>
              <a:t>01 | Høj afhængighed af større leverandører og manglende konkurrence</a:t>
            </a:r>
          </a:p>
        </p:txBody>
      </p:sp>
      <p:grpSp>
        <p:nvGrpSpPr>
          <p:cNvPr id="6" name="Group 5">
            <a:extLst>
              <a:ext uri="{FF2B5EF4-FFF2-40B4-BE49-F238E27FC236}">
                <a16:creationId xmlns:a16="http://schemas.microsoft.com/office/drawing/2014/main" id="{E1641C8C-CA07-9D3D-F536-8F68F1202328}"/>
              </a:ext>
              <a:ext uri="{C183D7F6-B498-43B3-948B-1728B52AA6E4}">
                <adec:decorative xmlns:adec="http://schemas.microsoft.com/office/drawing/2017/decorative" val="1"/>
              </a:ext>
            </a:extLst>
          </p:cNvPr>
          <p:cNvGrpSpPr/>
          <p:nvPr/>
        </p:nvGrpSpPr>
        <p:grpSpPr>
          <a:xfrm>
            <a:off x="7242764" y="2651061"/>
            <a:ext cx="2215585" cy="319850"/>
            <a:chOff x="7158625" y="2502254"/>
            <a:chExt cx="2215585" cy="319850"/>
          </a:xfrm>
        </p:grpSpPr>
        <p:sp>
          <p:nvSpPr>
            <p:cNvPr id="27" name="Rektangel: afrundede hjørner 5">
              <a:extLst>
                <a:ext uri="{FF2B5EF4-FFF2-40B4-BE49-F238E27FC236}">
                  <a16:creationId xmlns:a16="http://schemas.microsoft.com/office/drawing/2014/main" id="{2A79AA0F-079F-3307-D3FA-97959C917F6F}"/>
                </a:ext>
              </a:extLst>
            </p:cNvPr>
            <p:cNvSpPr>
              <a:spLocks/>
            </p:cNvSpPr>
            <p:nvPr/>
          </p:nvSpPr>
          <p:spPr>
            <a:xfrm>
              <a:off x="7158625" y="2502254"/>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8" name="TextBox 11">
              <a:extLst>
                <a:ext uri="{FF2B5EF4-FFF2-40B4-BE49-F238E27FC236}">
                  <a16:creationId xmlns:a16="http://schemas.microsoft.com/office/drawing/2014/main" id="{D0C9A285-F471-194A-1450-2567C5B74D44}"/>
                </a:ext>
              </a:extLst>
            </p:cNvPr>
            <p:cNvSpPr txBox="1">
              <a:spLocks/>
            </p:cNvSpPr>
            <p:nvPr/>
          </p:nvSpPr>
          <p:spPr>
            <a:xfrm>
              <a:off x="7442867" y="2522989"/>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2 | Manglende kontrol og transparens over egne data</a:t>
              </a:r>
            </a:p>
          </p:txBody>
        </p:sp>
        <p:grpSp>
          <p:nvGrpSpPr>
            <p:cNvPr id="29" name="Group 45">
              <a:extLst>
                <a:ext uri="{FF2B5EF4-FFF2-40B4-BE49-F238E27FC236}">
                  <a16:creationId xmlns:a16="http://schemas.microsoft.com/office/drawing/2014/main" id="{B313C79F-A384-3EB2-14D0-44F9DD47030A}"/>
                </a:ext>
              </a:extLst>
            </p:cNvPr>
            <p:cNvGrpSpPr>
              <a:grpSpLocks/>
            </p:cNvGrpSpPr>
            <p:nvPr/>
          </p:nvGrpSpPr>
          <p:grpSpPr>
            <a:xfrm>
              <a:off x="7226460" y="2558422"/>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FECF82EF-F885-9A8F-A902-F5821E1C2A51}"/>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7569BAEE-66AE-2AA4-F9AC-066CC53C4006}"/>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CF0F86FC-BAAB-3558-A575-53913F898961}"/>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28198502-46A4-6A31-2A00-47D74DDFDB67}"/>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grpSp>
      <p:grpSp>
        <p:nvGrpSpPr>
          <p:cNvPr id="3" name="Group 2">
            <a:extLst>
              <a:ext uri="{FF2B5EF4-FFF2-40B4-BE49-F238E27FC236}">
                <a16:creationId xmlns:a16="http://schemas.microsoft.com/office/drawing/2014/main" id="{F8E6A288-8A5B-A2B4-B71A-DF0D5B7B7660}"/>
              </a:ext>
              <a:ext uri="{C183D7F6-B498-43B3-948B-1728B52AA6E4}">
                <adec:decorative xmlns:adec="http://schemas.microsoft.com/office/drawing/2017/decorative" val="1"/>
              </a:ext>
            </a:extLst>
          </p:cNvPr>
          <p:cNvGrpSpPr/>
          <p:nvPr/>
        </p:nvGrpSpPr>
        <p:grpSpPr>
          <a:xfrm>
            <a:off x="7242991" y="3073402"/>
            <a:ext cx="2215131" cy="319850"/>
            <a:chOff x="7159079" y="2962148"/>
            <a:chExt cx="2215131" cy="319850"/>
          </a:xfrm>
        </p:grpSpPr>
        <p:sp>
          <p:nvSpPr>
            <p:cNvPr id="30" name="Rektangel: afrundede hjørner 9">
              <a:extLst>
                <a:ext uri="{FF2B5EF4-FFF2-40B4-BE49-F238E27FC236}">
                  <a16:creationId xmlns:a16="http://schemas.microsoft.com/office/drawing/2014/main" id="{E7EE6730-0F3B-4718-29F5-1E4F0563D978}"/>
                </a:ext>
              </a:extLst>
            </p:cNvPr>
            <p:cNvSpPr>
              <a:spLocks/>
            </p:cNvSpPr>
            <p:nvPr/>
          </p:nvSpPr>
          <p:spPr>
            <a:xfrm>
              <a:off x="7159079" y="2962148"/>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TextBox 23">
              <a:extLst>
                <a:ext uri="{FF2B5EF4-FFF2-40B4-BE49-F238E27FC236}">
                  <a16:creationId xmlns:a16="http://schemas.microsoft.com/office/drawing/2014/main" id="{2BEBAB4F-C31A-0CA4-2750-65083DDBD113}"/>
                </a:ext>
              </a:extLst>
            </p:cNvPr>
            <p:cNvSpPr txBox="1">
              <a:spLocks/>
            </p:cNvSpPr>
            <p:nvPr/>
          </p:nvSpPr>
          <p:spPr>
            <a:xfrm>
              <a:off x="7442867" y="2982883"/>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3 | Begrænset kontrol og styring af digitale løsninger</a:t>
              </a:r>
            </a:p>
          </p:txBody>
        </p:sp>
        <p:sp>
          <p:nvSpPr>
            <p:cNvPr id="32" name="Freeform 6">
              <a:extLst>
                <a:ext uri="{FF2B5EF4-FFF2-40B4-BE49-F238E27FC236}">
                  <a16:creationId xmlns:a16="http://schemas.microsoft.com/office/drawing/2014/main" id="{58207DA1-F09B-1062-F875-0C6C9E99A107}"/>
                </a:ext>
              </a:extLst>
            </p:cNvPr>
            <p:cNvSpPr>
              <a:spLocks noChangeAspect="1" noEditPoints="1"/>
            </p:cNvSpPr>
            <p:nvPr/>
          </p:nvSpPr>
          <p:spPr bwMode="auto">
            <a:xfrm>
              <a:off x="7215077" y="3022704"/>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33" name="Rektangel: afrundede hjørner 39">
            <a:extLst>
              <a:ext uri="{FF2B5EF4-FFF2-40B4-BE49-F238E27FC236}">
                <a16:creationId xmlns:a16="http://schemas.microsoft.com/office/drawing/2014/main" id="{6425DA8F-6699-2329-F684-DA92A823F84A}"/>
              </a:ext>
              <a:ext uri="{C183D7F6-B498-43B3-948B-1728B52AA6E4}">
                <adec:decorative xmlns:adec="http://schemas.microsoft.com/office/drawing/2017/decorative" val="1"/>
              </a:ext>
            </a:extLst>
          </p:cNvPr>
          <p:cNvSpPr>
            <a:spLocks/>
          </p:cNvSpPr>
          <p:nvPr/>
        </p:nvSpPr>
        <p:spPr>
          <a:xfrm>
            <a:off x="7242991" y="3495743"/>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TextBox 27">
            <a:extLst>
              <a:ext uri="{FF2B5EF4-FFF2-40B4-BE49-F238E27FC236}">
                <a16:creationId xmlns:a16="http://schemas.microsoft.com/office/drawing/2014/main" id="{DAE8EC93-D021-B6F6-C496-AFEC60DDA0CB}"/>
              </a:ext>
              <a:ext uri="{C183D7F6-B498-43B3-948B-1728B52AA6E4}">
                <adec:decorative xmlns:adec="http://schemas.microsoft.com/office/drawing/2017/decorative" val="0"/>
              </a:ext>
            </a:extLst>
          </p:cNvPr>
          <p:cNvSpPr txBox="1">
            <a:spLocks/>
          </p:cNvSpPr>
          <p:nvPr/>
        </p:nvSpPr>
        <p:spPr>
          <a:xfrm>
            <a:off x="7526779" y="3516753"/>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4 | Sårbarheder i den digitale forsyningssikkerhed</a:t>
            </a:r>
          </a:p>
        </p:txBody>
      </p:sp>
      <p:sp>
        <p:nvSpPr>
          <p:cNvPr id="36" name="Freeform 8">
            <a:extLst>
              <a:ext uri="{FF2B5EF4-FFF2-40B4-BE49-F238E27FC236}">
                <a16:creationId xmlns:a16="http://schemas.microsoft.com/office/drawing/2014/main" id="{6EFCA723-6BD7-CCCC-7F7E-7429F68A021C}"/>
              </a:ext>
              <a:ext uri="{C183D7F6-B498-43B3-948B-1728B52AA6E4}">
                <adec:decorative xmlns:adec="http://schemas.microsoft.com/office/drawing/2017/decorative" val="1"/>
              </a:ext>
            </a:extLst>
          </p:cNvPr>
          <p:cNvSpPr>
            <a:spLocks noChangeAspect="1" noEditPoints="1"/>
          </p:cNvSpPr>
          <p:nvPr/>
        </p:nvSpPr>
        <p:spPr bwMode="auto">
          <a:xfrm>
            <a:off x="7311666" y="3561636"/>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96" name="Free-form: Shape 1">
            <a:extLst>
              <a:ext uri="{FF2B5EF4-FFF2-40B4-BE49-F238E27FC236}">
                <a16:creationId xmlns:a16="http://schemas.microsoft.com/office/drawing/2014/main" id="{FBCD54D6-C884-A986-D16E-0ACE7957E45D}"/>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A4A891BB-53B8-11F3-647A-217800B952EF}"/>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D73F46EE-51E0-33A4-F401-DC52F9BD1244}"/>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4A103774-3557-C002-86B7-6A8E6BCD179A}"/>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D940F87D-0159-934E-7830-F78556CAF424}"/>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98049844-9374-29B3-CF2E-CCC4FCAE0F7A}"/>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38" name="TextBox 137">
            <a:extLst>
              <a:ext uri="{FF2B5EF4-FFF2-40B4-BE49-F238E27FC236}">
                <a16:creationId xmlns:a16="http://schemas.microsoft.com/office/drawing/2014/main" id="{2773C514-6043-E27B-51D9-8110F22DB2CA}"/>
              </a:ext>
            </a:extLst>
          </p:cNvPr>
          <p:cNvSpPr txBox="1"/>
          <p:nvPr/>
        </p:nvSpPr>
        <p:spPr>
          <a:xfrm>
            <a:off x="9469157" y="1874760"/>
            <a:ext cx="1931344" cy="246221"/>
          </a:xfrm>
          <a:prstGeom prst="rect">
            <a:avLst/>
          </a:prstGeom>
          <a:noFill/>
        </p:spPr>
        <p:txBody>
          <a:bodyPr wrap="square" lIns="72000">
            <a:spAutoFit/>
          </a:bodyPr>
          <a:lstStyle/>
          <a:p>
            <a:r>
              <a:rPr lang="da-DK" sz="1000" b="1" noProof="0" dirty="0">
                <a:solidFill>
                  <a:srgbClr val="36465A"/>
                </a:solidFill>
              </a:rPr>
              <a:t>Gevinster</a:t>
            </a:r>
            <a:endParaRPr lang="da-DK" sz="1000" noProof="0" dirty="0">
              <a:solidFill>
                <a:srgbClr val="36465A"/>
              </a:solidFill>
            </a:endParaRPr>
          </a:p>
        </p:txBody>
      </p:sp>
      <p:sp>
        <p:nvSpPr>
          <p:cNvPr id="194" name="Rectangle 193">
            <a:extLst>
              <a:ext uri="{FF2B5EF4-FFF2-40B4-BE49-F238E27FC236}">
                <a16:creationId xmlns:a16="http://schemas.microsoft.com/office/drawing/2014/main" id="{06F22EE1-5A7D-1063-8120-0BA408A085E4}"/>
              </a:ext>
              <a:ext uri="{C183D7F6-B498-43B3-948B-1728B52AA6E4}">
                <adec:decorative xmlns:adec="http://schemas.microsoft.com/office/drawing/2017/decorative" val="1"/>
              </a:ext>
            </a:extLst>
          </p:cNvPr>
          <p:cNvSpPr>
            <a:spLocks/>
          </p:cNvSpPr>
          <p:nvPr/>
        </p:nvSpPr>
        <p:spPr>
          <a:xfrm>
            <a:off x="7179021" y="2585758"/>
            <a:ext cx="2290136" cy="859874"/>
          </a:xfrm>
          <a:prstGeom prst="rect">
            <a:avLst/>
          </a:prstGeom>
          <a:solidFill>
            <a:schemeClr val="bg1">
              <a:alpha val="74000"/>
            </a:schemeClr>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0172D"/>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900" noProof="0"/>
          </a:p>
        </p:txBody>
      </p:sp>
      <p:sp>
        <p:nvSpPr>
          <p:cNvPr id="198" name="TextBox 197">
            <a:extLst>
              <a:ext uri="{FF2B5EF4-FFF2-40B4-BE49-F238E27FC236}">
                <a16:creationId xmlns:a16="http://schemas.microsoft.com/office/drawing/2014/main" id="{A0D72EB7-01BC-5D1E-0855-6FEAAE4372DE}"/>
              </a:ext>
            </a:extLst>
          </p:cNvPr>
          <p:cNvSpPr txBox="1"/>
          <p:nvPr/>
        </p:nvSpPr>
        <p:spPr>
          <a:xfrm>
            <a:off x="9857248" y="2233094"/>
            <a:ext cx="1495241" cy="661720"/>
          </a:xfrm>
          <a:prstGeom prst="rect">
            <a:avLst/>
          </a:prstGeom>
          <a:noFill/>
        </p:spPr>
        <p:txBody>
          <a:bodyPr wrap="square" lIns="0" tIns="0" rIns="0">
            <a:spAutoFit/>
          </a:bodyPr>
          <a:lstStyle/>
          <a:p>
            <a:pPr>
              <a:defRPr/>
            </a:pPr>
            <a:r>
              <a:rPr lang="da-DK" sz="1000" noProof="0" dirty="0">
                <a:solidFill>
                  <a:srgbClr val="000000"/>
                </a:solidFill>
                <a:latin typeface="Arial" panose="020B0604020202020204" pitchFamily="34" charset="0"/>
              </a:rPr>
              <a:t>Øget acceleration af konkrete initiativer hos myndighederne.</a:t>
            </a:r>
          </a:p>
          <a:p>
            <a:pPr marR="0" lvl="0" algn="l" defTabSz="1039307" rtl="0" eaLnBrk="1" fontAlgn="auto" latinLnBrk="0" hangingPunct="1">
              <a:lnSpc>
                <a:spcPct val="100000"/>
              </a:lnSpc>
              <a:spcBef>
                <a:spcPts val="0"/>
              </a:spcBef>
              <a:spcAft>
                <a:spcPts val="0"/>
              </a:spcAft>
              <a:buClrTx/>
              <a:buSzTx/>
              <a:tabLst/>
              <a:defRPr/>
            </a:pPr>
            <a:endPar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
        <p:nvSpPr>
          <p:cNvPr id="199" name="TextBox 198">
            <a:extLst>
              <a:ext uri="{FF2B5EF4-FFF2-40B4-BE49-F238E27FC236}">
                <a16:creationId xmlns:a16="http://schemas.microsoft.com/office/drawing/2014/main" id="{2C231F07-B15B-62FB-9333-5492A59C1605}"/>
              </a:ext>
            </a:extLst>
          </p:cNvPr>
          <p:cNvSpPr txBox="1"/>
          <p:nvPr/>
        </p:nvSpPr>
        <p:spPr>
          <a:xfrm>
            <a:off x="9857248" y="2795603"/>
            <a:ext cx="1436160" cy="661720"/>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lang="da-DK" sz="1000" noProof="0" dirty="0">
                <a:solidFill>
                  <a:srgbClr val="000000"/>
                </a:solidFill>
                <a:latin typeface="Arial" panose="020B0604020202020204" pitchFamily="34" charset="0"/>
              </a:rPr>
              <a:t>Øget homogenitet i fremgangsmåde via krav til samarbejdsmodel og koncepter. </a:t>
            </a:r>
            <a:endPar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grpSp>
        <p:nvGrpSpPr>
          <p:cNvPr id="47" name="Group 46">
            <a:extLst>
              <a:ext uri="{FF2B5EF4-FFF2-40B4-BE49-F238E27FC236}">
                <a16:creationId xmlns:a16="http://schemas.microsoft.com/office/drawing/2014/main" id="{0ACFC83E-2A14-0372-9B24-95B6FEDE1498}"/>
              </a:ext>
              <a:ext uri="{C183D7F6-B498-43B3-948B-1728B52AA6E4}">
                <adec:decorative xmlns:adec="http://schemas.microsoft.com/office/drawing/2017/decorative" val="1"/>
              </a:ext>
            </a:extLst>
          </p:cNvPr>
          <p:cNvGrpSpPr/>
          <p:nvPr/>
        </p:nvGrpSpPr>
        <p:grpSpPr>
          <a:xfrm>
            <a:off x="9565600" y="2233094"/>
            <a:ext cx="218250" cy="210236"/>
            <a:chOff x="9564973" y="2233094"/>
            <a:chExt cx="218250" cy="210236"/>
          </a:xfrm>
        </p:grpSpPr>
        <p:sp>
          <p:nvSpPr>
            <p:cNvPr id="132" name="Oval 131">
              <a:extLst>
                <a:ext uri="{FF2B5EF4-FFF2-40B4-BE49-F238E27FC236}">
                  <a16:creationId xmlns:a16="http://schemas.microsoft.com/office/drawing/2014/main" id="{A885E0C8-B846-5797-62CE-57BB1CD08400}"/>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6" name="Freeform 24">
              <a:extLst>
                <a:ext uri="{FF2B5EF4-FFF2-40B4-BE49-F238E27FC236}">
                  <a16:creationId xmlns:a16="http://schemas.microsoft.com/office/drawing/2014/main" id="{98B2708D-EB81-7CB8-37A8-C290E13818B7}"/>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48" name="Group 47">
            <a:extLst>
              <a:ext uri="{FF2B5EF4-FFF2-40B4-BE49-F238E27FC236}">
                <a16:creationId xmlns:a16="http://schemas.microsoft.com/office/drawing/2014/main" id="{AEF1458E-103A-6C12-B187-32CA5678A497}"/>
              </a:ext>
              <a:ext uri="{C183D7F6-B498-43B3-948B-1728B52AA6E4}">
                <adec:decorative xmlns:adec="http://schemas.microsoft.com/office/drawing/2017/decorative" val="1"/>
              </a:ext>
            </a:extLst>
          </p:cNvPr>
          <p:cNvGrpSpPr/>
          <p:nvPr/>
        </p:nvGrpSpPr>
        <p:grpSpPr>
          <a:xfrm>
            <a:off x="9565600" y="2795603"/>
            <a:ext cx="218250" cy="210236"/>
            <a:chOff x="9564973" y="2233094"/>
            <a:chExt cx="218250" cy="210236"/>
          </a:xfrm>
        </p:grpSpPr>
        <p:sp>
          <p:nvSpPr>
            <p:cNvPr id="49" name="Oval 48">
              <a:extLst>
                <a:ext uri="{FF2B5EF4-FFF2-40B4-BE49-F238E27FC236}">
                  <a16:creationId xmlns:a16="http://schemas.microsoft.com/office/drawing/2014/main" id="{158C11AC-32E9-09F3-7756-0D26B2AB9E23}"/>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0" name="Freeform 24">
              <a:extLst>
                <a:ext uri="{FF2B5EF4-FFF2-40B4-BE49-F238E27FC236}">
                  <a16:creationId xmlns:a16="http://schemas.microsoft.com/office/drawing/2014/main" id="{9D876032-D10F-0F1D-AD97-831A78C9E0BD}"/>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4" name="Freeform 31">
            <a:extLst>
              <a:ext uri="{FF2B5EF4-FFF2-40B4-BE49-F238E27FC236}">
                <a16:creationId xmlns:a16="http://schemas.microsoft.com/office/drawing/2014/main" id="{8513DE67-C2C7-A33C-5175-35641D4F5E01}"/>
              </a:ext>
              <a:ext uri="{C183D7F6-B498-43B3-948B-1728B52AA6E4}">
                <adec:decorative xmlns:adec="http://schemas.microsoft.com/office/drawing/2017/decorative" val="1"/>
              </a:ext>
            </a:extLst>
          </p:cNvPr>
          <p:cNvSpPr>
            <a:spLocks noEditPoints="1"/>
          </p:cNvSpPr>
          <p:nvPr/>
        </p:nvSpPr>
        <p:spPr bwMode="auto">
          <a:xfrm>
            <a:off x="11630423" y="245376"/>
            <a:ext cx="361599" cy="336627"/>
          </a:xfrm>
          <a:custGeom>
            <a:avLst/>
            <a:gdLst>
              <a:gd name="T0" fmla="*/ 112 w 224"/>
              <a:gd name="T1" fmla="*/ 32 h 208"/>
              <a:gd name="T2" fmla="*/ 112 w 224"/>
              <a:gd name="T3" fmla="*/ 40 h 208"/>
              <a:gd name="T4" fmla="*/ 100 w 224"/>
              <a:gd name="T5" fmla="*/ 52 h 208"/>
              <a:gd name="T6" fmla="*/ 60 w 224"/>
              <a:gd name="T7" fmla="*/ 52 h 208"/>
              <a:gd name="T8" fmla="*/ 40 w 224"/>
              <a:gd name="T9" fmla="*/ 72 h 208"/>
              <a:gd name="T10" fmla="*/ 40 w 224"/>
              <a:gd name="T11" fmla="*/ 64 h 208"/>
              <a:gd name="T12" fmla="*/ 76 w 224"/>
              <a:gd name="T13" fmla="*/ 40 h 208"/>
              <a:gd name="T14" fmla="*/ 56 w 224"/>
              <a:gd name="T15" fmla="*/ 20 h 208"/>
              <a:gd name="T16" fmla="*/ 88 w 224"/>
              <a:gd name="T17" fmla="*/ 20 h 208"/>
              <a:gd name="T18" fmla="*/ 76 w 224"/>
              <a:gd name="T19" fmla="*/ 8 h 208"/>
              <a:gd name="T20" fmla="*/ 148 w 224"/>
              <a:gd name="T21" fmla="*/ 0 h 208"/>
              <a:gd name="T22" fmla="*/ 148 w 224"/>
              <a:gd name="T23" fmla="*/ 8 h 208"/>
              <a:gd name="T24" fmla="*/ 136 w 224"/>
              <a:gd name="T25" fmla="*/ 20 h 208"/>
              <a:gd name="T26" fmla="*/ 211 w 224"/>
              <a:gd name="T27" fmla="*/ 75 h 208"/>
              <a:gd name="T28" fmla="*/ 184 w 224"/>
              <a:gd name="T29" fmla="*/ 86 h 208"/>
              <a:gd name="T30" fmla="*/ 157 w 224"/>
              <a:gd name="T31" fmla="*/ 75 h 208"/>
              <a:gd name="T32" fmla="*/ 140 w 224"/>
              <a:gd name="T33" fmla="*/ 75 h 208"/>
              <a:gd name="T34" fmla="*/ 125 w 224"/>
              <a:gd name="T35" fmla="*/ 73 h 208"/>
              <a:gd name="T36" fmla="*/ 95 w 224"/>
              <a:gd name="T37" fmla="*/ 72 h 208"/>
              <a:gd name="T38" fmla="*/ 76 w 224"/>
              <a:gd name="T39" fmla="*/ 81 h 208"/>
              <a:gd name="T40" fmla="*/ 57 w 224"/>
              <a:gd name="T41" fmla="*/ 72 h 208"/>
              <a:gd name="T42" fmla="*/ 27 w 224"/>
              <a:gd name="T43" fmla="*/ 73 h 208"/>
              <a:gd name="T44" fmla="*/ 12 w 224"/>
              <a:gd name="T45" fmla="*/ 75 h 208"/>
              <a:gd name="T46" fmla="*/ 16 w 224"/>
              <a:gd name="T47" fmla="*/ 152 h 208"/>
              <a:gd name="T48" fmla="*/ 20 w 224"/>
              <a:gd name="T49" fmla="*/ 208 h 208"/>
              <a:gd name="T50" fmla="*/ 64 w 224"/>
              <a:gd name="T51" fmla="*/ 204 h 208"/>
              <a:gd name="T52" fmla="*/ 88 w 224"/>
              <a:gd name="T53" fmla="*/ 152 h 208"/>
              <a:gd name="T54" fmla="*/ 92 w 224"/>
              <a:gd name="T55" fmla="*/ 208 h 208"/>
              <a:gd name="T56" fmla="*/ 136 w 224"/>
              <a:gd name="T57" fmla="*/ 204 h 208"/>
              <a:gd name="T58" fmla="*/ 160 w 224"/>
              <a:gd name="T59" fmla="*/ 152 h 208"/>
              <a:gd name="T60" fmla="*/ 164 w 224"/>
              <a:gd name="T61" fmla="*/ 208 h 208"/>
              <a:gd name="T62" fmla="*/ 208 w 224"/>
              <a:gd name="T63" fmla="*/ 204 h 208"/>
              <a:gd name="T64" fmla="*/ 224 w 224"/>
              <a:gd name="T65" fmla="*/ 92 h 208"/>
              <a:gd name="T66" fmla="*/ 64 w 224"/>
              <a:gd name="T67" fmla="*/ 143 h 208"/>
              <a:gd name="T68" fmla="*/ 56 w 224"/>
              <a:gd name="T69" fmla="*/ 100 h 208"/>
              <a:gd name="T70" fmla="*/ 44 w 224"/>
              <a:gd name="T71" fmla="*/ 140 h 208"/>
              <a:gd name="T72" fmla="*/ 36 w 224"/>
              <a:gd name="T73" fmla="*/ 200 h 208"/>
              <a:gd name="T74" fmla="*/ 20 w 224"/>
              <a:gd name="T75" fmla="*/ 96 h 208"/>
              <a:gd name="T76" fmla="*/ 8 w 224"/>
              <a:gd name="T77" fmla="*/ 132 h 208"/>
              <a:gd name="T78" fmla="*/ 23 w 224"/>
              <a:gd name="T79" fmla="*/ 80 h 208"/>
              <a:gd name="T80" fmla="*/ 43 w 224"/>
              <a:gd name="T81" fmla="*/ 95 h 208"/>
              <a:gd name="T82" fmla="*/ 72 w 224"/>
              <a:gd name="T83" fmla="*/ 92 h 208"/>
              <a:gd name="T84" fmla="*/ 136 w 224"/>
              <a:gd name="T85" fmla="*/ 143 h 208"/>
              <a:gd name="T86" fmla="*/ 128 w 224"/>
              <a:gd name="T87" fmla="*/ 100 h 208"/>
              <a:gd name="T88" fmla="*/ 116 w 224"/>
              <a:gd name="T89" fmla="*/ 140 h 208"/>
              <a:gd name="T90" fmla="*/ 108 w 224"/>
              <a:gd name="T91" fmla="*/ 200 h 208"/>
              <a:gd name="T92" fmla="*/ 92 w 224"/>
              <a:gd name="T93" fmla="*/ 96 h 208"/>
              <a:gd name="T94" fmla="*/ 80 w 224"/>
              <a:gd name="T95" fmla="*/ 132 h 208"/>
              <a:gd name="T96" fmla="*/ 95 w 224"/>
              <a:gd name="T97" fmla="*/ 80 h 208"/>
              <a:gd name="T98" fmla="*/ 115 w 224"/>
              <a:gd name="T99" fmla="*/ 95 h 208"/>
              <a:gd name="T100" fmla="*/ 144 w 224"/>
              <a:gd name="T101" fmla="*/ 92 h 208"/>
              <a:gd name="T102" fmla="*/ 208 w 224"/>
              <a:gd name="T103" fmla="*/ 100 h 208"/>
              <a:gd name="T104" fmla="*/ 200 w 224"/>
              <a:gd name="T105" fmla="*/ 200 h 208"/>
              <a:gd name="T106" fmla="*/ 184 w 224"/>
              <a:gd name="T107" fmla="*/ 136 h 208"/>
              <a:gd name="T108" fmla="*/ 168 w 224"/>
              <a:gd name="T109" fmla="*/ 200 h 208"/>
              <a:gd name="T110" fmla="*/ 160 w 224"/>
              <a:gd name="T111" fmla="*/ 100 h 208"/>
              <a:gd name="T112" fmla="*/ 152 w 224"/>
              <a:gd name="T113" fmla="*/ 92 h 208"/>
              <a:gd name="T114" fmla="*/ 181 w 224"/>
              <a:gd name="T115" fmla="*/ 95 h 208"/>
              <a:gd name="T116" fmla="*/ 201 w 224"/>
              <a:gd name="T117" fmla="*/ 80 h 208"/>
              <a:gd name="T118" fmla="*/ 216 w 224"/>
              <a:gd name="T119" fmla="*/ 132 h 208"/>
              <a:gd name="T120" fmla="*/ 204 w 224"/>
              <a:gd name="T121" fmla="*/ 52 h 208"/>
              <a:gd name="T122" fmla="*/ 184 w 224"/>
              <a:gd name="T123" fmla="*/ 72 h 208"/>
              <a:gd name="T124" fmla="*/ 184 w 224"/>
              <a:gd name="T125" fmla="*/ 6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24" h="208">
                <a:moveTo>
                  <a:pt x="112" y="72"/>
                </a:moveTo>
                <a:cubicBezTo>
                  <a:pt x="123" y="72"/>
                  <a:pt x="132" y="63"/>
                  <a:pt x="132" y="52"/>
                </a:cubicBezTo>
                <a:cubicBezTo>
                  <a:pt x="132" y="41"/>
                  <a:pt x="123" y="32"/>
                  <a:pt x="112" y="32"/>
                </a:cubicBezTo>
                <a:cubicBezTo>
                  <a:pt x="101" y="32"/>
                  <a:pt x="92" y="41"/>
                  <a:pt x="92" y="52"/>
                </a:cubicBezTo>
                <a:cubicBezTo>
                  <a:pt x="92" y="63"/>
                  <a:pt x="101" y="72"/>
                  <a:pt x="112" y="72"/>
                </a:cubicBezTo>
                <a:close/>
                <a:moveTo>
                  <a:pt x="112" y="40"/>
                </a:moveTo>
                <a:cubicBezTo>
                  <a:pt x="119" y="40"/>
                  <a:pt x="124" y="45"/>
                  <a:pt x="124" y="52"/>
                </a:cubicBezTo>
                <a:cubicBezTo>
                  <a:pt x="124" y="59"/>
                  <a:pt x="119" y="64"/>
                  <a:pt x="112" y="64"/>
                </a:cubicBezTo>
                <a:cubicBezTo>
                  <a:pt x="105" y="64"/>
                  <a:pt x="100" y="59"/>
                  <a:pt x="100" y="52"/>
                </a:cubicBezTo>
                <a:cubicBezTo>
                  <a:pt x="100" y="45"/>
                  <a:pt x="105" y="40"/>
                  <a:pt x="112" y="40"/>
                </a:cubicBezTo>
                <a:close/>
                <a:moveTo>
                  <a:pt x="40" y="72"/>
                </a:moveTo>
                <a:cubicBezTo>
                  <a:pt x="51" y="72"/>
                  <a:pt x="60" y="63"/>
                  <a:pt x="60" y="52"/>
                </a:cubicBezTo>
                <a:cubicBezTo>
                  <a:pt x="60" y="41"/>
                  <a:pt x="51" y="32"/>
                  <a:pt x="40" y="32"/>
                </a:cubicBezTo>
                <a:cubicBezTo>
                  <a:pt x="29" y="32"/>
                  <a:pt x="20" y="41"/>
                  <a:pt x="20" y="52"/>
                </a:cubicBezTo>
                <a:cubicBezTo>
                  <a:pt x="20" y="63"/>
                  <a:pt x="29" y="72"/>
                  <a:pt x="40" y="72"/>
                </a:cubicBezTo>
                <a:close/>
                <a:moveTo>
                  <a:pt x="40" y="40"/>
                </a:moveTo>
                <a:cubicBezTo>
                  <a:pt x="47" y="40"/>
                  <a:pt x="52" y="45"/>
                  <a:pt x="52" y="52"/>
                </a:cubicBezTo>
                <a:cubicBezTo>
                  <a:pt x="52" y="59"/>
                  <a:pt x="47" y="64"/>
                  <a:pt x="40" y="64"/>
                </a:cubicBezTo>
                <a:cubicBezTo>
                  <a:pt x="33" y="64"/>
                  <a:pt x="28" y="59"/>
                  <a:pt x="28" y="52"/>
                </a:cubicBezTo>
                <a:cubicBezTo>
                  <a:pt x="28" y="45"/>
                  <a:pt x="33" y="40"/>
                  <a:pt x="40" y="40"/>
                </a:cubicBezTo>
                <a:close/>
                <a:moveTo>
                  <a:pt x="76" y="40"/>
                </a:moveTo>
                <a:cubicBezTo>
                  <a:pt x="87" y="40"/>
                  <a:pt x="96" y="31"/>
                  <a:pt x="96" y="20"/>
                </a:cubicBezTo>
                <a:cubicBezTo>
                  <a:pt x="96" y="9"/>
                  <a:pt x="87" y="0"/>
                  <a:pt x="76" y="0"/>
                </a:cubicBezTo>
                <a:cubicBezTo>
                  <a:pt x="65" y="0"/>
                  <a:pt x="56" y="9"/>
                  <a:pt x="56" y="20"/>
                </a:cubicBezTo>
                <a:cubicBezTo>
                  <a:pt x="56" y="31"/>
                  <a:pt x="65" y="40"/>
                  <a:pt x="76" y="40"/>
                </a:cubicBezTo>
                <a:close/>
                <a:moveTo>
                  <a:pt x="76" y="8"/>
                </a:moveTo>
                <a:cubicBezTo>
                  <a:pt x="83" y="8"/>
                  <a:pt x="88" y="13"/>
                  <a:pt x="88" y="20"/>
                </a:cubicBezTo>
                <a:cubicBezTo>
                  <a:pt x="88" y="27"/>
                  <a:pt x="83" y="32"/>
                  <a:pt x="76" y="32"/>
                </a:cubicBezTo>
                <a:cubicBezTo>
                  <a:pt x="69" y="32"/>
                  <a:pt x="64" y="27"/>
                  <a:pt x="64" y="20"/>
                </a:cubicBezTo>
                <a:cubicBezTo>
                  <a:pt x="64" y="13"/>
                  <a:pt x="69" y="8"/>
                  <a:pt x="76" y="8"/>
                </a:cubicBezTo>
                <a:close/>
                <a:moveTo>
                  <a:pt x="148" y="40"/>
                </a:moveTo>
                <a:cubicBezTo>
                  <a:pt x="159" y="40"/>
                  <a:pt x="168" y="31"/>
                  <a:pt x="168" y="20"/>
                </a:cubicBezTo>
                <a:cubicBezTo>
                  <a:pt x="168" y="9"/>
                  <a:pt x="159" y="0"/>
                  <a:pt x="148" y="0"/>
                </a:cubicBezTo>
                <a:cubicBezTo>
                  <a:pt x="137" y="0"/>
                  <a:pt x="128" y="9"/>
                  <a:pt x="128" y="20"/>
                </a:cubicBezTo>
                <a:cubicBezTo>
                  <a:pt x="128" y="31"/>
                  <a:pt x="137" y="40"/>
                  <a:pt x="148" y="40"/>
                </a:cubicBezTo>
                <a:close/>
                <a:moveTo>
                  <a:pt x="148" y="8"/>
                </a:moveTo>
                <a:cubicBezTo>
                  <a:pt x="155" y="8"/>
                  <a:pt x="160" y="13"/>
                  <a:pt x="160" y="20"/>
                </a:cubicBezTo>
                <a:cubicBezTo>
                  <a:pt x="160" y="27"/>
                  <a:pt x="155" y="32"/>
                  <a:pt x="148" y="32"/>
                </a:cubicBezTo>
                <a:cubicBezTo>
                  <a:pt x="141" y="32"/>
                  <a:pt x="136" y="27"/>
                  <a:pt x="136" y="20"/>
                </a:cubicBezTo>
                <a:cubicBezTo>
                  <a:pt x="136" y="13"/>
                  <a:pt x="141" y="8"/>
                  <a:pt x="148" y="8"/>
                </a:cubicBezTo>
                <a:close/>
                <a:moveTo>
                  <a:pt x="212" y="75"/>
                </a:moveTo>
                <a:cubicBezTo>
                  <a:pt x="211" y="75"/>
                  <a:pt x="211" y="75"/>
                  <a:pt x="211" y="75"/>
                </a:cubicBezTo>
                <a:cubicBezTo>
                  <a:pt x="201" y="72"/>
                  <a:pt x="201" y="72"/>
                  <a:pt x="201" y="72"/>
                </a:cubicBezTo>
                <a:cubicBezTo>
                  <a:pt x="200" y="72"/>
                  <a:pt x="198" y="72"/>
                  <a:pt x="197" y="73"/>
                </a:cubicBezTo>
                <a:cubicBezTo>
                  <a:pt x="184" y="86"/>
                  <a:pt x="184" y="86"/>
                  <a:pt x="184" y="86"/>
                </a:cubicBezTo>
                <a:cubicBezTo>
                  <a:pt x="171" y="73"/>
                  <a:pt x="171" y="73"/>
                  <a:pt x="171" y="73"/>
                </a:cubicBezTo>
                <a:cubicBezTo>
                  <a:pt x="170" y="72"/>
                  <a:pt x="168" y="72"/>
                  <a:pt x="167" y="72"/>
                </a:cubicBezTo>
                <a:cubicBezTo>
                  <a:pt x="157" y="75"/>
                  <a:pt x="157" y="75"/>
                  <a:pt x="157" y="75"/>
                </a:cubicBezTo>
                <a:cubicBezTo>
                  <a:pt x="156" y="75"/>
                  <a:pt x="156" y="75"/>
                  <a:pt x="156" y="75"/>
                </a:cubicBezTo>
                <a:cubicBezTo>
                  <a:pt x="153" y="76"/>
                  <a:pt x="150" y="78"/>
                  <a:pt x="148" y="81"/>
                </a:cubicBezTo>
                <a:cubicBezTo>
                  <a:pt x="146" y="78"/>
                  <a:pt x="143" y="76"/>
                  <a:pt x="140" y="75"/>
                </a:cubicBezTo>
                <a:cubicBezTo>
                  <a:pt x="139" y="75"/>
                  <a:pt x="139" y="75"/>
                  <a:pt x="139" y="75"/>
                </a:cubicBezTo>
                <a:cubicBezTo>
                  <a:pt x="129" y="72"/>
                  <a:pt x="129" y="72"/>
                  <a:pt x="129" y="72"/>
                </a:cubicBezTo>
                <a:cubicBezTo>
                  <a:pt x="128" y="72"/>
                  <a:pt x="126" y="72"/>
                  <a:pt x="125" y="73"/>
                </a:cubicBezTo>
                <a:cubicBezTo>
                  <a:pt x="112" y="86"/>
                  <a:pt x="112" y="86"/>
                  <a:pt x="112" y="86"/>
                </a:cubicBezTo>
                <a:cubicBezTo>
                  <a:pt x="99" y="73"/>
                  <a:pt x="99" y="73"/>
                  <a:pt x="99" y="73"/>
                </a:cubicBezTo>
                <a:cubicBezTo>
                  <a:pt x="98" y="72"/>
                  <a:pt x="96" y="72"/>
                  <a:pt x="95" y="72"/>
                </a:cubicBezTo>
                <a:cubicBezTo>
                  <a:pt x="85" y="75"/>
                  <a:pt x="85" y="75"/>
                  <a:pt x="85" y="75"/>
                </a:cubicBezTo>
                <a:cubicBezTo>
                  <a:pt x="84" y="75"/>
                  <a:pt x="84" y="75"/>
                  <a:pt x="84" y="75"/>
                </a:cubicBezTo>
                <a:cubicBezTo>
                  <a:pt x="81" y="76"/>
                  <a:pt x="78" y="78"/>
                  <a:pt x="76" y="81"/>
                </a:cubicBezTo>
                <a:cubicBezTo>
                  <a:pt x="74" y="78"/>
                  <a:pt x="71" y="76"/>
                  <a:pt x="68" y="75"/>
                </a:cubicBezTo>
                <a:cubicBezTo>
                  <a:pt x="67" y="75"/>
                  <a:pt x="67" y="75"/>
                  <a:pt x="67" y="75"/>
                </a:cubicBezTo>
                <a:cubicBezTo>
                  <a:pt x="57" y="72"/>
                  <a:pt x="57" y="72"/>
                  <a:pt x="57" y="72"/>
                </a:cubicBezTo>
                <a:cubicBezTo>
                  <a:pt x="56" y="72"/>
                  <a:pt x="54" y="72"/>
                  <a:pt x="53" y="73"/>
                </a:cubicBezTo>
                <a:cubicBezTo>
                  <a:pt x="40" y="86"/>
                  <a:pt x="40" y="86"/>
                  <a:pt x="40" y="86"/>
                </a:cubicBezTo>
                <a:cubicBezTo>
                  <a:pt x="27" y="73"/>
                  <a:pt x="27" y="73"/>
                  <a:pt x="27" y="73"/>
                </a:cubicBezTo>
                <a:cubicBezTo>
                  <a:pt x="26" y="72"/>
                  <a:pt x="24" y="72"/>
                  <a:pt x="23" y="72"/>
                </a:cubicBezTo>
                <a:cubicBezTo>
                  <a:pt x="13" y="75"/>
                  <a:pt x="13" y="75"/>
                  <a:pt x="13" y="75"/>
                </a:cubicBezTo>
                <a:cubicBezTo>
                  <a:pt x="12" y="75"/>
                  <a:pt x="12" y="75"/>
                  <a:pt x="12" y="75"/>
                </a:cubicBezTo>
                <a:cubicBezTo>
                  <a:pt x="5" y="77"/>
                  <a:pt x="0" y="84"/>
                  <a:pt x="0" y="92"/>
                </a:cubicBezTo>
                <a:cubicBezTo>
                  <a:pt x="0" y="132"/>
                  <a:pt x="0" y="132"/>
                  <a:pt x="0" y="132"/>
                </a:cubicBezTo>
                <a:cubicBezTo>
                  <a:pt x="0" y="142"/>
                  <a:pt x="7" y="150"/>
                  <a:pt x="16" y="152"/>
                </a:cubicBezTo>
                <a:cubicBezTo>
                  <a:pt x="16" y="204"/>
                  <a:pt x="16" y="204"/>
                  <a:pt x="16" y="204"/>
                </a:cubicBezTo>
                <a:cubicBezTo>
                  <a:pt x="16" y="205"/>
                  <a:pt x="16" y="206"/>
                  <a:pt x="17" y="207"/>
                </a:cubicBezTo>
                <a:cubicBezTo>
                  <a:pt x="18" y="208"/>
                  <a:pt x="19" y="208"/>
                  <a:pt x="20" y="208"/>
                </a:cubicBezTo>
                <a:cubicBezTo>
                  <a:pt x="60" y="208"/>
                  <a:pt x="60" y="208"/>
                  <a:pt x="60" y="208"/>
                </a:cubicBezTo>
                <a:cubicBezTo>
                  <a:pt x="61" y="208"/>
                  <a:pt x="62" y="208"/>
                  <a:pt x="63" y="207"/>
                </a:cubicBezTo>
                <a:cubicBezTo>
                  <a:pt x="64" y="206"/>
                  <a:pt x="64" y="205"/>
                  <a:pt x="64" y="204"/>
                </a:cubicBezTo>
                <a:cubicBezTo>
                  <a:pt x="64" y="152"/>
                  <a:pt x="64" y="152"/>
                  <a:pt x="64" y="152"/>
                </a:cubicBezTo>
                <a:cubicBezTo>
                  <a:pt x="69" y="151"/>
                  <a:pt x="73" y="148"/>
                  <a:pt x="76" y="144"/>
                </a:cubicBezTo>
                <a:cubicBezTo>
                  <a:pt x="79" y="148"/>
                  <a:pt x="83" y="151"/>
                  <a:pt x="88" y="152"/>
                </a:cubicBezTo>
                <a:cubicBezTo>
                  <a:pt x="88" y="204"/>
                  <a:pt x="88" y="204"/>
                  <a:pt x="88" y="204"/>
                </a:cubicBezTo>
                <a:cubicBezTo>
                  <a:pt x="88" y="205"/>
                  <a:pt x="88" y="206"/>
                  <a:pt x="89" y="207"/>
                </a:cubicBezTo>
                <a:cubicBezTo>
                  <a:pt x="90" y="208"/>
                  <a:pt x="91" y="208"/>
                  <a:pt x="92" y="208"/>
                </a:cubicBezTo>
                <a:cubicBezTo>
                  <a:pt x="132" y="208"/>
                  <a:pt x="132" y="208"/>
                  <a:pt x="132" y="208"/>
                </a:cubicBezTo>
                <a:cubicBezTo>
                  <a:pt x="133" y="208"/>
                  <a:pt x="134" y="208"/>
                  <a:pt x="135" y="207"/>
                </a:cubicBezTo>
                <a:cubicBezTo>
                  <a:pt x="136" y="206"/>
                  <a:pt x="136" y="205"/>
                  <a:pt x="136" y="204"/>
                </a:cubicBezTo>
                <a:cubicBezTo>
                  <a:pt x="136" y="152"/>
                  <a:pt x="136" y="152"/>
                  <a:pt x="136" y="152"/>
                </a:cubicBezTo>
                <a:cubicBezTo>
                  <a:pt x="141" y="151"/>
                  <a:pt x="145" y="148"/>
                  <a:pt x="148" y="144"/>
                </a:cubicBezTo>
                <a:cubicBezTo>
                  <a:pt x="151" y="148"/>
                  <a:pt x="155" y="151"/>
                  <a:pt x="160" y="152"/>
                </a:cubicBezTo>
                <a:cubicBezTo>
                  <a:pt x="160" y="204"/>
                  <a:pt x="160" y="204"/>
                  <a:pt x="160" y="204"/>
                </a:cubicBezTo>
                <a:cubicBezTo>
                  <a:pt x="160" y="205"/>
                  <a:pt x="160" y="206"/>
                  <a:pt x="161" y="207"/>
                </a:cubicBezTo>
                <a:cubicBezTo>
                  <a:pt x="162" y="208"/>
                  <a:pt x="163" y="208"/>
                  <a:pt x="164" y="208"/>
                </a:cubicBezTo>
                <a:cubicBezTo>
                  <a:pt x="204" y="208"/>
                  <a:pt x="204" y="208"/>
                  <a:pt x="204" y="208"/>
                </a:cubicBezTo>
                <a:cubicBezTo>
                  <a:pt x="205" y="208"/>
                  <a:pt x="206" y="208"/>
                  <a:pt x="207" y="207"/>
                </a:cubicBezTo>
                <a:cubicBezTo>
                  <a:pt x="208" y="206"/>
                  <a:pt x="208" y="205"/>
                  <a:pt x="208" y="204"/>
                </a:cubicBezTo>
                <a:cubicBezTo>
                  <a:pt x="208" y="152"/>
                  <a:pt x="208" y="152"/>
                  <a:pt x="208" y="152"/>
                </a:cubicBezTo>
                <a:cubicBezTo>
                  <a:pt x="217" y="150"/>
                  <a:pt x="224" y="142"/>
                  <a:pt x="224" y="132"/>
                </a:cubicBezTo>
                <a:cubicBezTo>
                  <a:pt x="224" y="92"/>
                  <a:pt x="224" y="92"/>
                  <a:pt x="224" y="92"/>
                </a:cubicBezTo>
                <a:cubicBezTo>
                  <a:pt x="224" y="84"/>
                  <a:pt x="219" y="77"/>
                  <a:pt x="212" y="75"/>
                </a:cubicBezTo>
                <a:close/>
                <a:moveTo>
                  <a:pt x="72" y="132"/>
                </a:moveTo>
                <a:cubicBezTo>
                  <a:pt x="72" y="137"/>
                  <a:pt x="69" y="142"/>
                  <a:pt x="64" y="143"/>
                </a:cubicBezTo>
                <a:cubicBezTo>
                  <a:pt x="64" y="100"/>
                  <a:pt x="64" y="100"/>
                  <a:pt x="64" y="100"/>
                </a:cubicBezTo>
                <a:cubicBezTo>
                  <a:pt x="64" y="98"/>
                  <a:pt x="62" y="96"/>
                  <a:pt x="60" y="96"/>
                </a:cubicBezTo>
                <a:cubicBezTo>
                  <a:pt x="58" y="96"/>
                  <a:pt x="56" y="98"/>
                  <a:pt x="56" y="100"/>
                </a:cubicBezTo>
                <a:cubicBezTo>
                  <a:pt x="56" y="200"/>
                  <a:pt x="56" y="200"/>
                  <a:pt x="56" y="200"/>
                </a:cubicBezTo>
                <a:cubicBezTo>
                  <a:pt x="44" y="200"/>
                  <a:pt x="44" y="200"/>
                  <a:pt x="44" y="200"/>
                </a:cubicBezTo>
                <a:cubicBezTo>
                  <a:pt x="44" y="140"/>
                  <a:pt x="44" y="140"/>
                  <a:pt x="44" y="140"/>
                </a:cubicBezTo>
                <a:cubicBezTo>
                  <a:pt x="44" y="138"/>
                  <a:pt x="42" y="136"/>
                  <a:pt x="40" y="136"/>
                </a:cubicBezTo>
                <a:cubicBezTo>
                  <a:pt x="38" y="136"/>
                  <a:pt x="36" y="138"/>
                  <a:pt x="36" y="140"/>
                </a:cubicBezTo>
                <a:cubicBezTo>
                  <a:pt x="36" y="200"/>
                  <a:pt x="36" y="200"/>
                  <a:pt x="36" y="200"/>
                </a:cubicBezTo>
                <a:cubicBezTo>
                  <a:pt x="24" y="200"/>
                  <a:pt x="24" y="200"/>
                  <a:pt x="24" y="200"/>
                </a:cubicBezTo>
                <a:cubicBezTo>
                  <a:pt x="24" y="100"/>
                  <a:pt x="24" y="100"/>
                  <a:pt x="24" y="100"/>
                </a:cubicBezTo>
                <a:cubicBezTo>
                  <a:pt x="24" y="98"/>
                  <a:pt x="22" y="96"/>
                  <a:pt x="20" y="96"/>
                </a:cubicBezTo>
                <a:cubicBezTo>
                  <a:pt x="18" y="96"/>
                  <a:pt x="16" y="98"/>
                  <a:pt x="16" y="100"/>
                </a:cubicBezTo>
                <a:cubicBezTo>
                  <a:pt x="16" y="143"/>
                  <a:pt x="16" y="143"/>
                  <a:pt x="16" y="143"/>
                </a:cubicBezTo>
                <a:cubicBezTo>
                  <a:pt x="11" y="142"/>
                  <a:pt x="8" y="137"/>
                  <a:pt x="8" y="132"/>
                </a:cubicBezTo>
                <a:cubicBezTo>
                  <a:pt x="8" y="92"/>
                  <a:pt x="8" y="92"/>
                  <a:pt x="8" y="92"/>
                </a:cubicBezTo>
                <a:cubicBezTo>
                  <a:pt x="8" y="88"/>
                  <a:pt x="11" y="84"/>
                  <a:pt x="15" y="82"/>
                </a:cubicBezTo>
                <a:cubicBezTo>
                  <a:pt x="23" y="80"/>
                  <a:pt x="23" y="80"/>
                  <a:pt x="23" y="80"/>
                </a:cubicBezTo>
                <a:cubicBezTo>
                  <a:pt x="37" y="95"/>
                  <a:pt x="37" y="95"/>
                  <a:pt x="37" y="95"/>
                </a:cubicBezTo>
                <a:cubicBezTo>
                  <a:pt x="38" y="96"/>
                  <a:pt x="39" y="96"/>
                  <a:pt x="40" y="96"/>
                </a:cubicBezTo>
                <a:cubicBezTo>
                  <a:pt x="41" y="96"/>
                  <a:pt x="42" y="96"/>
                  <a:pt x="43" y="95"/>
                </a:cubicBezTo>
                <a:cubicBezTo>
                  <a:pt x="57" y="80"/>
                  <a:pt x="57" y="80"/>
                  <a:pt x="57" y="80"/>
                </a:cubicBezTo>
                <a:cubicBezTo>
                  <a:pt x="65" y="82"/>
                  <a:pt x="65" y="82"/>
                  <a:pt x="65" y="82"/>
                </a:cubicBezTo>
                <a:cubicBezTo>
                  <a:pt x="69" y="84"/>
                  <a:pt x="72" y="88"/>
                  <a:pt x="72" y="92"/>
                </a:cubicBezTo>
                <a:lnTo>
                  <a:pt x="72" y="132"/>
                </a:lnTo>
                <a:close/>
                <a:moveTo>
                  <a:pt x="144" y="132"/>
                </a:moveTo>
                <a:cubicBezTo>
                  <a:pt x="144" y="137"/>
                  <a:pt x="141" y="142"/>
                  <a:pt x="136" y="143"/>
                </a:cubicBezTo>
                <a:cubicBezTo>
                  <a:pt x="136" y="100"/>
                  <a:pt x="136" y="100"/>
                  <a:pt x="136" y="100"/>
                </a:cubicBezTo>
                <a:cubicBezTo>
                  <a:pt x="136" y="98"/>
                  <a:pt x="134" y="96"/>
                  <a:pt x="132" y="96"/>
                </a:cubicBezTo>
                <a:cubicBezTo>
                  <a:pt x="130" y="96"/>
                  <a:pt x="128" y="98"/>
                  <a:pt x="128" y="100"/>
                </a:cubicBezTo>
                <a:cubicBezTo>
                  <a:pt x="128" y="200"/>
                  <a:pt x="128" y="200"/>
                  <a:pt x="128" y="200"/>
                </a:cubicBezTo>
                <a:cubicBezTo>
                  <a:pt x="116" y="200"/>
                  <a:pt x="116" y="200"/>
                  <a:pt x="116" y="200"/>
                </a:cubicBezTo>
                <a:cubicBezTo>
                  <a:pt x="116" y="140"/>
                  <a:pt x="116" y="140"/>
                  <a:pt x="116" y="140"/>
                </a:cubicBezTo>
                <a:cubicBezTo>
                  <a:pt x="116" y="138"/>
                  <a:pt x="114" y="136"/>
                  <a:pt x="112" y="136"/>
                </a:cubicBezTo>
                <a:cubicBezTo>
                  <a:pt x="110" y="136"/>
                  <a:pt x="108" y="138"/>
                  <a:pt x="108" y="140"/>
                </a:cubicBezTo>
                <a:cubicBezTo>
                  <a:pt x="108" y="200"/>
                  <a:pt x="108" y="200"/>
                  <a:pt x="108" y="200"/>
                </a:cubicBezTo>
                <a:cubicBezTo>
                  <a:pt x="96" y="200"/>
                  <a:pt x="96" y="200"/>
                  <a:pt x="96" y="200"/>
                </a:cubicBezTo>
                <a:cubicBezTo>
                  <a:pt x="96" y="100"/>
                  <a:pt x="96" y="100"/>
                  <a:pt x="96" y="100"/>
                </a:cubicBezTo>
                <a:cubicBezTo>
                  <a:pt x="96" y="98"/>
                  <a:pt x="94" y="96"/>
                  <a:pt x="92" y="96"/>
                </a:cubicBezTo>
                <a:cubicBezTo>
                  <a:pt x="90" y="96"/>
                  <a:pt x="88" y="98"/>
                  <a:pt x="88" y="100"/>
                </a:cubicBezTo>
                <a:cubicBezTo>
                  <a:pt x="88" y="143"/>
                  <a:pt x="88" y="143"/>
                  <a:pt x="88" y="143"/>
                </a:cubicBezTo>
                <a:cubicBezTo>
                  <a:pt x="83" y="142"/>
                  <a:pt x="80" y="137"/>
                  <a:pt x="80" y="132"/>
                </a:cubicBezTo>
                <a:cubicBezTo>
                  <a:pt x="80" y="92"/>
                  <a:pt x="80" y="92"/>
                  <a:pt x="80" y="92"/>
                </a:cubicBezTo>
                <a:cubicBezTo>
                  <a:pt x="80" y="88"/>
                  <a:pt x="83" y="84"/>
                  <a:pt x="87" y="82"/>
                </a:cubicBezTo>
                <a:cubicBezTo>
                  <a:pt x="95" y="80"/>
                  <a:pt x="95" y="80"/>
                  <a:pt x="95" y="80"/>
                </a:cubicBezTo>
                <a:cubicBezTo>
                  <a:pt x="109" y="95"/>
                  <a:pt x="109" y="95"/>
                  <a:pt x="109" y="95"/>
                </a:cubicBezTo>
                <a:cubicBezTo>
                  <a:pt x="110" y="96"/>
                  <a:pt x="111" y="96"/>
                  <a:pt x="112" y="96"/>
                </a:cubicBezTo>
                <a:cubicBezTo>
                  <a:pt x="113" y="96"/>
                  <a:pt x="114" y="96"/>
                  <a:pt x="115" y="95"/>
                </a:cubicBezTo>
                <a:cubicBezTo>
                  <a:pt x="129" y="80"/>
                  <a:pt x="129" y="80"/>
                  <a:pt x="129" y="80"/>
                </a:cubicBezTo>
                <a:cubicBezTo>
                  <a:pt x="137" y="82"/>
                  <a:pt x="137" y="82"/>
                  <a:pt x="137" y="82"/>
                </a:cubicBezTo>
                <a:cubicBezTo>
                  <a:pt x="141" y="84"/>
                  <a:pt x="144" y="88"/>
                  <a:pt x="144" y="92"/>
                </a:cubicBezTo>
                <a:lnTo>
                  <a:pt x="144" y="132"/>
                </a:lnTo>
                <a:close/>
                <a:moveTo>
                  <a:pt x="208" y="143"/>
                </a:moveTo>
                <a:cubicBezTo>
                  <a:pt x="208" y="100"/>
                  <a:pt x="208" y="100"/>
                  <a:pt x="208" y="100"/>
                </a:cubicBezTo>
                <a:cubicBezTo>
                  <a:pt x="208" y="98"/>
                  <a:pt x="206" y="96"/>
                  <a:pt x="204" y="96"/>
                </a:cubicBezTo>
                <a:cubicBezTo>
                  <a:pt x="202" y="96"/>
                  <a:pt x="200" y="98"/>
                  <a:pt x="200" y="100"/>
                </a:cubicBezTo>
                <a:cubicBezTo>
                  <a:pt x="200" y="200"/>
                  <a:pt x="200" y="200"/>
                  <a:pt x="200" y="200"/>
                </a:cubicBezTo>
                <a:cubicBezTo>
                  <a:pt x="188" y="200"/>
                  <a:pt x="188" y="200"/>
                  <a:pt x="188" y="200"/>
                </a:cubicBezTo>
                <a:cubicBezTo>
                  <a:pt x="188" y="140"/>
                  <a:pt x="188" y="140"/>
                  <a:pt x="188" y="140"/>
                </a:cubicBezTo>
                <a:cubicBezTo>
                  <a:pt x="188" y="138"/>
                  <a:pt x="186" y="136"/>
                  <a:pt x="184" y="136"/>
                </a:cubicBezTo>
                <a:cubicBezTo>
                  <a:pt x="182" y="136"/>
                  <a:pt x="180" y="138"/>
                  <a:pt x="180" y="140"/>
                </a:cubicBezTo>
                <a:cubicBezTo>
                  <a:pt x="180" y="200"/>
                  <a:pt x="180" y="200"/>
                  <a:pt x="180" y="200"/>
                </a:cubicBezTo>
                <a:cubicBezTo>
                  <a:pt x="168" y="200"/>
                  <a:pt x="168" y="200"/>
                  <a:pt x="168" y="200"/>
                </a:cubicBezTo>
                <a:cubicBezTo>
                  <a:pt x="168" y="100"/>
                  <a:pt x="168" y="100"/>
                  <a:pt x="168" y="100"/>
                </a:cubicBezTo>
                <a:cubicBezTo>
                  <a:pt x="168" y="98"/>
                  <a:pt x="166" y="96"/>
                  <a:pt x="164" y="96"/>
                </a:cubicBezTo>
                <a:cubicBezTo>
                  <a:pt x="162" y="96"/>
                  <a:pt x="160" y="98"/>
                  <a:pt x="160" y="100"/>
                </a:cubicBezTo>
                <a:cubicBezTo>
                  <a:pt x="160" y="143"/>
                  <a:pt x="160" y="143"/>
                  <a:pt x="160" y="143"/>
                </a:cubicBezTo>
                <a:cubicBezTo>
                  <a:pt x="155" y="142"/>
                  <a:pt x="152" y="137"/>
                  <a:pt x="152" y="132"/>
                </a:cubicBezTo>
                <a:cubicBezTo>
                  <a:pt x="152" y="92"/>
                  <a:pt x="152" y="92"/>
                  <a:pt x="152" y="92"/>
                </a:cubicBezTo>
                <a:cubicBezTo>
                  <a:pt x="152" y="88"/>
                  <a:pt x="155" y="84"/>
                  <a:pt x="159" y="82"/>
                </a:cubicBezTo>
                <a:cubicBezTo>
                  <a:pt x="167" y="80"/>
                  <a:pt x="167" y="80"/>
                  <a:pt x="167" y="80"/>
                </a:cubicBezTo>
                <a:cubicBezTo>
                  <a:pt x="181" y="95"/>
                  <a:pt x="181" y="95"/>
                  <a:pt x="181" y="95"/>
                </a:cubicBezTo>
                <a:cubicBezTo>
                  <a:pt x="182" y="96"/>
                  <a:pt x="183" y="96"/>
                  <a:pt x="184" y="96"/>
                </a:cubicBezTo>
                <a:cubicBezTo>
                  <a:pt x="185" y="96"/>
                  <a:pt x="186" y="96"/>
                  <a:pt x="187" y="95"/>
                </a:cubicBezTo>
                <a:cubicBezTo>
                  <a:pt x="201" y="80"/>
                  <a:pt x="201" y="80"/>
                  <a:pt x="201" y="80"/>
                </a:cubicBezTo>
                <a:cubicBezTo>
                  <a:pt x="209" y="82"/>
                  <a:pt x="209" y="82"/>
                  <a:pt x="209" y="82"/>
                </a:cubicBezTo>
                <a:cubicBezTo>
                  <a:pt x="213" y="84"/>
                  <a:pt x="216" y="88"/>
                  <a:pt x="216" y="92"/>
                </a:cubicBezTo>
                <a:cubicBezTo>
                  <a:pt x="216" y="132"/>
                  <a:pt x="216" y="132"/>
                  <a:pt x="216" y="132"/>
                </a:cubicBezTo>
                <a:cubicBezTo>
                  <a:pt x="216" y="137"/>
                  <a:pt x="213" y="142"/>
                  <a:pt x="208" y="143"/>
                </a:cubicBezTo>
                <a:close/>
                <a:moveTo>
                  <a:pt x="184" y="72"/>
                </a:moveTo>
                <a:cubicBezTo>
                  <a:pt x="195" y="72"/>
                  <a:pt x="204" y="63"/>
                  <a:pt x="204" y="52"/>
                </a:cubicBezTo>
                <a:cubicBezTo>
                  <a:pt x="204" y="41"/>
                  <a:pt x="195" y="32"/>
                  <a:pt x="184" y="32"/>
                </a:cubicBezTo>
                <a:cubicBezTo>
                  <a:pt x="173" y="32"/>
                  <a:pt x="164" y="41"/>
                  <a:pt x="164" y="52"/>
                </a:cubicBezTo>
                <a:cubicBezTo>
                  <a:pt x="164" y="63"/>
                  <a:pt x="173" y="72"/>
                  <a:pt x="184" y="72"/>
                </a:cubicBezTo>
                <a:close/>
                <a:moveTo>
                  <a:pt x="184" y="40"/>
                </a:moveTo>
                <a:cubicBezTo>
                  <a:pt x="191" y="40"/>
                  <a:pt x="196" y="45"/>
                  <a:pt x="196" y="52"/>
                </a:cubicBezTo>
                <a:cubicBezTo>
                  <a:pt x="196" y="59"/>
                  <a:pt x="191" y="64"/>
                  <a:pt x="184" y="64"/>
                </a:cubicBezTo>
                <a:cubicBezTo>
                  <a:pt x="177" y="64"/>
                  <a:pt x="172" y="59"/>
                  <a:pt x="172" y="52"/>
                </a:cubicBezTo>
                <a:cubicBezTo>
                  <a:pt x="172" y="45"/>
                  <a:pt x="177" y="40"/>
                  <a:pt x="184" y="40"/>
                </a:cubicBezTo>
                <a:close/>
              </a:path>
            </a:pathLst>
          </a:custGeom>
          <a:solidFill>
            <a:srgbClr val="EE2F66"/>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53" name="TextBox 52">
            <a:extLst>
              <a:ext uri="{FF2B5EF4-FFF2-40B4-BE49-F238E27FC236}">
                <a16:creationId xmlns:a16="http://schemas.microsoft.com/office/drawing/2014/main" id="{232E5F7F-FCD5-620C-07B5-F8B26B9D9CD1}"/>
              </a:ext>
            </a:extLst>
          </p:cNvPr>
          <p:cNvSpPr txBox="1"/>
          <p:nvPr/>
        </p:nvSpPr>
        <p:spPr>
          <a:xfrm>
            <a:off x="9857248" y="3497460"/>
            <a:ext cx="1436160"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Acceleration af konkrete initiativer hos myndighederne.</a:t>
            </a:r>
          </a:p>
        </p:txBody>
      </p:sp>
      <p:grpSp>
        <p:nvGrpSpPr>
          <p:cNvPr id="55" name="Group 54">
            <a:extLst>
              <a:ext uri="{FF2B5EF4-FFF2-40B4-BE49-F238E27FC236}">
                <a16:creationId xmlns:a16="http://schemas.microsoft.com/office/drawing/2014/main" id="{92986111-643F-3C05-81F6-D241C5F5F618}"/>
              </a:ext>
              <a:ext uri="{C183D7F6-B498-43B3-948B-1728B52AA6E4}">
                <adec:decorative xmlns:adec="http://schemas.microsoft.com/office/drawing/2017/decorative" val="1"/>
              </a:ext>
            </a:extLst>
          </p:cNvPr>
          <p:cNvGrpSpPr/>
          <p:nvPr/>
        </p:nvGrpSpPr>
        <p:grpSpPr>
          <a:xfrm>
            <a:off x="9565600" y="3497460"/>
            <a:ext cx="218250" cy="210236"/>
            <a:chOff x="9564973" y="2233094"/>
            <a:chExt cx="218250" cy="210236"/>
          </a:xfrm>
        </p:grpSpPr>
        <p:sp>
          <p:nvSpPr>
            <p:cNvPr id="56" name="Oval 55">
              <a:extLst>
                <a:ext uri="{FF2B5EF4-FFF2-40B4-BE49-F238E27FC236}">
                  <a16:creationId xmlns:a16="http://schemas.microsoft.com/office/drawing/2014/main" id="{370E4A4E-8CEB-20E0-7001-F19808655DB0}"/>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7" name="Freeform 24">
              <a:extLst>
                <a:ext uri="{FF2B5EF4-FFF2-40B4-BE49-F238E27FC236}">
                  <a16:creationId xmlns:a16="http://schemas.microsoft.com/office/drawing/2014/main" id="{018D6016-382D-79A6-2AA6-36DFD9B13B5D}"/>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5" name="TextBox 4">
            <a:extLst>
              <a:ext uri="{FF2B5EF4-FFF2-40B4-BE49-F238E27FC236}">
                <a16:creationId xmlns:a16="http://schemas.microsoft.com/office/drawing/2014/main" id="{710128C1-E98C-95C0-5C2B-BA05F7ECE2F9}"/>
              </a:ext>
            </a:extLst>
          </p:cNvPr>
          <p:cNvSpPr txBox="1"/>
          <p:nvPr/>
        </p:nvSpPr>
        <p:spPr>
          <a:xfrm>
            <a:off x="7135196" y="4384984"/>
            <a:ext cx="4080640" cy="246221"/>
          </a:xfrm>
          <a:prstGeom prst="rect">
            <a:avLst/>
          </a:prstGeom>
          <a:noFill/>
        </p:spPr>
        <p:txBody>
          <a:bodyPr wrap="square">
            <a:spAutoFit/>
          </a:bodyPr>
          <a:lstStyle/>
          <a:p>
            <a:r>
              <a:rPr lang="da-DK" sz="1000" b="1" noProof="0" dirty="0"/>
              <a:t>Forudsætninger for effektiv implementering</a:t>
            </a:r>
            <a:endParaRPr lang="da-DK" sz="1000" noProof="0" dirty="0"/>
          </a:p>
        </p:txBody>
      </p:sp>
      <p:sp>
        <p:nvSpPr>
          <p:cNvPr id="102" name="Left Brace 101">
            <a:extLst>
              <a:ext uri="{FF2B5EF4-FFF2-40B4-BE49-F238E27FC236}">
                <a16:creationId xmlns:a16="http://schemas.microsoft.com/office/drawing/2014/main" id="{F98257B2-F0E2-B186-DC51-84C87D58EE73}"/>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141" name="Rounded Rectangle 127">
            <a:extLst>
              <a:ext uri="{FF2B5EF4-FFF2-40B4-BE49-F238E27FC236}">
                <a16:creationId xmlns:a16="http://schemas.microsoft.com/office/drawing/2014/main" id="{CBD1C2BC-C12E-AA3C-351A-A6B3A58AADC5}"/>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r>
              <a:rPr lang="da-DK" sz="1000" noProof="0" dirty="0">
                <a:solidFill>
                  <a:schemeClr val="tx1"/>
                </a:solidFill>
                <a:latin typeface="Arial" panose="020B0604020202020204" pitchFamily="34" charset="0"/>
              </a:rPr>
              <a:t>National handleplan og principper for digital suverænitet, som kan rammesætte arbejdet.. </a:t>
            </a:r>
          </a:p>
        </p:txBody>
      </p:sp>
      <p:grpSp>
        <p:nvGrpSpPr>
          <p:cNvPr id="142" name="Group 141">
            <a:extLst>
              <a:ext uri="{FF2B5EF4-FFF2-40B4-BE49-F238E27FC236}">
                <a16:creationId xmlns:a16="http://schemas.microsoft.com/office/drawing/2014/main" id="{DD66921B-6E62-B0D0-0812-682CB1A5CD98}"/>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143" name="Oval 142">
              <a:extLst>
                <a:ext uri="{FF2B5EF4-FFF2-40B4-BE49-F238E27FC236}">
                  <a16:creationId xmlns:a16="http://schemas.microsoft.com/office/drawing/2014/main" id="{E432350E-529E-CF99-A8F1-C7AC6061F243}"/>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dirty="0">
                <a:latin typeface="KBH Tekst" panose="00000500000000000000" pitchFamily="2" charset="0"/>
              </a:endParaRPr>
            </a:p>
          </p:txBody>
        </p:sp>
        <p:sp>
          <p:nvSpPr>
            <p:cNvPr id="144" name="Oval 143">
              <a:extLst>
                <a:ext uri="{FF2B5EF4-FFF2-40B4-BE49-F238E27FC236}">
                  <a16:creationId xmlns:a16="http://schemas.microsoft.com/office/drawing/2014/main" id="{2E0C0CEF-18FE-F0CD-B14C-3D7367077968}"/>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dirty="0">
                <a:solidFill>
                  <a:schemeClr val="tx1"/>
                </a:solidFill>
              </a:endParaRPr>
            </a:p>
          </p:txBody>
        </p:sp>
      </p:grpSp>
      <p:sp>
        <p:nvSpPr>
          <p:cNvPr id="146" name="Rounded Rectangle 127">
            <a:extLst>
              <a:ext uri="{FF2B5EF4-FFF2-40B4-BE49-F238E27FC236}">
                <a16:creationId xmlns:a16="http://schemas.microsoft.com/office/drawing/2014/main" id="{AB19864B-15EF-AF20-883B-B22355274734}"/>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Afklaring af strategisk ambition, fokus og finansieringsniveau.</a:t>
            </a:r>
          </a:p>
        </p:txBody>
      </p:sp>
      <p:grpSp>
        <p:nvGrpSpPr>
          <p:cNvPr id="147" name="Group 146">
            <a:extLst>
              <a:ext uri="{FF2B5EF4-FFF2-40B4-BE49-F238E27FC236}">
                <a16:creationId xmlns:a16="http://schemas.microsoft.com/office/drawing/2014/main" id="{B1194D39-C02B-C3CB-6919-D0ADC190D6CF}"/>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148" name="Oval 147">
              <a:extLst>
                <a:ext uri="{FF2B5EF4-FFF2-40B4-BE49-F238E27FC236}">
                  <a16:creationId xmlns:a16="http://schemas.microsoft.com/office/drawing/2014/main" id="{621B716C-C6DB-FD81-A118-30C15CE78ED0}"/>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49" name="Oval 148">
              <a:extLst>
                <a:ext uri="{FF2B5EF4-FFF2-40B4-BE49-F238E27FC236}">
                  <a16:creationId xmlns:a16="http://schemas.microsoft.com/office/drawing/2014/main" id="{2C114CB7-758F-A614-3D63-0AA254C0D57B}"/>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51" name="Rounded Rectangle 127">
            <a:extLst>
              <a:ext uri="{FF2B5EF4-FFF2-40B4-BE49-F238E27FC236}">
                <a16:creationId xmlns:a16="http://schemas.microsoft.com/office/drawing/2014/main" id="{35B99587-7489-E488-9B44-90DA73FFD8A2}"/>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Afklaring af styrings-</a:t>
            </a:r>
            <a:r>
              <a:rPr lang="da-DK" sz="1000" noProof="0" err="1">
                <a:solidFill>
                  <a:schemeClr val="tx1"/>
                </a:solidFill>
                <a:latin typeface="Arial" panose="020B0604020202020204" pitchFamily="34" charset="0"/>
              </a:rPr>
              <a:t>setup</a:t>
            </a:r>
            <a:r>
              <a:rPr lang="da-DK" sz="1000" noProof="0">
                <a:solidFill>
                  <a:schemeClr val="tx1"/>
                </a:solidFill>
                <a:latin typeface="Arial" panose="020B0604020202020204" pitchFamily="34" charset="0"/>
              </a:rPr>
              <a:t> og samarbejde mellem de fællesoffentlige parter.</a:t>
            </a:r>
          </a:p>
        </p:txBody>
      </p:sp>
      <p:grpSp>
        <p:nvGrpSpPr>
          <p:cNvPr id="152" name="Group 151">
            <a:extLst>
              <a:ext uri="{FF2B5EF4-FFF2-40B4-BE49-F238E27FC236}">
                <a16:creationId xmlns:a16="http://schemas.microsoft.com/office/drawing/2014/main" id="{9F3AB806-43A6-4536-8FE4-AE55998B5EFD}"/>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153" name="Oval 152">
              <a:extLst>
                <a:ext uri="{FF2B5EF4-FFF2-40B4-BE49-F238E27FC236}">
                  <a16:creationId xmlns:a16="http://schemas.microsoft.com/office/drawing/2014/main" id="{E92BD8DB-4A89-977A-43B2-16DC83D81022}"/>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54" name="Oval 153">
              <a:extLst>
                <a:ext uri="{FF2B5EF4-FFF2-40B4-BE49-F238E27FC236}">
                  <a16:creationId xmlns:a16="http://schemas.microsoft.com/office/drawing/2014/main" id="{170891B5-3B74-05F1-0489-46849CD5DCDD}"/>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Tree>
    <p:extLst>
      <p:ext uri="{BB962C8B-B14F-4D97-AF65-F5344CB8AC3E}">
        <p14:creationId xmlns:p14="http://schemas.microsoft.com/office/powerpoint/2010/main" val="3782231130"/>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88ADB181-F160-478E-586E-FF81C03A69B9}"/>
              </a:ext>
              <a:ext uri="{C183D7F6-B498-43B3-948B-1728B52AA6E4}">
                <adec:decorative xmlns:adec="http://schemas.microsoft.com/office/drawing/2017/decorative" val="1"/>
              </a:ext>
            </a:extLst>
          </p:cNvPr>
          <p:cNvSpPr>
            <a:spLocks noGrp="1"/>
          </p:cNvSpPr>
          <p:nvPr>
            <p:ph type="body" sz="quarter" idx="23"/>
          </p:nvPr>
        </p:nvSpPr>
        <p:spPr/>
        <p:txBody>
          <a:bodyPr/>
          <a:lstStyle/>
          <a:p>
            <a:r>
              <a:rPr lang="da-DK" noProof="0">
                <a:solidFill>
                  <a:schemeClr val="accent2"/>
                </a:solidFill>
              </a:rPr>
              <a:t>01</a:t>
            </a:r>
          </a:p>
        </p:txBody>
      </p:sp>
      <p:sp>
        <p:nvSpPr>
          <p:cNvPr id="4" name="Text Placeholder 3">
            <a:extLst>
              <a:ext uri="{FF2B5EF4-FFF2-40B4-BE49-F238E27FC236}">
                <a16:creationId xmlns:a16="http://schemas.microsoft.com/office/drawing/2014/main" id="{1B07CF9C-019C-CD60-D028-64BB61675F2A}"/>
              </a:ext>
              <a:ext uri="{C183D7F6-B498-43B3-948B-1728B52AA6E4}">
                <adec:decorative xmlns:adec="http://schemas.microsoft.com/office/drawing/2017/decorative" val="0"/>
              </a:ext>
            </a:extLst>
          </p:cNvPr>
          <p:cNvSpPr>
            <a:spLocks noGrp="1"/>
          </p:cNvSpPr>
          <p:nvPr>
            <p:ph type="title" idx="4294967295"/>
          </p:nvPr>
        </p:nvSpPr>
        <p:spPr>
          <a:xfrm>
            <a:off x="558800" y="3646488"/>
            <a:ext cx="3487738" cy="2057400"/>
          </a:xfrm>
          <a:prstGeom prst="rect">
            <a:avLst/>
          </a:prstGeom>
          <a:noFill/>
          <a:ln>
            <a:noFill/>
            <a:prstDash/>
          </a:ln>
          <a:effectLst/>
        </p:spPr>
        <p:txBody>
          <a:bodyPr rot="0" spcFirstLastPara="0" vertOverflow="overflow" horzOverflow="overflow" vert="horz" wrap="square" lIns="0" tIns="144000" rIns="144000" bIns="144000" numCol="1" spcCol="0" rtlCol="0" fromWordArt="0" anchor="t" anchorCtr="0" forceAA="0" compatLnSpc="1">
            <a:prstTxWarp prst="textNoShape">
              <a:avLst/>
            </a:prstTxWarp>
            <a:noAutofit/>
          </a:body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da-DK" sz="2800" b="0" i="0" u="none" strike="noStrike" kern="1200" cap="none" spc="0" normalizeH="0" baseline="0" noProof="0" dirty="0">
                <a:ln>
                  <a:noFill/>
                </a:ln>
                <a:solidFill>
                  <a:schemeClr val="accent1"/>
                </a:solidFill>
                <a:effectLst/>
                <a:uLnTx/>
                <a:uFillTx/>
                <a:latin typeface="+mn-lt"/>
                <a:ea typeface="+mn-ea"/>
                <a:cs typeface="+mn-cs"/>
              </a:rPr>
              <a:t>Indledning og forståelsesramme</a:t>
            </a:r>
          </a:p>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da-DK" sz="1400" b="0" i="0" u="none" strike="noStrike" kern="1200" cap="none" spc="0" normalizeH="0" baseline="0" noProof="0" dirty="0">
                <a:ln>
                  <a:noFill/>
                </a:ln>
                <a:solidFill>
                  <a:schemeClr val="accent1"/>
                </a:solidFill>
                <a:effectLst/>
                <a:uLnTx/>
                <a:uFillTx/>
                <a:latin typeface="+mn-lt"/>
                <a:ea typeface="+mn-ea"/>
                <a:cs typeface="+mn-cs"/>
              </a:rPr>
              <a:t>Dette kapitel udfolder opgavens formål, baggrund og leverancer samt den grundlæggende forståelsesramme omkring digital suverænitet som begreb. Herudover introduceres en </a:t>
            </a:r>
            <a:r>
              <a:rPr kumimoji="0" lang="da-DK" sz="1400" b="0" i="0" u="none" strike="noStrike" kern="1200" cap="none" spc="0" normalizeH="0" baseline="0" noProof="0" dirty="0">
                <a:ln>
                  <a:noFill/>
                </a:ln>
                <a:solidFill>
                  <a:schemeClr val="tx1"/>
                </a:solidFill>
                <a:effectLst/>
                <a:uLnTx/>
                <a:uFillTx/>
                <a:latin typeface="+mn-lt"/>
                <a:ea typeface="+mn-ea"/>
                <a:cs typeface="+mn-cs"/>
              </a:rPr>
              <a:t>model over teknologistakken som en gennemgående analyseramme samt en forståelse af open source software.</a:t>
            </a:r>
            <a:endParaRPr kumimoji="0" lang="da-DK" sz="1400" b="0" i="0" u="none" strike="noStrike" kern="1200" cap="none" spc="0" normalizeH="0" baseline="0" noProof="0" dirty="0">
              <a:ln>
                <a:noFill/>
              </a:ln>
              <a:solidFill>
                <a:schemeClr val="accent1"/>
              </a:solidFill>
              <a:effectLst/>
              <a:uLnTx/>
              <a:uFillTx/>
              <a:latin typeface="+mn-lt"/>
              <a:ea typeface="+mn-ea"/>
              <a:cs typeface="+mn-cs"/>
            </a:endParaRPr>
          </a:p>
        </p:txBody>
      </p:sp>
      <p:pic>
        <p:nvPicPr>
          <p:cNvPr id="17" name="Picture Placeholder 16">
            <a:extLst>
              <a:ext uri="{FF2B5EF4-FFF2-40B4-BE49-F238E27FC236}">
                <a16:creationId xmlns:a16="http://schemas.microsoft.com/office/drawing/2014/main" id="{3380C6C4-90AF-243B-DEBD-0DB578042CDC}"/>
              </a:ext>
              <a:ext uri="{C183D7F6-B498-43B3-948B-1728B52AA6E4}">
                <adec:decorative xmlns:adec="http://schemas.microsoft.com/office/drawing/2017/decorative" val="1"/>
              </a:ext>
            </a:extLst>
          </p:cNvPr>
          <p:cNvPicPr>
            <a:picLocks noGrp="1" noChangeAspect="1"/>
          </p:cNvPicPr>
          <p:nvPr>
            <p:ph type="pic" sz="quarter" idx="24"/>
          </p:nvPr>
        </p:nvPicPr>
        <p:blipFill>
          <a:blip r:embed="rId3" cstate="print">
            <a:extLst>
              <a:ext uri="{28A0092B-C50C-407E-A947-70E740481C1C}">
                <a14:useLocalDpi xmlns:a14="http://schemas.microsoft.com/office/drawing/2010/main" val="0"/>
              </a:ext>
            </a:extLst>
          </a:blip>
          <a:srcRect l="11622" r="11622"/>
          <a:stretch>
            <a:fillRect/>
          </a:stretch>
        </p:blipFill>
        <p:spPr/>
      </p:pic>
    </p:spTree>
    <p:extLst>
      <p:ext uri="{BB962C8B-B14F-4D97-AF65-F5344CB8AC3E}">
        <p14:creationId xmlns:p14="http://schemas.microsoft.com/office/powerpoint/2010/main" val="1410294539"/>
      </p:ext>
    </p:extLst>
  </p:cSld>
  <p:clrMapOvr>
    <a:masterClrMapping/>
  </p:clrMapOvr>
  <p:transition>
    <p:fade/>
  </p:transition>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89D97E-BDCD-0845-542C-5DACB73BD62D}"/>
            </a:ext>
          </a:extLst>
        </p:cNvPr>
        <p:cNvGrpSpPr/>
        <p:nvPr/>
      </p:nvGrpSpPr>
      <p:grpSpPr>
        <a:xfrm>
          <a:off x="0" y="0"/>
          <a:ext cx="0" cy="0"/>
          <a:chOff x="0" y="0"/>
          <a:chExt cx="0" cy="0"/>
        </a:xfrm>
      </p:grpSpPr>
      <p:sp>
        <p:nvSpPr>
          <p:cNvPr id="104" name="Rectangle: Rounded Corners 103">
            <a:extLst>
              <a:ext uri="{FF2B5EF4-FFF2-40B4-BE49-F238E27FC236}">
                <a16:creationId xmlns:a16="http://schemas.microsoft.com/office/drawing/2014/main" id="{4D4B7666-3379-C4A8-A488-3DED58F23D80}"/>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defRPr/>
            </a:pPr>
            <a:r>
              <a:rPr lang="da-DK" sz="1600" b="1" noProof="0" dirty="0">
                <a:solidFill>
                  <a:srgbClr val="EE2F66"/>
                </a:solidFill>
              </a:rPr>
              <a:t>Spor 3 | Organisation, finansiering og kompetencer</a:t>
            </a:r>
          </a:p>
        </p:txBody>
      </p:sp>
      <p:sp>
        <p:nvSpPr>
          <p:cNvPr id="8" name="Title 2">
            <a:extLst>
              <a:ext uri="{FF2B5EF4-FFF2-40B4-BE49-F238E27FC236}">
                <a16:creationId xmlns:a16="http://schemas.microsoft.com/office/drawing/2014/main" id="{6545F5FE-E594-66CA-C81B-65DDE3A3F9BD}"/>
              </a:ext>
            </a:extLst>
          </p:cNvPr>
          <p:cNvSpPr>
            <a:spLocks noGrp="1"/>
          </p:cNvSpPr>
          <p:nvPr>
            <p:ph type="title"/>
          </p:nvPr>
        </p:nvSpPr>
        <p:spPr>
          <a:xfrm>
            <a:off x="554355" y="512763"/>
            <a:ext cx="11088000" cy="792465"/>
          </a:xfrm>
        </p:spPr>
        <p:txBody>
          <a:bodyPr/>
          <a:lstStyle/>
          <a:p>
            <a:r>
              <a:rPr lang="da-DK" sz="2200" b="1" noProof="0" dirty="0">
                <a:solidFill>
                  <a:srgbClr val="EE2F66"/>
                </a:solidFill>
              </a:rPr>
              <a:t>3.4 Lokal transformationsenhed for digital suverænitet</a:t>
            </a:r>
          </a:p>
        </p:txBody>
      </p:sp>
      <p:sp>
        <p:nvSpPr>
          <p:cNvPr id="22" name="Rectangle: Rounded Corners 21">
            <a:extLst>
              <a:ext uri="{FF2B5EF4-FFF2-40B4-BE49-F238E27FC236}">
                <a16:creationId xmlns:a16="http://schemas.microsoft.com/office/drawing/2014/main" id="{D5FD1550-42AB-8130-10C4-DCEB2B52CCE2}"/>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F3D3DC"/>
          </a:solidFill>
          <a:ln w="12700" cap="flat" cmpd="sng" algn="ctr">
            <a:solidFill>
              <a:srgbClr val="EE2F6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DE2FC5E3-5921-F7E2-07F1-5039B37B64C7}"/>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7A618809-FF93-3170-52EB-C70C7979F8D0}"/>
              </a:ext>
            </a:extLst>
          </p:cNvPr>
          <p:cNvSpPr/>
          <p:nvPr/>
        </p:nvSpPr>
        <p:spPr>
          <a:xfrm>
            <a:off x="566629" y="1764045"/>
            <a:ext cx="6077214" cy="2353183"/>
          </a:xfrm>
          <a:prstGeom prst="roundRect">
            <a:avLst>
              <a:gd name="adj" fmla="val 6523"/>
            </a:avLst>
          </a:prstGeom>
          <a:no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b="1" noProof="0" dirty="0">
              <a:solidFill>
                <a:srgbClr val="2C8027"/>
              </a:solidFill>
            </a:endParaRPr>
          </a:p>
          <a:p>
            <a:pPr defTabSz="914400" eaLnBrk="0" fontAlgn="base" hangingPunct="0">
              <a:spcBef>
                <a:spcPct val="0"/>
              </a:spcBef>
              <a:spcAft>
                <a:spcPct val="0"/>
              </a:spcAft>
              <a:defRPr/>
            </a:pPr>
            <a:r>
              <a:rPr lang="da-DK" sz="1000" b="1" noProof="0" dirty="0">
                <a:solidFill>
                  <a:srgbClr val="00172D"/>
                </a:solidFill>
              </a:rPr>
              <a:t>Formål: </a:t>
            </a:r>
            <a:r>
              <a:rPr lang="da-DK" sz="1000" noProof="0" dirty="0">
                <a:solidFill>
                  <a:srgbClr val="00172D"/>
                </a:solidFill>
              </a:rPr>
              <a:t>At etablere en central enhed hos den offentlige myndighed, som får til opgave at gennemføre strategiske analyser og afklaringer samt etablere og gennemføre mere transformative indsatser.</a:t>
            </a:r>
          </a:p>
          <a:p>
            <a:pPr defTabSz="914400" eaLnBrk="0" fontAlgn="base" hangingPunct="0">
              <a:spcBef>
                <a:spcPts val="300"/>
              </a:spcBef>
              <a:spcAft>
                <a:spcPct val="0"/>
              </a:spcAft>
              <a:defRPr/>
            </a:pPr>
            <a:r>
              <a:rPr lang="da-DK" sz="1000" b="1" noProof="0" dirty="0">
                <a:solidFill>
                  <a:srgbClr val="00172D"/>
                </a:solidFill>
              </a:rPr>
              <a:t>Indhold: </a:t>
            </a:r>
            <a:r>
              <a:rPr lang="da-DK" sz="1000" noProof="0" dirty="0">
                <a:solidFill>
                  <a:srgbClr val="00172D"/>
                </a:solidFill>
              </a:rPr>
              <a:t>D</a:t>
            </a:r>
            <a:r>
              <a:rPr lang="da-DK" sz="1000" i="1" noProof="0" dirty="0">
                <a:solidFill>
                  <a:srgbClr val="00172D"/>
                </a:solidFill>
              </a:rPr>
              <a:t>e</a:t>
            </a:r>
            <a:r>
              <a:rPr lang="da-DK" sz="1000" noProof="0" dirty="0">
                <a:solidFill>
                  <a:srgbClr val="00172D"/>
                </a:solidFill>
              </a:rPr>
              <a:t>n enkelte myndighed etablerer en lokal kapacitet, som kan organiseres som en permanent enhed eller som et transformativt program. Indsatsen sikrer, at myndigheden udvælger strategiske prioriteringer og har forudsætningerne for at eksekvere disse (fx kompetencer, finansiering mv.).</a:t>
            </a:r>
          </a:p>
          <a:p>
            <a:pPr defTabSz="914400" eaLnBrk="0" fontAlgn="base" hangingPunct="0">
              <a:spcBef>
                <a:spcPts val="300"/>
              </a:spcBef>
              <a:spcAft>
                <a:spcPct val="0"/>
              </a:spcAft>
              <a:defRPr/>
            </a:pPr>
            <a:r>
              <a:rPr lang="da-DK" sz="1000" noProof="0" dirty="0">
                <a:solidFill>
                  <a:srgbClr val="00172D"/>
                </a:solidFill>
              </a:rPr>
              <a:t>Mandatet vil afhænge af myndighedens strategi og prioriterede indsatser. Det kan omfatte indsatser for risikovurdering, exit-strategier, beredskabsplaner, arkitektur, </a:t>
            </a:r>
            <a:r>
              <a:rPr lang="da-DK" sz="1000" noProof="0" dirty="0" err="1">
                <a:solidFill>
                  <a:srgbClr val="00172D"/>
                </a:solidFill>
              </a:rPr>
              <a:t>kravstillelse</a:t>
            </a:r>
            <a:r>
              <a:rPr lang="da-DK" sz="1000" noProof="0" dirty="0">
                <a:solidFill>
                  <a:srgbClr val="00172D"/>
                </a:solidFill>
              </a:rPr>
              <a:t> og indkøb, jf. denne analyses løsningsspor 1 og 2. Det kan også omfatte mere transformative indsatser, hvor teknologi udskiftes. Baseret på indeværende analyse kan relevante projekter fx omfatte suveræn AI-platform, suveræne clouds og hosting-services, digital arbejdsplads, bruger- og rettighedsstyring, sagsbehandling, suveræn skole-PC mv.</a:t>
            </a:r>
          </a:p>
          <a:p>
            <a:pPr>
              <a:spcBef>
                <a:spcPts val="300"/>
              </a:spcBef>
            </a:pPr>
            <a:r>
              <a:rPr lang="da-DK" sz="1000" b="1" noProof="0" dirty="0">
                <a:solidFill>
                  <a:schemeClr val="tx1"/>
                </a:solidFill>
              </a:rPr>
              <a:t>Erfaringsgrundlag</a:t>
            </a:r>
            <a:r>
              <a:rPr lang="da-DK" sz="1000" b="1" noProof="0" dirty="0">
                <a:solidFill>
                  <a:srgbClr val="00172D"/>
                </a:solidFill>
              </a:rPr>
              <a:t>: </a:t>
            </a:r>
            <a:r>
              <a:rPr lang="da-DK" sz="1000" noProof="0" dirty="0">
                <a:solidFill>
                  <a:srgbClr val="00172D"/>
                </a:solidFill>
              </a:rPr>
              <a:t>Aarhus Kommune, Bankdata, Schleswig-Holstein. </a:t>
            </a:r>
            <a:endParaRPr lang="da-DK" sz="500" noProof="0" dirty="0">
              <a:solidFill>
                <a:schemeClr val="tx1"/>
              </a:solidFill>
            </a:endParaRPr>
          </a:p>
        </p:txBody>
      </p:sp>
      <p:sp>
        <p:nvSpPr>
          <p:cNvPr id="45" name="Rounded Rectangle 127">
            <a:extLst>
              <a:ext uri="{FF2B5EF4-FFF2-40B4-BE49-F238E27FC236}">
                <a16:creationId xmlns:a16="http://schemas.microsoft.com/office/drawing/2014/main" id="{BFFA3B8F-380A-4B1B-C497-67FACD7F55AC}"/>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F3D3DC"/>
          </a:solid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BF0038"/>
                </a:solidFill>
              </a:rPr>
              <a:t>Formål og indhold</a:t>
            </a:r>
          </a:p>
        </p:txBody>
      </p:sp>
      <p:sp>
        <p:nvSpPr>
          <p:cNvPr id="65" name="Rounded Rectangle 127">
            <a:extLst>
              <a:ext uri="{FF2B5EF4-FFF2-40B4-BE49-F238E27FC236}">
                <a16:creationId xmlns:a16="http://schemas.microsoft.com/office/drawing/2014/main" id="{6600ED19-91F4-6E57-C1A4-23EA742E25BA}"/>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79FDCA2E-AC82-5220-B9E7-E70099C07B2F}"/>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F3D3DC"/>
          </a:solid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BF0038"/>
                </a:solidFill>
              </a:rPr>
              <a:t>Vurdering</a:t>
            </a:r>
          </a:p>
        </p:txBody>
      </p:sp>
      <p:sp>
        <p:nvSpPr>
          <p:cNvPr id="64" name="Rectangle: Top Corners Rounded 63">
            <a:extLst>
              <a:ext uri="{FF2B5EF4-FFF2-40B4-BE49-F238E27FC236}">
                <a16:creationId xmlns:a16="http://schemas.microsoft.com/office/drawing/2014/main" id="{FF2F5252-CF81-93B8-4813-FA6A7D5488FB}"/>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F3D3D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23" name="TextBox 122">
            <a:extLst>
              <a:ext uri="{FF2B5EF4-FFF2-40B4-BE49-F238E27FC236}">
                <a16:creationId xmlns:a16="http://schemas.microsoft.com/office/drawing/2014/main" id="{090EF14E-C882-8A45-1C19-593AABE2C9B8}"/>
              </a:ext>
            </a:extLst>
          </p:cNvPr>
          <p:cNvSpPr txBox="1"/>
          <p:nvPr/>
        </p:nvSpPr>
        <p:spPr>
          <a:xfrm>
            <a:off x="612348" y="5253913"/>
            <a:ext cx="3721145" cy="1092607"/>
          </a:xfrm>
          <a:prstGeom prst="rect">
            <a:avLst/>
          </a:prstGeom>
          <a:noFill/>
        </p:spPr>
        <p:txBody>
          <a:bodyPr wrap="square">
            <a:spAutoFit/>
          </a:bodyPr>
          <a:lstStyle/>
          <a:p>
            <a:r>
              <a:rPr lang="da-DK" sz="1000" b="1" noProof="0" dirty="0">
                <a:solidFill>
                  <a:srgbClr val="00172D"/>
                </a:solidFill>
              </a:rPr>
              <a:t>Niveau: </a:t>
            </a:r>
            <a:r>
              <a:rPr lang="da-DK" sz="1000" noProof="0" dirty="0">
                <a:solidFill>
                  <a:srgbClr val="00172D"/>
                </a:solidFill>
              </a:rPr>
              <a:t>Den enkelte </a:t>
            </a:r>
            <a:r>
              <a:rPr lang="da-DK" sz="1000" noProof="0" dirty="0">
                <a:solidFill>
                  <a:srgbClr val="00172D"/>
                </a:solidFill>
                <a:latin typeface="Arial" panose="020B0604020202020204" pitchFamily="34" charset="0"/>
              </a:rPr>
              <a:t>m</a:t>
            </a:r>
            <a:r>
              <a:rPr lang="da-DK" sz="1000" noProof="0" dirty="0">
                <a:latin typeface="Arial" panose="020B0604020202020204" pitchFamily="34" charset="0"/>
              </a:rPr>
              <a:t>yndighed.</a:t>
            </a:r>
            <a:endParaRPr lang="da-DK" sz="1000" b="1" noProof="0" dirty="0">
              <a:latin typeface="Arial" panose="020B0604020202020204" pitchFamily="34" charset="0"/>
            </a:endParaRP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Selve enheden kan etableres på &lt;12 måneder inkl. </a:t>
            </a:r>
            <a:r>
              <a:rPr lang="da-DK" sz="1000" noProof="0" dirty="0" err="1">
                <a:latin typeface="Arial" panose="020B0604020202020204" pitchFamily="34" charset="0"/>
              </a:rPr>
              <a:t>foranalyse</a:t>
            </a:r>
            <a:r>
              <a:rPr lang="da-DK" sz="1000" noProof="0" dirty="0">
                <a:latin typeface="Arial" panose="020B0604020202020204" pitchFamily="34" charset="0"/>
              </a:rPr>
              <a:t>, beslutningsproces og design. </a:t>
            </a:r>
          </a:p>
          <a:p>
            <a:pPr>
              <a:spcBef>
                <a:spcPts val="300"/>
              </a:spcBef>
            </a:pPr>
            <a:r>
              <a:rPr lang="da-DK" sz="1000" b="1" noProof="0" dirty="0">
                <a:latin typeface="Arial" panose="020B0604020202020204" pitchFamily="34" charset="0"/>
              </a:rPr>
              <a:t>Afhængigheder:</a:t>
            </a:r>
            <a:r>
              <a:rPr lang="da-DK" sz="1000" noProof="0" dirty="0">
                <a:latin typeface="Arial" panose="020B0604020202020204" pitchFamily="34" charset="0"/>
              </a:rPr>
              <a:t> Strategisk kobling til indsats 3.5 (centralt suverænitetscenter) samt indsats 3.3. vedr. puljer til finansiering.</a:t>
            </a:r>
          </a:p>
        </p:txBody>
      </p:sp>
      <p:grpSp>
        <p:nvGrpSpPr>
          <p:cNvPr id="9" name="Group 8" descr="Samlet kompleksitetsvurdering, 5 ud af 10 ">
            <a:extLst>
              <a:ext uri="{FF2B5EF4-FFF2-40B4-BE49-F238E27FC236}">
                <a16:creationId xmlns:a16="http://schemas.microsoft.com/office/drawing/2014/main" id="{1CC1A31E-001E-2BE0-958E-98FC0466901F}"/>
              </a:ext>
            </a:extLst>
          </p:cNvPr>
          <p:cNvGrpSpPr/>
          <p:nvPr/>
        </p:nvGrpSpPr>
        <p:grpSpPr>
          <a:xfrm>
            <a:off x="649827" y="4555473"/>
            <a:ext cx="3279437" cy="592559"/>
            <a:chOff x="1383756" y="4555473"/>
            <a:chExt cx="3279437" cy="592559"/>
          </a:xfrm>
        </p:grpSpPr>
        <p:sp>
          <p:nvSpPr>
            <p:cNvPr id="10" name="TextBox 9">
              <a:extLst>
                <a:ext uri="{FF2B5EF4-FFF2-40B4-BE49-F238E27FC236}">
                  <a16:creationId xmlns:a16="http://schemas.microsoft.com/office/drawing/2014/main" id="{FD5E14F3-1B3A-06C3-6C69-28702F86B777}"/>
                </a:ext>
              </a:extLst>
            </p:cNvPr>
            <p:cNvSpPr txBox="1"/>
            <p:nvPr/>
          </p:nvSpPr>
          <p:spPr>
            <a:xfrm>
              <a:off x="2431748" y="4555473"/>
              <a:ext cx="1191621" cy="261610"/>
            </a:xfrm>
            <a:prstGeom prst="rect">
              <a:avLst/>
            </a:prstGeom>
            <a:noFill/>
          </p:spPr>
          <p:txBody>
            <a:bodyPr wrap="square">
              <a:spAutoFit/>
            </a:bodyPr>
            <a:lstStyle/>
            <a:p>
              <a:pPr algn="ctr"/>
              <a:r>
                <a:rPr lang="da-DK" sz="1100" b="1" noProof="0"/>
                <a:t>Kompleksitet</a:t>
              </a:r>
            </a:p>
          </p:txBody>
        </p:sp>
        <p:grpSp>
          <p:nvGrpSpPr>
            <p:cNvPr id="11" name="Group 10">
              <a:extLst>
                <a:ext uri="{FF2B5EF4-FFF2-40B4-BE49-F238E27FC236}">
                  <a16:creationId xmlns:a16="http://schemas.microsoft.com/office/drawing/2014/main" id="{30230093-8AE6-B0CC-80B1-6702B29E6D2E}"/>
                </a:ext>
              </a:extLst>
            </p:cNvPr>
            <p:cNvGrpSpPr>
              <a:grpSpLocks noChangeAspect="1"/>
            </p:cNvGrpSpPr>
            <p:nvPr/>
          </p:nvGrpSpPr>
          <p:grpSpPr>
            <a:xfrm>
              <a:off x="1383756" y="4900479"/>
              <a:ext cx="3279437" cy="247553"/>
              <a:chOff x="-110431" y="4916533"/>
              <a:chExt cx="2858416" cy="215770"/>
            </a:xfrm>
          </p:grpSpPr>
          <p:grpSp>
            <p:nvGrpSpPr>
              <p:cNvPr id="12" name="Group 11">
                <a:extLst>
                  <a:ext uri="{FF2B5EF4-FFF2-40B4-BE49-F238E27FC236}">
                    <a16:creationId xmlns:a16="http://schemas.microsoft.com/office/drawing/2014/main" id="{6D7AFCA8-F189-7257-C51B-456901DB24E2}"/>
                  </a:ext>
                </a:extLst>
              </p:cNvPr>
              <p:cNvGrpSpPr/>
              <p:nvPr/>
            </p:nvGrpSpPr>
            <p:grpSpPr>
              <a:xfrm>
                <a:off x="-110431" y="4916533"/>
                <a:ext cx="2858416" cy="180194"/>
                <a:chOff x="4280723" y="3040512"/>
                <a:chExt cx="3161620" cy="171957"/>
              </a:xfrm>
            </p:grpSpPr>
            <p:grpSp>
              <p:nvGrpSpPr>
                <p:cNvPr id="15" name="Group 14">
                  <a:extLst>
                    <a:ext uri="{FF2B5EF4-FFF2-40B4-BE49-F238E27FC236}">
                      <a16:creationId xmlns:a16="http://schemas.microsoft.com/office/drawing/2014/main" id="{56D39C3B-0B77-3CD7-E09E-0F83918F3BAD}"/>
                    </a:ext>
                  </a:extLst>
                </p:cNvPr>
                <p:cNvGrpSpPr/>
                <p:nvPr/>
              </p:nvGrpSpPr>
              <p:grpSpPr>
                <a:xfrm>
                  <a:off x="4383394" y="3153610"/>
                  <a:ext cx="2961649" cy="45719"/>
                  <a:chOff x="4383394" y="3153610"/>
                  <a:chExt cx="2961649" cy="45719"/>
                </a:xfrm>
              </p:grpSpPr>
              <p:cxnSp>
                <p:nvCxnSpPr>
                  <p:cNvPr id="19" name="Straight Connector 18">
                    <a:extLst>
                      <a:ext uri="{FF2B5EF4-FFF2-40B4-BE49-F238E27FC236}">
                        <a16:creationId xmlns:a16="http://schemas.microsoft.com/office/drawing/2014/main" id="{280F497A-62C4-3308-68D7-4F54E0F318F6}"/>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35" name="Oval 34">
                    <a:extLst>
                      <a:ext uri="{FF2B5EF4-FFF2-40B4-BE49-F238E27FC236}">
                        <a16:creationId xmlns:a16="http://schemas.microsoft.com/office/drawing/2014/main" id="{E562E40A-0EDB-8CED-88BB-60D7160B821F}"/>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7" name="Oval 36">
                    <a:extLst>
                      <a:ext uri="{FF2B5EF4-FFF2-40B4-BE49-F238E27FC236}">
                        <a16:creationId xmlns:a16="http://schemas.microsoft.com/office/drawing/2014/main" id="{DDAC9358-DE11-27D2-E50F-4A159C5238E5}"/>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6" name="Straight Connector 15">
                  <a:extLst>
                    <a:ext uri="{FF2B5EF4-FFF2-40B4-BE49-F238E27FC236}">
                      <a16:creationId xmlns:a16="http://schemas.microsoft.com/office/drawing/2014/main" id="{394080B9-7533-0FCF-0B7C-D39ED55B0B08}"/>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62B6056D-8A3D-C89B-9F3C-08EA3854B6B1}"/>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18" name="TextBox 17">
                  <a:extLst>
                    <a:ext uri="{FF2B5EF4-FFF2-40B4-BE49-F238E27FC236}">
                      <a16:creationId xmlns:a16="http://schemas.microsoft.com/office/drawing/2014/main" id="{7E23C347-F6ED-7F33-6082-BF3BA65C3710}"/>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sp>
            <p:nvSpPr>
              <p:cNvPr id="13" name="Oval 12">
                <a:extLst>
                  <a:ext uri="{FF2B5EF4-FFF2-40B4-BE49-F238E27FC236}">
                    <a16:creationId xmlns:a16="http://schemas.microsoft.com/office/drawing/2014/main" id="{DFEA6096-94FD-1B16-01C2-05D9E6FEBF0B}"/>
                  </a:ext>
                </a:extLst>
              </p:cNvPr>
              <p:cNvSpPr/>
              <p:nvPr/>
            </p:nvSpPr>
            <p:spPr>
              <a:xfrm>
                <a:off x="1239822" y="4988303"/>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grpSp>
        <p:nvGrpSpPr>
          <p:cNvPr id="68" name="Group 67" descr="Vurdering af teknisk kompleksitet, 5 ud af 10">
            <a:extLst>
              <a:ext uri="{FF2B5EF4-FFF2-40B4-BE49-F238E27FC236}">
                <a16:creationId xmlns:a16="http://schemas.microsoft.com/office/drawing/2014/main" id="{B0022A39-32FB-9322-5017-3C5AF85EA23C}"/>
              </a:ext>
            </a:extLst>
          </p:cNvPr>
          <p:cNvGrpSpPr/>
          <p:nvPr/>
        </p:nvGrpSpPr>
        <p:grpSpPr>
          <a:xfrm>
            <a:off x="4755593" y="4883930"/>
            <a:ext cx="1707066" cy="248033"/>
            <a:chOff x="860772" y="4916533"/>
            <a:chExt cx="1487909" cy="216189"/>
          </a:xfrm>
        </p:grpSpPr>
        <p:grpSp>
          <p:nvGrpSpPr>
            <p:cNvPr id="94" name="Group 93">
              <a:extLst>
                <a:ext uri="{FF2B5EF4-FFF2-40B4-BE49-F238E27FC236}">
                  <a16:creationId xmlns:a16="http://schemas.microsoft.com/office/drawing/2014/main" id="{D26D70BF-C3F4-0F53-25F8-B9ED2B043301}"/>
                </a:ext>
              </a:extLst>
            </p:cNvPr>
            <p:cNvGrpSpPr/>
            <p:nvPr/>
          </p:nvGrpSpPr>
          <p:grpSpPr>
            <a:xfrm>
              <a:off x="860772" y="4916533"/>
              <a:ext cx="1487909" cy="180194"/>
              <a:chOff x="5354949" y="3040512"/>
              <a:chExt cx="1645739" cy="171957"/>
            </a:xfrm>
          </p:grpSpPr>
          <p:grpSp>
            <p:nvGrpSpPr>
              <p:cNvPr id="97" name="Group 96">
                <a:extLst>
                  <a:ext uri="{FF2B5EF4-FFF2-40B4-BE49-F238E27FC236}">
                    <a16:creationId xmlns:a16="http://schemas.microsoft.com/office/drawing/2014/main" id="{6187AA63-F629-458D-B404-B8166C87798F}"/>
                  </a:ext>
                </a:extLst>
              </p:cNvPr>
              <p:cNvGrpSpPr/>
              <p:nvPr/>
            </p:nvGrpSpPr>
            <p:grpSpPr>
              <a:xfrm>
                <a:off x="5458296" y="3153610"/>
                <a:ext cx="1445092" cy="45719"/>
                <a:chOff x="5458296" y="3153610"/>
                <a:chExt cx="1445092" cy="45719"/>
              </a:xfrm>
            </p:grpSpPr>
            <p:cxnSp>
              <p:nvCxnSpPr>
                <p:cNvPr id="101" name="Straight Connector 100">
                  <a:extLst>
                    <a:ext uri="{FF2B5EF4-FFF2-40B4-BE49-F238E27FC236}">
                      <a16:creationId xmlns:a16="http://schemas.microsoft.com/office/drawing/2014/main" id="{4E908E73-5BC1-CB6B-C251-148E86A30F72}"/>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02" name="Oval 101">
                  <a:extLst>
                    <a:ext uri="{FF2B5EF4-FFF2-40B4-BE49-F238E27FC236}">
                      <a16:creationId xmlns:a16="http://schemas.microsoft.com/office/drawing/2014/main" id="{3594A388-D01D-92E1-F8A6-7BA7F9BDD373}"/>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3" name="Oval 102">
                  <a:extLst>
                    <a:ext uri="{FF2B5EF4-FFF2-40B4-BE49-F238E27FC236}">
                      <a16:creationId xmlns:a16="http://schemas.microsoft.com/office/drawing/2014/main" id="{6DB45297-B159-77DE-F5AD-C8F22941F266}"/>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98" name="Straight Connector 97">
                <a:extLst>
                  <a:ext uri="{FF2B5EF4-FFF2-40B4-BE49-F238E27FC236}">
                    <a16:creationId xmlns:a16="http://schemas.microsoft.com/office/drawing/2014/main" id="{07C228CD-F338-F83A-AC91-11E6CC3DAB55}"/>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9" name="TextBox 98">
                <a:extLst>
                  <a:ext uri="{FF2B5EF4-FFF2-40B4-BE49-F238E27FC236}">
                    <a16:creationId xmlns:a16="http://schemas.microsoft.com/office/drawing/2014/main" id="{0753918E-D501-0022-E931-F8392D446FB1}"/>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100" name="TextBox 99">
                <a:extLst>
                  <a:ext uri="{FF2B5EF4-FFF2-40B4-BE49-F238E27FC236}">
                    <a16:creationId xmlns:a16="http://schemas.microsoft.com/office/drawing/2014/main" id="{82DE9009-4747-807C-BB03-4FBCB20E7F95}"/>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95" name="Oval 94">
              <a:extLst>
                <a:ext uri="{FF2B5EF4-FFF2-40B4-BE49-F238E27FC236}">
                  <a16:creationId xmlns:a16="http://schemas.microsoft.com/office/drawing/2014/main" id="{617E4E3A-67B1-A076-F027-931FDCB236B3}"/>
                </a:ext>
              </a:extLst>
            </p:cNvPr>
            <p:cNvSpPr/>
            <p:nvPr/>
          </p:nvSpPr>
          <p:spPr>
            <a:xfrm>
              <a:off x="1546032"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69" name="TextBox 68">
            <a:extLst>
              <a:ext uri="{FF2B5EF4-FFF2-40B4-BE49-F238E27FC236}">
                <a16:creationId xmlns:a16="http://schemas.microsoft.com/office/drawing/2014/main" id="{EE271C2E-57CC-B9C8-5703-9D9F7AAF65B4}"/>
              </a:ext>
              <a:ext uri="{C183D7F6-B498-43B3-948B-1728B52AA6E4}">
                <adec:decorative xmlns:adec="http://schemas.microsoft.com/office/drawing/2017/decorative" val="1"/>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a:t>Teknisk</a:t>
            </a:r>
            <a:endParaRPr lang="da-DK" sz="1100" b="1" i="1" noProof="0"/>
          </a:p>
        </p:txBody>
      </p:sp>
      <p:grpSp>
        <p:nvGrpSpPr>
          <p:cNvPr id="70" name="Group 69" descr="Vurdering af organisatorisk kompleksitet, 5 ud af 10">
            <a:extLst>
              <a:ext uri="{FF2B5EF4-FFF2-40B4-BE49-F238E27FC236}">
                <a16:creationId xmlns:a16="http://schemas.microsoft.com/office/drawing/2014/main" id="{F0898965-0189-DDCE-8863-00A9A7ADC142}"/>
              </a:ext>
            </a:extLst>
          </p:cNvPr>
          <p:cNvGrpSpPr/>
          <p:nvPr/>
        </p:nvGrpSpPr>
        <p:grpSpPr>
          <a:xfrm>
            <a:off x="4756736" y="5395827"/>
            <a:ext cx="1707066" cy="248033"/>
            <a:chOff x="860772" y="4916533"/>
            <a:chExt cx="1487909" cy="216189"/>
          </a:xfrm>
        </p:grpSpPr>
        <p:grpSp>
          <p:nvGrpSpPr>
            <p:cNvPr id="85" name="Group 84">
              <a:extLst>
                <a:ext uri="{FF2B5EF4-FFF2-40B4-BE49-F238E27FC236}">
                  <a16:creationId xmlns:a16="http://schemas.microsoft.com/office/drawing/2014/main" id="{2917AFAA-6841-103A-96DD-5FA0C9C0C1B6}"/>
                </a:ext>
              </a:extLst>
            </p:cNvPr>
            <p:cNvGrpSpPr/>
            <p:nvPr/>
          </p:nvGrpSpPr>
          <p:grpSpPr>
            <a:xfrm>
              <a:off x="860772" y="4916533"/>
              <a:ext cx="1487909" cy="180194"/>
              <a:chOff x="5354949" y="3040512"/>
              <a:chExt cx="1645739" cy="171957"/>
            </a:xfrm>
          </p:grpSpPr>
          <p:grpSp>
            <p:nvGrpSpPr>
              <p:cNvPr id="87" name="Group 86">
                <a:extLst>
                  <a:ext uri="{FF2B5EF4-FFF2-40B4-BE49-F238E27FC236}">
                    <a16:creationId xmlns:a16="http://schemas.microsoft.com/office/drawing/2014/main" id="{DEC550D2-A604-49E0-9DCA-46322ACC592F}"/>
                  </a:ext>
                </a:extLst>
              </p:cNvPr>
              <p:cNvGrpSpPr/>
              <p:nvPr/>
            </p:nvGrpSpPr>
            <p:grpSpPr>
              <a:xfrm>
                <a:off x="5458296" y="3153610"/>
                <a:ext cx="1445092" cy="45719"/>
                <a:chOff x="5458296" y="3153610"/>
                <a:chExt cx="1445092" cy="45719"/>
              </a:xfrm>
            </p:grpSpPr>
            <p:cxnSp>
              <p:nvCxnSpPr>
                <p:cNvPr id="91" name="Straight Connector 90">
                  <a:extLst>
                    <a:ext uri="{FF2B5EF4-FFF2-40B4-BE49-F238E27FC236}">
                      <a16:creationId xmlns:a16="http://schemas.microsoft.com/office/drawing/2014/main" id="{9F161324-C64B-DA75-EE32-A82D300FCD88}"/>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2" name="Oval 91">
                  <a:extLst>
                    <a:ext uri="{FF2B5EF4-FFF2-40B4-BE49-F238E27FC236}">
                      <a16:creationId xmlns:a16="http://schemas.microsoft.com/office/drawing/2014/main" id="{ABF3CD0E-D91F-DF7A-78DA-EA9BAEABC07A}"/>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93" name="Oval 92">
                  <a:extLst>
                    <a:ext uri="{FF2B5EF4-FFF2-40B4-BE49-F238E27FC236}">
                      <a16:creationId xmlns:a16="http://schemas.microsoft.com/office/drawing/2014/main" id="{F04AB35B-EE96-C45A-1024-8973D20540AA}"/>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88" name="Straight Connector 87">
                <a:extLst>
                  <a:ext uri="{FF2B5EF4-FFF2-40B4-BE49-F238E27FC236}">
                    <a16:creationId xmlns:a16="http://schemas.microsoft.com/office/drawing/2014/main" id="{FBBD25C3-70DE-8C69-B037-D7CC29F65075}"/>
                  </a:ext>
                </a:extLst>
              </p:cNvPr>
              <p:cNvCxnSpPr>
                <a:cxnSpLocks/>
              </p:cNvCxnSpPr>
              <p:nvPr/>
            </p:nvCxnSpPr>
            <p:spPr>
              <a:xfrm>
                <a:off x="6176326" y="3140469"/>
                <a:ext cx="0" cy="72000"/>
              </a:xfrm>
              <a:prstGeom prst="line">
                <a:avLst/>
              </a:prstGeom>
              <a:ln w="12700">
                <a:solidFill>
                  <a:schemeClr val="accent4"/>
                </a:solidFill>
              </a:ln>
            </p:spPr>
            <p:style>
              <a:lnRef idx="1">
                <a:schemeClr val="accent1"/>
              </a:lnRef>
              <a:fillRef idx="0">
                <a:schemeClr val="accent1"/>
              </a:fillRef>
              <a:effectRef idx="0">
                <a:schemeClr val="accent1"/>
              </a:effectRef>
              <a:fontRef idx="minor">
                <a:schemeClr val="tx1"/>
              </a:fontRef>
            </p:style>
          </p:cxnSp>
          <p:sp>
            <p:nvSpPr>
              <p:cNvPr id="89" name="TextBox 88">
                <a:extLst>
                  <a:ext uri="{FF2B5EF4-FFF2-40B4-BE49-F238E27FC236}">
                    <a16:creationId xmlns:a16="http://schemas.microsoft.com/office/drawing/2014/main" id="{45F8C3E6-2018-EDA3-E086-BD73EF03BA11}"/>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90" name="TextBox 89">
                <a:extLst>
                  <a:ext uri="{FF2B5EF4-FFF2-40B4-BE49-F238E27FC236}">
                    <a16:creationId xmlns:a16="http://schemas.microsoft.com/office/drawing/2014/main" id="{6B34444E-16D7-C5D9-91CC-F59B7A7D8462}"/>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86" name="Oval 85">
              <a:extLst>
                <a:ext uri="{FF2B5EF4-FFF2-40B4-BE49-F238E27FC236}">
                  <a16:creationId xmlns:a16="http://schemas.microsoft.com/office/drawing/2014/main" id="{C9351360-63B6-FB90-C617-236094347138}"/>
                </a:ext>
              </a:extLst>
            </p:cNvPr>
            <p:cNvSpPr/>
            <p:nvPr/>
          </p:nvSpPr>
          <p:spPr>
            <a:xfrm>
              <a:off x="1538582"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71" name="TextBox 70">
            <a:extLst>
              <a:ext uri="{FF2B5EF4-FFF2-40B4-BE49-F238E27FC236}">
                <a16:creationId xmlns:a16="http://schemas.microsoft.com/office/drawing/2014/main" id="{49B91FAE-DDDE-F703-CFBD-3BE51C4466D1}"/>
              </a:ext>
              <a:ext uri="{C183D7F6-B498-43B3-948B-1728B52AA6E4}">
                <adec:decorative xmlns:adec="http://schemas.microsoft.com/office/drawing/2017/decorative" val="1"/>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72" name="Group 71" descr="Vurdering af juridisk kompleksitet, 3 ud af 10">
            <a:extLst>
              <a:ext uri="{FF2B5EF4-FFF2-40B4-BE49-F238E27FC236}">
                <a16:creationId xmlns:a16="http://schemas.microsoft.com/office/drawing/2014/main" id="{2794BB50-8747-7DDC-CE40-AE0CD2A6B96B}"/>
              </a:ext>
            </a:extLst>
          </p:cNvPr>
          <p:cNvGrpSpPr/>
          <p:nvPr/>
        </p:nvGrpSpPr>
        <p:grpSpPr>
          <a:xfrm>
            <a:off x="4754047" y="5907971"/>
            <a:ext cx="1707066" cy="248033"/>
            <a:chOff x="860772" y="4916533"/>
            <a:chExt cx="1487909" cy="216189"/>
          </a:xfrm>
        </p:grpSpPr>
        <p:grpSp>
          <p:nvGrpSpPr>
            <p:cNvPr id="75" name="Group 74">
              <a:extLst>
                <a:ext uri="{FF2B5EF4-FFF2-40B4-BE49-F238E27FC236}">
                  <a16:creationId xmlns:a16="http://schemas.microsoft.com/office/drawing/2014/main" id="{4DD81757-BE95-697F-8D91-EEEF850094F4}"/>
                </a:ext>
              </a:extLst>
            </p:cNvPr>
            <p:cNvGrpSpPr/>
            <p:nvPr/>
          </p:nvGrpSpPr>
          <p:grpSpPr>
            <a:xfrm>
              <a:off x="860772" y="4916533"/>
              <a:ext cx="1487909" cy="180194"/>
              <a:chOff x="5354949" y="3040512"/>
              <a:chExt cx="1645739" cy="171957"/>
            </a:xfrm>
          </p:grpSpPr>
          <p:grpSp>
            <p:nvGrpSpPr>
              <p:cNvPr id="77" name="Group 76">
                <a:extLst>
                  <a:ext uri="{FF2B5EF4-FFF2-40B4-BE49-F238E27FC236}">
                    <a16:creationId xmlns:a16="http://schemas.microsoft.com/office/drawing/2014/main" id="{6DE501AF-636F-32B7-522C-8ACFD22F7627}"/>
                  </a:ext>
                </a:extLst>
              </p:cNvPr>
              <p:cNvGrpSpPr/>
              <p:nvPr/>
            </p:nvGrpSpPr>
            <p:grpSpPr>
              <a:xfrm>
                <a:off x="5458296" y="3153610"/>
                <a:ext cx="1445092" cy="45719"/>
                <a:chOff x="5458296" y="3153610"/>
                <a:chExt cx="1445092" cy="45719"/>
              </a:xfrm>
            </p:grpSpPr>
            <p:cxnSp>
              <p:nvCxnSpPr>
                <p:cNvPr id="81" name="Straight Connector 80">
                  <a:extLst>
                    <a:ext uri="{FF2B5EF4-FFF2-40B4-BE49-F238E27FC236}">
                      <a16:creationId xmlns:a16="http://schemas.microsoft.com/office/drawing/2014/main" id="{6051570B-D5A2-071A-A242-08007F94B5FD}"/>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2" name="Oval 81">
                  <a:extLst>
                    <a:ext uri="{FF2B5EF4-FFF2-40B4-BE49-F238E27FC236}">
                      <a16:creationId xmlns:a16="http://schemas.microsoft.com/office/drawing/2014/main" id="{D49F1012-81DA-1AF3-7023-4F6B62B15257}"/>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3" name="Oval 82">
                  <a:extLst>
                    <a:ext uri="{FF2B5EF4-FFF2-40B4-BE49-F238E27FC236}">
                      <a16:creationId xmlns:a16="http://schemas.microsoft.com/office/drawing/2014/main" id="{26D80D4D-513F-B656-1AEE-225244A4735D}"/>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78" name="Straight Connector 77">
                <a:extLst>
                  <a:ext uri="{FF2B5EF4-FFF2-40B4-BE49-F238E27FC236}">
                    <a16:creationId xmlns:a16="http://schemas.microsoft.com/office/drawing/2014/main" id="{A6634A55-60F8-E786-B6EF-0B3DD9FB1081}"/>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79" name="TextBox 78">
                <a:extLst>
                  <a:ext uri="{FF2B5EF4-FFF2-40B4-BE49-F238E27FC236}">
                    <a16:creationId xmlns:a16="http://schemas.microsoft.com/office/drawing/2014/main" id="{662D5A8B-44DD-7104-B762-5DBFC4854655}"/>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80" name="TextBox 79">
                <a:extLst>
                  <a:ext uri="{FF2B5EF4-FFF2-40B4-BE49-F238E27FC236}">
                    <a16:creationId xmlns:a16="http://schemas.microsoft.com/office/drawing/2014/main" id="{77C5AEB6-8C09-0A18-8310-E5C1DD929D86}"/>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76" name="Oval 75">
              <a:extLst>
                <a:ext uri="{FF2B5EF4-FFF2-40B4-BE49-F238E27FC236}">
                  <a16:creationId xmlns:a16="http://schemas.microsoft.com/office/drawing/2014/main" id="{AE872A6E-D9BA-076E-FEA0-4222FF8DC2FC}"/>
                </a:ext>
              </a:extLst>
            </p:cNvPr>
            <p:cNvSpPr/>
            <p:nvPr/>
          </p:nvSpPr>
          <p:spPr>
            <a:xfrm>
              <a:off x="1242297"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73" name="TextBox 72">
            <a:extLst>
              <a:ext uri="{FF2B5EF4-FFF2-40B4-BE49-F238E27FC236}">
                <a16:creationId xmlns:a16="http://schemas.microsoft.com/office/drawing/2014/main" id="{9F0B21D1-E3A5-18C6-D72E-9FEBBD39FD16}"/>
              </a:ext>
              <a:ext uri="{C183D7F6-B498-43B3-948B-1728B52AA6E4}">
                <adec:decorative xmlns:adec="http://schemas.microsoft.com/office/drawing/2017/decorative" val="1"/>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sp>
        <p:nvSpPr>
          <p:cNvPr id="24" name="Rektangel: afrundede hjørner 10">
            <a:extLst>
              <a:ext uri="{FF2B5EF4-FFF2-40B4-BE49-F238E27FC236}">
                <a16:creationId xmlns:a16="http://schemas.microsoft.com/office/drawing/2014/main" id="{7E155C60-EDAF-BE60-3C80-7267319B3564}"/>
              </a:ext>
              <a:ext uri="{C183D7F6-B498-43B3-948B-1728B52AA6E4}">
                <adec:decorative xmlns:adec="http://schemas.microsoft.com/office/drawing/2017/decorative" val="1"/>
              </a:ext>
            </a:extLst>
          </p:cNvPr>
          <p:cNvSpPr>
            <a:spLocks/>
          </p:cNvSpPr>
          <p:nvPr/>
        </p:nvSpPr>
        <p:spPr>
          <a:xfrm>
            <a:off x="7242764" y="222872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949C42BB-DE45-2FA6-A5D7-3ECC62C3AC0A}"/>
              </a:ext>
              <a:ext uri="{C183D7F6-B498-43B3-948B-1728B52AA6E4}">
                <adec:decorative xmlns:adec="http://schemas.microsoft.com/office/drawing/2017/decorative" val="1"/>
              </a:ext>
            </a:extLst>
          </p:cNvPr>
          <p:cNvSpPr>
            <a:spLocks noEditPoints="1"/>
          </p:cNvSpPr>
          <p:nvPr/>
        </p:nvSpPr>
        <p:spPr bwMode="auto">
          <a:xfrm>
            <a:off x="7289024" y="229402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34" name="TextBox 133">
            <a:extLst>
              <a:ext uri="{FF2B5EF4-FFF2-40B4-BE49-F238E27FC236}">
                <a16:creationId xmlns:a16="http://schemas.microsoft.com/office/drawing/2014/main" id="{D197A202-7CF0-89C5-2F3F-61AA076FDCFC}"/>
              </a:ext>
            </a:extLst>
          </p:cNvPr>
          <p:cNvSpPr txBox="1"/>
          <p:nvPr/>
        </p:nvSpPr>
        <p:spPr>
          <a:xfrm>
            <a:off x="7249102" y="1874760"/>
            <a:ext cx="2162754" cy="246221"/>
          </a:xfrm>
          <a:prstGeom prst="rect">
            <a:avLst/>
          </a:prstGeom>
          <a:noFill/>
        </p:spPr>
        <p:txBody>
          <a:bodyPr wrap="square" lIns="0">
            <a:spAutoFit/>
          </a:bodyPr>
          <a:lstStyle/>
          <a:p>
            <a:r>
              <a:rPr lang="da-DK" sz="1000" b="1" noProof="0" dirty="0">
                <a:solidFill>
                  <a:srgbClr val="36465A"/>
                </a:solidFill>
              </a:rPr>
              <a:t>Udfordringer adresseret</a:t>
            </a:r>
            <a:endParaRPr lang="da-DK" sz="1000" noProof="0" dirty="0">
              <a:solidFill>
                <a:srgbClr val="36465A"/>
              </a:solidFill>
            </a:endParaRPr>
          </a:p>
        </p:txBody>
      </p:sp>
      <p:sp>
        <p:nvSpPr>
          <p:cNvPr id="26" name="TextBox 4">
            <a:extLst>
              <a:ext uri="{FF2B5EF4-FFF2-40B4-BE49-F238E27FC236}">
                <a16:creationId xmlns:a16="http://schemas.microsoft.com/office/drawing/2014/main" id="{35168CA8-A757-4128-3153-6BFD47C144D4}"/>
              </a:ext>
              <a:ext uri="{C183D7F6-B498-43B3-948B-1728B52AA6E4}">
                <adec:decorative xmlns:adec="http://schemas.microsoft.com/office/drawing/2017/decorative" val="0"/>
              </a:ext>
            </a:extLst>
          </p:cNvPr>
          <p:cNvSpPr txBox="1">
            <a:spLocks/>
          </p:cNvSpPr>
          <p:nvPr/>
        </p:nvSpPr>
        <p:spPr>
          <a:xfrm>
            <a:off x="7527006" y="2244023"/>
            <a:ext cx="1931343" cy="296832"/>
          </a:xfrm>
          <a:prstGeom prst="rect">
            <a:avLst/>
          </a:prstGeom>
          <a:noFill/>
        </p:spPr>
        <p:txBody>
          <a:bodyPr wrap="square" rtlCol="0" anchor="ctr">
            <a:noAutofit/>
          </a:bodyPr>
          <a:lstStyle/>
          <a:p>
            <a:r>
              <a:rPr lang="da-DK" sz="700" b="1" noProof="0">
                <a:solidFill>
                  <a:srgbClr val="024D78"/>
                </a:solidFill>
              </a:rPr>
              <a:t>01 | Høj afhængighed af større leverandører og manglende konkurrence</a:t>
            </a:r>
          </a:p>
        </p:txBody>
      </p:sp>
      <p:sp>
        <p:nvSpPr>
          <p:cNvPr id="27" name="Rektangel: afrundede hjørner 5">
            <a:extLst>
              <a:ext uri="{FF2B5EF4-FFF2-40B4-BE49-F238E27FC236}">
                <a16:creationId xmlns:a16="http://schemas.microsoft.com/office/drawing/2014/main" id="{BAFFD8B0-3E0E-B0BA-A69A-E3B8A1CD0D4E}"/>
              </a:ext>
              <a:ext uri="{C183D7F6-B498-43B3-948B-1728B52AA6E4}">
                <adec:decorative xmlns:adec="http://schemas.microsoft.com/office/drawing/2017/decorative" val="1"/>
              </a:ext>
            </a:extLst>
          </p:cNvPr>
          <p:cNvSpPr>
            <a:spLocks/>
          </p:cNvSpPr>
          <p:nvPr/>
        </p:nvSpPr>
        <p:spPr>
          <a:xfrm>
            <a:off x="7242764" y="2651061"/>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8" name="TextBox 11">
            <a:extLst>
              <a:ext uri="{FF2B5EF4-FFF2-40B4-BE49-F238E27FC236}">
                <a16:creationId xmlns:a16="http://schemas.microsoft.com/office/drawing/2014/main" id="{42589F91-6846-782A-451B-137AA59D776A}"/>
              </a:ext>
              <a:ext uri="{C183D7F6-B498-43B3-948B-1728B52AA6E4}">
                <adec:decorative xmlns:adec="http://schemas.microsoft.com/office/drawing/2017/decorative" val="0"/>
              </a:ext>
            </a:extLst>
          </p:cNvPr>
          <p:cNvSpPr txBox="1">
            <a:spLocks/>
          </p:cNvSpPr>
          <p:nvPr/>
        </p:nvSpPr>
        <p:spPr>
          <a:xfrm>
            <a:off x="7527006" y="2671796"/>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2 | Manglende kontrol og transparens over egne data</a:t>
            </a:r>
          </a:p>
        </p:txBody>
      </p:sp>
      <p:grpSp>
        <p:nvGrpSpPr>
          <p:cNvPr id="29" name="Group 45">
            <a:extLst>
              <a:ext uri="{FF2B5EF4-FFF2-40B4-BE49-F238E27FC236}">
                <a16:creationId xmlns:a16="http://schemas.microsoft.com/office/drawing/2014/main" id="{A6179428-1859-D421-8861-30C62F2CEDD0}"/>
              </a:ext>
              <a:ext uri="{C183D7F6-B498-43B3-948B-1728B52AA6E4}">
                <adec:decorative xmlns:adec="http://schemas.microsoft.com/office/drawing/2017/decorative" val="1"/>
              </a:ext>
            </a:extLst>
          </p:cNvPr>
          <p:cNvGrpSpPr>
            <a:grpSpLocks/>
          </p:cNvGrpSpPr>
          <p:nvPr/>
        </p:nvGrpSpPr>
        <p:grpSpPr>
          <a:xfrm>
            <a:off x="7310599" y="2707229"/>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0DA40372-4EF9-58AB-9B73-612B828150B2}"/>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4BB60330-AF19-2F29-6B9E-3D995FB420E9}"/>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053EE80F-4E44-0AD6-6AB7-3B794D9CFD9A}"/>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4C88D67B-6B17-407E-490E-E6F1AE6D3014}"/>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30" name="Rektangel: afrundede hjørner 9">
            <a:extLst>
              <a:ext uri="{FF2B5EF4-FFF2-40B4-BE49-F238E27FC236}">
                <a16:creationId xmlns:a16="http://schemas.microsoft.com/office/drawing/2014/main" id="{AD2F351B-B0CA-6723-5C6D-AE24EDA05ACA}"/>
              </a:ext>
              <a:ext uri="{C183D7F6-B498-43B3-948B-1728B52AA6E4}">
                <adec:decorative xmlns:adec="http://schemas.microsoft.com/office/drawing/2017/decorative" val="1"/>
              </a:ext>
            </a:extLst>
          </p:cNvPr>
          <p:cNvSpPr>
            <a:spLocks/>
          </p:cNvSpPr>
          <p:nvPr/>
        </p:nvSpPr>
        <p:spPr>
          <a:xfrm>
            <a:off x="7242991" y="3073402"/>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TextBox 23">
            <a:extLst>
              <a:ext uri="{FF2B5EF4-FFF2-40B4-BE49-F238E27FC236}">
                <a16:creationId xmlns:a16="http://schemas.microsoft.com/office/drawing/2014/main" id="{47B9ED65-374C-E97A-74CA-606E789FCBFB}"/>
              </a:ext>
              <a:ext uri="{C183D7F6-B498-43B3-948B-1728B52AA6E4}">
                <adec:decorative xmlns:adec="http://schemas.microsoft.com/office/drawing/2017/decorative" val="0"/>
              </a:ext>
            </a:extLst>
          </p:cNvPr>
          <p:cNvSpPr txBox="1">
            <a:spLocks/>
          </p:cNvSpPr>
          <p:nvPr/>
        </p:nvSpPr>
        <p:spPr>
          <a:xfrm>
            <a:off x="7526779" y="3094137"/>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3 | Begrænset kontrol og styring af digitale løsninger</a:t>
            </a:r>
          </a:p>
        </p:txBody>
      </p:sp>
      <p:sp>
        <p:nvSpPr>
          <p:cNvPr id="32" name="Freeform 6">
            <a:extLst>
              <a:ext uri="{FF2B5EF4-FFF2-40B4-BE49-F238E27FC236}">
                <a16:creationId xmlns:a16="http://schemas.microsoft.com/office/drawing/2014/main" id="{AF8854D5-C7FE-5D0D-2DA0-57E465C44D34}"/>
              </a:ext>
              <a:ext uri="{C183D7F6-B498-43B3-948B-1728B52AA6E4}">
                <adec:decorative xmlns:adec="http://schemas.microsoft.com/office/drawing/2017/decorative" val="1"/>
              </a:ext>
            </a:extLst>
          </p:cNvPr>
          <p:cNvSpPr>
            <a:spLocks noChangeAspect="1" noEditPoints="1"/>
          </p:cNvSpPr>
          <p:nvPr/>
        </p:nvSpPr>
        <p:spPr bwMode="auto">
          <a:xfrm>
            <a:off x="7298989" y="3133958"/>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33" name="Rektangel: afrundede hjørner 39">
            <a:extLst>
              <a:ext uri="{FF2B5EF4-FFF2-40B4-BE49-F238E27FC236}">
                <a16:creationId xmlns:a16="http://schemas.microsoft.com/office/drawing/2014/main" id="{1F619F8F-B4A9-4387-8AA5-77E405A696B3}"/>
              </a:ext>
              <a:ext uri="{C183D7F6-B498-43B3-948B-1728B52AA6E4}">
                <adec:decorative xmlns:adec="http://schemas.microsoft.com/office/drawing/2017/decorative" val="1"/>
              </a:ext>
            </a:extLst>
          </p:cNvPr>
          <p:cNvSpPr>
            <a:spLocks/>
          </p:cNvSpPr>
          <p:nvPr/>
        </p:nvSpPr>
        <p:spPr>
          <a:xfrm>
            <a:off x="7242991" y="3495743"/>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TextBox 27">
            <a:extLst>
              <a:ext uri="{FF2B5EF4-FFF2-40B4-BE49-F238E27FC236}">
                <a16:creationId xmlns:a16="http://schemas.microsoft.com/office/drawing/2014/main" id="{E7C4364F-88DB-4544-4E9E-BFD26DE618F6}"/>
              </a:ext>
              <a:ext uri="{C183D7F6-B498-43B3-948B-1728B52AA6E4}">
                <adec:decorative xmlns:adec="http://schemas.microsoft.com/office/drawing/2017/decorative" val="0"/>
              </a:ext>
            </a:extLst>
          </p:cNvPr>
          <p:cNvSpPr txBox="1">
            <a:spLocks/>
          </p:cNvSpPr>
          <p:nvPr/>
        </p:nvSpPr>
        <p:spPr>
          <a:xfrm>
            <a:off x="7526779" y="3516753"/>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4 | Sårbarheder i den digitale forsyningssikkerhed</a:t>
            </a:r>
          </a:p>
        </p:txBody>
      </p:sp>
      <p:sp>
        <p:nvSpPr>
          <p:cNvPr id="36" name="Freeform 8">
            <a:extLst>
              <a:ext uri="{FF2B5EF4-FFF2-40B4-BE49-F238E27FC236}">
                <a16:creationId xmlns:a16="http://schemas.microsoft.com/office/drawing/2014/main" id="{01C0A008-C135-4C0D-9EB4-0D051B7E1FA5}"/>
              </a:ext>
              <a:ext uri="{C183D7F6-B498-43B3-948B-1728B52AA6E4}">
                <adec:decorative xmlns:adec="http://schemas.microsoft.com/office/drawing/2017/decorative" val="1"/>
              </a:ext>
            </a:extLst>
          </p:cNvPr>
          <p:cNvSpPr>
            <a:spLocks noChangeAspect="1" noEditPoints="1"/>
          </p:cNvSpPr>
          <p:nvPr/>
        </p:nvSpPr>
        <p:spPr bwMode="auto">
          <a:xfrm>
            <a:off x="7311666" y="3561636"/>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96" name="Free-form: Shape 1">
            <a:extLst>
              <a:ext uri="{FF2B5EF4-FFF2-40B4-BE49-F238E27FC236}">
                <a16:creationId xmlns:a16="http://schemas.microsoft.com/office/drawing/2014/main" id="{776F87CF-E146-CE28-460A-A0E34F1FBEEF}"/>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B5A2CD1B-4CF3-751E-43E8-96C24EF28ADF}"/>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0398993F-3AB1-24ED-096A-B6DACB914558}"/>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D4978E91-2487-4403-CD4B-88670750D5D8}"/>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C9ADC73E-9C14-E5DE-1C77-2973C2D2FAB6}"/>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47BC8867-6132-80D0-56D4-CCF7BEDC4B71}"/>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38" name="TextBox 137">
            <a:extLst>
              <a:ext uri="{FF2B5EF4-FFF2-40B4-BE49-F238E27FC236}">
                <a16:creationId xmlns:a16="http://schemas.microsoft.com/office/drawing/2014/main" id="{D979DB77-82CE-631B-FCB9-A3417A12E584}"/>
              </a:ext>
            </a:extLst>
          </p:cNvPr>
          <p:cNvSpPr txBox="1"/>
          <p:nvPr/>
        </p:nvSpPr>
        <p:spPr>
          <a:xfrm>
            <a:off x="9469157" y="1874760"/>
            <a:ext cx="1931344" cy="246221"/>
          </a:xfrm>
          <a:prstGeom prst="rect">
            <a:avLst/>
          </a:prstGeom>
          <a:noFill/>
        </p:spPr>
        <p:txBody>
          <a:bodyPr wrap="square" lIns="72000">
            <a:spAutoFit/>
          </a:bodyPr>
          <a:lstStyle/>
          <a:p>
            <a:r>
              <a:rPr lang="da-DK" sz="1000" b="1" noProof="0" dirty="0">
                <a:solidFill>
                  <a:srgbClr val="36465A"/>
                </a:solidFill>
              </a:rPr>
              <a:t>Gevinster</a:t>
            </a:r>
            <a:endParaRPr lang="da-DK" sz="1000" noProof="0" dirty="0">
              <a:solidFill>
                <a:srgbClr val="36465A"/>
              </a:solidFill>
            </a:endParaRPr>
          </a:p>
        </p:txBody>
      </p:sp>
      <p:sp>
        <p:nvSpPr>
          <p:cNvPr id="198" name="TextBox 197">
            <a:extLst>
              <a:ext uri="{FF2B5EF4-FFF2-40B4-BE49-F238E27FC236}">
                <a16:creationId xmlns:a16="http://schemas.microsoft.com/office/drawing/2014/main" id="{BFAE2797-BAC1-6A97-D0ED-AC8F4D87179E}"/>
              </a:ext>
            </a:extLst>
          </p:cNvPr>
          <p:cNvSpPr txBox="1"/>
          <p:nvPr/>
        </p:nvSpPr>
        <p:spPr>
          <a:xfrm>
            <a:off x="9857248" y="2233094"/>
            <a:ext cx="1495241" cy="353943"/>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Øget vidensniveau og opbygning af kapabiliteter.</a:t>
            </a:r>
          </a:p>
        </p:txBody>
      </p:sp>
      <p:sp>
        <p:nvSpPr>
          <p:cNvPr id="199" name="TextBox 198">
            <a:extLst>
              <a:ext uri="{FF2B5EF4-FFF2-40B4-BE49-F238E27FC236}">
                <a16:creationId xmlns:a16="http://schemas.microsoft.com/office/drawing/2014/main" id="{53216294-8046-0277-59F4-C3E8158529DE}"/>
              </a:ext>
            </a:extLst>
          </p:cNvPr>
          <p:cNvSpPr txBox="1"/>
          <p:nvPr/>
        </p:nvSpPr>
        <p:spPr>
          <a:xfrm>
            <a:off x="9857248" y="2650798"/>
            <a:ext cx="1436160"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lang="da-DK" sz="1000" noProof="0" dirty="0">
                <a:solidFill>
                  <a:srgbClr val="000000"/>
                </a:solidFill>
                <a:latin typeface="Arial" panose="020B0604020202020204" pitchFamily="34" charset="0"/>
              </a:rPr>
              <a:t>Øget digital suverænitet gennem bedre kontrol, styring og handlefrihed.</a:t>
            </a:r>
            <a:endPar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grpSp>
        <p:nvGrpSpPr>
          <p:cNvPr id="47" name="Group 46">
            <a:extLst>
              <a:ext uri="{FF2B5EF4-FFF2-40B4-BE49-F238E27FC236}">
                <a16:creationId xmlns:a16="http://schemas.microsoft.com/office/drawing/2014/main" id="{B7DE9EE5-F671-A473-1397-A017D3404B84}"/>
              </a:ext>
              <a:ext uri="{C183D7F6-B498-43B3-948B-1728B52AA6E4}">
                <adec:decorative xmlns:adec="http://schemas.microsoft.com/office/drawing/2017/decorative" val="1"/>
              </a:ext>
            </a:extLst>
          </p:cNvPr>
          <p:cNvGrpSpPr/>
          <p:nvPr/>
        </p:nvGrpSpPr>
        <p:grpSpPr>
          <a:xfrm>
            <a:off x="9565600" y="2233094"/>
            <a:ext cx="218250" cy="210236"/>
            <a:chOff x="9564973" y="2233094"/>
            <a:chExt cx="218250" cy="210236"/>
          </a:xfrm>
        </p:grpSpPr>
        <p:sp>
          <p:nvSpPr>
            <p:cNvPr id="132" name="Oval 131">
              <a:extLst>
                <a:ext uri="{FF2B5EF4-FFF2-40B4-BE49-F238E27FC236}">
                  <a16:creationId xmlns:a16="http://schemas.microsoft.com/office/drawing/2014/main" id="{93A1D39A-BCD3-EE96-80AE-8596E4AE9CF7}"/>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46" name="Freeform 24">
              <a:extLst>
                <a:ext uri="{FF2B5EF4-FFF2-40B4-BE49-F238E27FC236}">
                  <a16:creationId xmlns:a16="http://schemas.microsoft.com/office/drawing/2014/main" id="{E84BA3E7-60B3-AB76-8BEB-D896110805AF}"/>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48" name="Group 47">
            <a:extLst>
              <a:ext uri="{FF2B5EF4-FFF2-40B4-BE49-F238E27FC236}">
                <a16:creationId xmlns:a16="http://schemas.microsoft.com/office/drawing/2014/main" id="{86F334D6-59A7-CAE1-C926-06A7E7045953}"/>
              </a:ext>
              <a:ext uri="{C183D7F6-B498-43B3-948B-1728B52AA6E4}">
                <adec:decorative xmlns:adec="http://schemas.microsoft.com/office/drawing/2017/decorative" val="1"/>
              </a:ext>
            </a:extLst>
          </p:cNvPr>
          <p:cNvGrpSpPr/>
          <p:nvPr/>
        </p:nvGrpSpPr>
        <p:grpSpPr>
          <a:xfrm>
            <a:off x="9565600" y="2650798"/>
            <a:ext cx="218250" cy="210236"/>
            <a:chOff x="9564973" y="2233094"/>
            <a:chExt cx="218250" cy="210236"/>
          </a:xfrm>
        </p:grpSpPr>
        <p:sp>
          <p:nvSpPr>
            <p:cNvPr id="49" name="Oval 48">
              <a:extLst>
                <a:ext uri="{FF2B5EF4-FFF2-40B4-BE49-F238E27FC236}">
                  <a16:creationId xmlns:a16="http://schemas.microsoft.com/office/drawing/2014/main" id="{F7A68316-6A29-24E3-F625-0D0F5CC43ABC}"/>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0" name="Freeform 24">
              <a:extLst>
                <a:ext uri="{FF2B5EF4-FFF2-40B4-BE49-F238E27FC236}">
                  <a16:creationId xmlns:a16="http://schemas.microsoft.com/office/drawing/2014/main" id="{03A9D472-F9F0-281F-6457-990D90DB70E9}"/>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4" name="Freeform 31">
            <a:extLst>
              <a:ext uri="{FF2B5EF4-FFF2-40B4-BE49-F238E27FC236}">
                <a16:creationId xmlns:a16="http://schemas.microsoft.com/office/drawing/2014/main" id="{004DBB09-A04C-D7D5-BDEA-6A1A3322DDF0}"/>
              </a:ext>
              <a:ext uri="{C183D7F6-B498-43B3-948B-1728B52AA6E4}">
                <adec:decorative xmlns:adec="http://schemas.microsoft.com/office/drawing/2017/decorative" val="1"/>
              </a:ext>
            </a:extLst>
          </p:cNvPr>
          <p:cNvSpPr>
            <a:spLocks noEditPoints="1"/>
          </p:cNvSpPr>
          <p:nvPr/>
        </p:nvSpPr>
        <p:spPr bwMode="auto">
          <a:xfrm>
            <a:off x="11630423" y="245376"/>
            <a:ext cx="361599" cy="336627"/>
          </a:xfrm>
          <a:custGeom>
            <a:avLst/>
            <a:gdLst>
              <a:gd name="T0" fmla="*/ 112 w 224"/>
              <a:gd name="T1" fmla="*/ 32 h 208"/>
              <a:gd name="T2" fmla="*/ 112 w 224"/>
              <a:gd name="T3" fmla="*/ 40 h 208"/>
              <a:gd name="T4" fmla="*/ 100 w 224"/>
              <a:gd name="T5" fmla="*/ 52 h 208"/>
              <a:gd name="T6" fmla="*/ 60 w 224"/>
              <a:gd name="T7" fmla="*/ 52 h 208"/>
              <a:gd name="T8" fmla="*/ 40 w 224"/>
              <a:gd name="T9" fmla="*/ 72 h 208"/>
              <a:gd name="T10" fmla="*/ 40 w 224"/>
              <a:gd name="T11" fmla="*/ 64 h 208"/>
              <a:gd name="T12" fmla="*/ 76 w 224"/>
              <a:gd name="T13" fmla="*/ 40 h 208"/>
              <a:gd name="T14" fmla="*/ 56 w 224"/>
              <a:gd name="T15" fmla="*/ 20 h 208"/>
              <a:gd name="T16" fmla="*/ 88 w 224"/>
              <a:gd name="T17" fmla="*/ 20 h 208"/>
              <a:gd name="T18" fmla="*/ 76 w 224"/>
              <a:gd name="T19" fmla="*/ 8 h 208"/>
              <a:gd name="T20" fmla="*/ 148 w 224"/>
              <a:gd name="T21" fmla="*/ 0 h 208"/>
              <a:gd name="T22" fmla="*/ 148 w 224"/>
              <a:gd name="T23" fmla="*/ 8 h 208"/>
              <a:gd name="T24" fmla="*/ 136 w 224"/>
              <a:gd name="T25" fmla="*/ 20 h 208"/>
              <a:gd name="T26" fmla="*/ 211 w 224"/>
              <a:gd name="T27" fmla="*/ 75 h 208"/>
              <a:gd name="T28" fmla="*/ 184 w 224"/>
              <a:gd name="T29" fmla="*/ 86 h 208"/>
              <a:gd name="T30" fmla="*/ 157 w 224"/>
              <a:gd name="T31" fmla="*/ 75 h 208"/>
              <a:gd name="T32" fmla="*/ 140 w 224"/>
              <a:gd name="T33" fmla="*/ 75 h 208"/>
              <a:gd name="T34" fmla="*/ 125 w 224"/>
              <a:gd name="T35" fmla="*/ 73 h 208"/>
              <a:gd name="T36" fmla="*/ 95 w 224"/>
              <a:gd name="T37" fmla="*/ 72 h 208"/>
              <a:gd name="T38" fmla="*/ 76 w 224"/>
              <a:gd name="T39" fmla="*/ 81 h 208"/>
              <a:gd name="T40" fmla="*/ 57 w 224"/>
              <a:gd name="T41" fmla="*/ 72 h 208"/>
              <a:gd name="T42" fmla="*/ 27 w 224"/>
              <a:gd name="T43" fmla="*/ 73 h 208"/>
              <a:gd name="T44" fmla="*/ 12 w 224"/>
              <a:gd name="T45" fmla="*/ 75 h 208"/>
              <a:gd name="T46" fmla="*/ 16 w 224"/>
              <a:gd name="T47" fmla="*/ 152 h 208"/>
              <a:gd name="T48" fmla="*/ 20 w 224"/>
              <a:gd name="T49" fmla="*/ 208 h 208"/>
              <a:gd name="T50" fmla="*/ 64 w 224"/>
              <a:gd name="T51" fmla="*/ 204 h 208"/>
              <a:gd name="T52" fmla="*/ 88 w 224"/>
              <a:gd name="T53" fmla="*/ 152 h 208"/>
              <a:gd name="T54" fmla="*/ 92 w 224"/>
              <a:gd name="T55" fmla="*/ 208 h 208"/>
              <a:gd name="T56" fmla="*/ 136 w 224"/>
              <a:gd name="T57" fmla="*/ 204 h 208"/>
              <a:gd name="T58" fmla="*/ 160 w 224"/>
              <a:gd name="T59" fmla="*/ 152 h 208"/>
              <a:gd name="T60" fmla="*/ 164 w 224"/>
              <a:gd name="T61" fmla="*/ 208 h 208"/>
              <a:gd name="T62" fmla="*/ 208 w 224"/>
              <a:gd name="T63" fmla="*/ 204 h 208"/>
              <a:gd name="T64" fmla="*/ 224 w 224"/>
              <a:gd name="T65" fmla="*/ 92 h 208"/>
              <a:gd name="T66" fmla="*/ 64 w 224"/>
              <a:gd name="T67" fmla="*/ 143 h 208"/>
              <a:gd name="T68" fmla="*/ 56 w 224"/>
              <a:gd name="T69" fmla="*/ 100 h 208"/>
              <a:gd name="T70" fmla="*/ 44 w 224"/>
              <a:gd name="T71" fmla="*/ 140 h 208"/>
              <a:gd name="T72" fmla="*/ 36 w 224"/>
              <a:gd name="T73" fmla="*/ 200 h 208"/>
              <a:gd name="T74" fmla="*/ 20 w 224"/>
              <a:gd name="T75" fmla="*/ 96 h 208"/>
              <a:gd name="T76" fmla="*/ 8 w 224"/>
              <a:gd name="T77" fmla="*/ 132 h 208"/>
              <a:gd name="T78" fmla="*/ 23 w 224"/>
              <a:gd name="T79" fmla="*/ 80 h 208"/>
              <a:gd name="T80" fmla="*/ 43 w 224"/>
              <a:gd name="T81" fmla="*/ 95 h 208"/>
              <a:gd name="T82" fmla="*/ 72 w 224"/>
              <a:gd name="T83" fmla="*/ 92 h 208"/>
              <a:gd name="T84" fmla="*/ 136 w 224"/>
              <a:gd name="T85" fmla="*/ 143 h 208"/>
              <a:gd name="T86" fmla="*/ 128 w 224"/>
              <a:gd name="T87" fmla="*/ 100 h 208"/>
              <a:gd name="T88" fmla="*/ 116 w 224"/>
              <a:gd name="T89" fmla="*/ 140 h 208"/>
              <a:gd name="T90" fmla="*/ 108 w 224"/>
              <a:gd name="T91" fmla="*/ 200 h 208"/>
              <a:gd name="T92" fmla="*/ 92 w 224"/>
              <a:gd name="T93" fmla="*/ 96 h 208"/>
              <a:gd name="T94" fmla="*/ 80 w 224"/>
              <a:gd name="T95" fmla="*/ 132 h 208"/>
              <a:gd name="T96" fmla="*/ 95 w 224"/>
              <a:gd name="T97" fmla="*/ 80 h 208"/>
              <a:gd name="T98" fmla="*/ 115 w 224"/>
              <a:gd name="T99" fmla="*/ 95 h 208"/>
              <a:gd name="T100" fmla="*/ 144 w 224"/>
              <a:gd name="T101" fmla="*/ 92 h 208"/>
              <a:gd name="T102" fmla="*/ 208 w 224"/>
              <a:gd name="T103" fmla="*/ 100 h 208"/>
              <a:gd name="T104" fmla="*/ 200 w 224"/>
              <a:gd name="T105" fmla="*/ 200 h 208"/>
              <a:gd name="T106" fmla="*/ 184 w 224"/>
              <a:gd name="T107" fmla="*/ 136 h 208"/>
              <a:gd name="T108" fmla="*/ 168 w 224"/>
              <a:gd name="T109" fmla="*/ 200 h 208"/>
              <a:gd name="T110" fmla="*/ 160 w 224"/>
              <a:gd name="T111" fmla="*/ 100 h 208"/>
              <a:gd name="T112" fmla="*/ 152 w 224"/>
              <a:gd name="T113" fmla="*/ 92 h 208"/>
              <a:gd name="T114" fmla="*/ 181 w 224"/>
              <a:gd name="T115" fmla="*/ 95 h 208"/>
              <a:gd name="T116" fmla="*/ 201 w 224"/>
              <a:gd name="T117" fmla="*/ 80 h 208"/>
              <a:gd name="T118" fmla="*/ 216 w 224"/>
              <a:gd name="T119" fmla="*/ 132 h 208"/>
              <a:gd name="T120" fmla="*/ 204 w 224"/>
              <a:gd name="T121" fmla="*/ 52 h 208"/>
              <a:gd name="T122" fmla="*/ 184 w 224"/>
              <a:gd name="T123" fmla="*/ 72 h 208"/>
              <a:gd name="T124" fmla="*/ 184 w 224"/>
              <a:gd name="T125" fmla="*/ 6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24" h="208">
                <a:moveTo>
                  <a:pt x="112" y="72"/>
                </a:moveTo>
                <a:cubicBezTo>
                  <a:pt x="123" y="72"/>
                  <a:pt x="132" y="63"/>
                  <a:pt x="132" y="52"/>
                </a:cubicBezTo>
                <a:cubicBezTo>
                  <a:pt x="132" y="41"/>
                  <a:pt x="123" y="32"/>
                  <a:pt x="112" y="32"/>
                </a:cubicBezTo>
                <a:cubicBezTo>
                  <a:pt x="101" y="32"/>
                  <a:pt x="92" y="41"/>
                  <a:pt x="92" y="52"/>
                </a:cubicBezTo>
                <a:cubicBezTo>
                  <a:pt x="92" y="63"/>
                  <a:pt x="101" y="72"/>
                  <a:pt x="112" y="72"/>
                </a:cubicBezTo>
                <a:close/>
                <a:moveTo>
                  <a:pt x="112" y="40"/>
                </a:moveTo>
                <a:cubicBezTo>
                  <a:pt x="119" y="40"/>
                  <a:pt x="124" y="45"/>
                  <a:pt x="124" y="52"/>
                </a:cubicBezTo>
                <a:cubicBezTo>
                  <a:pt x="124" y="59"/>
                  <a:pt x="119" y="64"/>
                  <a:pt x="112" y="64"/>
                </a:cubicBezTo>
                <a:cubicBezTo>
                  <a:pt x="105" y="64"/>
                  <a:pt x="100" y="59"/>
                  <a:pt x="100" y="52"/>
                </a:cubicBezTo>
                <a:cubicBezTo>
                  <a:pt x="100" y="45"/>
                  <a:pt x="105" y="40"/>
                  <a:pt x="112" y="40"/>
                </a:cubicBezTo>
                <a:close/>
                <a:moveTo>
                  <a:pt x="40" y="72"/>
                </a:moveTo>
                <a:cubicBezTo>
                  <a:pt x="51" y="72"/>
                  <a:pt x="60" y="63"/>
                  <a:pt x="60" y="52"/>
                </a:cubicBezTo>
                <a:cubicBezTo>
                  <a:pt x="60" y="41"/>
                  <a:pt x="51" y="32"/>
                  <a:pt x="40" y="32"/>
                </a:cubicBezTo>
                <a:cubicBezTo>
                  <a:pt x="29" y="32"/>
                  <a:pt x="20" y="41"/>
                  <a:pt x="20" y="52"/>
                </a:cubicBezTo>
                <a:cubicBezTo>
                  <a:pt x="20" y="63"/>
                  <a:pt x="29" y="72"/>
                  <a:pt x="40" y="72"/>
                </a:cubicBezTo>
                <a:close/>
                <a:moveTo>
                  <a:pt x="40" y="40"/>
                </a:moveTo>
                <a:cubicBezTo>
                  <a:pt x="47" y="40"/>
                  <a:pt x="52" y="45"/>
                  <a:pt x="52" y="52"/>
                </a:cubicBezTo>
                <a:cubicBezTo>
                  <a:pt x="52" y="59"/>
                  <a:pt x="47" y="64"/>
                  <a:pt x="40" y="64"/>
                </a:cubicBezTo>
                <a:cubicBezTo>
                  <a:pt x="33" y="64"/>
                  <a:pt x="28" y="59"/>
                  <a:pt x="28" y="52"/>
                </a:cubicBezTo>
                <a:cubicBezTo>
                  <a:pt x="28" y="45"/>
                  <a:pt x="33" y="40"/>
                  <a:pt x="40" y="40"/>
                </a:cubicBezTo>
                <a:close/>
                <a:moveTo>
                  <a:pt x="76" y="40"/>
                </a:moveTo>
                <a:cubicBezTo>
                  <a:pt x="87" y="40"/>
                  <a:pt x="96" y="31"/>
                  <a:pt x="96" y="20"/>
                </a:cubicBezTo>
                <a:cubicBezTo>
                  <a:pt x="96" y="9"/>
                  <a:pt x="87" y="0"/>
                  <a:pt x="76" y="0"/>
                </a:cubicBezTo>
                <a:cubicBezTo>
                  <a:pt x="65" y="0"/>
                  <a:pt x="56" y="9"/>
                  <a:pt x="56" y="20"/>
                </a:cubicBezTo>
                <a:cubicBezTo>
                  <a:pt x="56" y="31"/>
                  <a:pt x="65" y="40"/>
                  <a:pt x="76" y="40"/>
                </a:cubicBezTo>
                <a:close/>
                <a:moveTo>
                  <a:pt x="76" y="8"/>
                </a:moveTo>
                <a:cubicBezTo>
                  <a:pt x="83" y="8"/>
                  <a:pt x="88" y="13"/>
                  <a:pt x="88" y="20"/>
                </a:cubicBezTo>
                <a:cubicBezTo>
                  <a:pt x="88" y="27"/>
                  <a:pt x="83" y="32"/>
                  <a:pt x="76" y="32"/>
                </a:cubicBezTo>
                <a:cubicBezTo>
                  <a:pt x="69" y="32"/>
                  <a:pt x="64" y="27"/>
                  <a:pt x="64" y="20"/>
                </a:cubicBezTo>
                <a:cubicBezTo>
                  <a:pt x="64" y="13"/>
                  <a:pt x="69" y="8"/>
                  <a:pt x="76" y="8"/>
                </a:cubicBezTo>
                <a:close/>
                <a:moveTo>
                  <a:pt x="148" y="40"/>
                </a:moveTo>
                <a:cubicBezTo>
                  <a:pt x="159" y="40"/>
                  <a:pt x="168" y="31"/>
                  <a:pt x="168" y="20"/>
                </a:cubicBezTo>
                <a:cubicBezTo>
                  <a:pt x="168" y="9"/>
                  <a:pt x="159" y="0"/>
                  <a:pt x="148" y="0"/>
                </a:cubicBezTo>
                <a:cubicBezTo>
                  <a:pt x="137" y="0"/>
                  <a:pt x="128" y="9"/>
                  <a:pt x="128" y="20"/>
                </a:cubicBezTo>
                <a:cubicBezTo>
                  <a:pt x="128" y="31"/>
                  <a:pt x="137" y="40"/>
                  <a:pt x="148" y="40"/>
                </a:cubicBezTo>
                <a:close/>
                <a:moveTo>
                  <a:pt x="148" y="8"/>
                </a:moveTo>
                <a:cubicBezTo>
                  <a:pt x="155" y="8"/>
                  <a:pt x="160" y="13"/>
                  <a:pt x="160" y="20"/>
                </a:cubicBezTo>
                <a:cubicBezTo>
                  <a:pt x="160" y="27"/>
                  <a:pt x="155" y="32"/>
                  <a:pt x="148" y="32"/>
                </a:cubicBezTo>
                <a:cubicBezTo>
                  <a:pt x="141" y="32"/>
                  <a:pt x="136" y="27"/>
                  <a:pt x="136" y="20"/>
                </a:cubicBezTo>
                <a:cubicBezTo>
                  <a:pt x="136" y="13"/>
                  <a:pt x="141" y="8"/>
                  <a:pt x="148" y="8"/>
                </a:cubicBezTo>
                <a:close/>
                <a:moveTo>
                  <a:pt x="212" y="75"/>
                </a:moveTo>
                <a:cubicBezTo>
                  <a:pt x="211" y="75"/>
                  <a:pt x="211" y="75"/>
                  <a:pt x="211" y="75"/>
                </a:cubicBezTo>
                <a:cubicBezTo>
                  <a:pt x="201" y="72"/>
                  <a:pt x="201" y="72"/>
                  <a:pt x="201" y="72"/>
                </a:cubicBezTo>
                <a:cubicBezTo>
                  <a:pt x="200" y="72"/>
                  <a:pt x="198" y="72"/>
                  <a:pt x="197" y="73"/>
                </a:cubicBezTo>
                <a:cubicBezTo>
                  <a:pt x="184" y="86"/>
                  <a:pt x="184" y="86"/>
                  <a:pt x="184" y="86"/>
                </a:cubicBezTo>
                <a:cubicBezTo>
                  <a:pt x="171" y="73"/>
                  <a:pt x="171" y="73"/>
                  <a:pt x="171" y="73"/>
                </a:cubicBezTo>
                <a:cubicBezTo>
                  <a:pt x="170" y="72"/>
                  <a:pt x="168" y="72"/>
                  <a:pt x="167" y="72"/>
                </a:cubicBezTo>
                <a:cubicBezTo>
                  <a:pt x="157" y="75"/>
                  <a:pt x="157" y="75"/>
                  <a:pt x="157" y="75"/>
                </a:cubicBezTo>
                <a:cubicBezTo>
                  <a:pt x="156" y="75"/>
                  <a:pt x="156" y="75"/>
                  <a:pt x="156" y="75"/>
                </a:cubicBezTo>
                <a:cubicBezTo>
                  <a:pt x="153" y="76"/>
                  <a:pt x="150" y="78"/>
                  <a:pt x="148" y="81"/>
                </a:cubicBezTo>
                <a:cubicBezTo>
                  <a:pt x="146" y="78"/>
                  <a:pt x="143" y="76"/>
                  <a:pt x="140" y="75"/>
                </a:cubicBezTo>
                <a:cubicBezTo>
                  <a:pt x="139" y="75"/>
                  <a:pt x="139" y="75"/>
                  <a:pt x="139" y="75"/>
                </a:cubicBezTo>
                <a:cubicBezTo>
                  <a:pt x="129" y="72"/>
                  <a:pt x="129" y="72"/>
                  <a:pt x="129" y="72"/>
                </a:cubicBezTo>
                <a:cubicBezTo>
                  <a:pt x="128" y="72"/>
                  <a:pt x="126" y="72"/>
                  <a:pt x="125" y="73"/>
                </a:cubicBezTo>
                <a:cubicBezTo>
                  <a:pt x="112" y="86"/>
                  <a:pt x="112" y="86"/>
                  <a:pt x="112" y="86"/>
                </a:cubicBezTo>
                <a:cubicBezTo>
                  <a:pt x="99" y="73"/>
                  <a:pt x="99" y="73"/>
                  <a:pt x="99" y="73"/>
                </a:cubicBezTo>
                <a:cubicBezTo>
                  <a:pt x="98" y="72"/>
                  <a:pt x="96" y="72"/>
                  <a:pt x="95" y="72"/>
                </a:cubicBezTo>
                <a:cubicBezTo>
                  <a:pt x="85" y="75"/>
                  <a:pt x="85" y="75"/>
                  <a:pt x="85" y="75"/>
                </a:cubicBezTo>
                <a:cubicBezTo>
                  <a:pt x="84" y="75"/>
                  <a:pt x="84" y="75"/>
                  <a:pt x="84" y="75"/>
                </a:cubicBezTo>
                <a:cubicBezTo>
                  <a:pt x="81" y="76"/>
                  <a:pt x="78" y="78"/>
                  <a:pt x="76" y="81"/>
                </a:cubicBezTo>
                <a:cubicBezTo>
                  <a:pt x="74" y="78"/>
                  <a:pt x="71" y="76"/>
                  <a:pt x="68" y="75"/>
                </a:cubicBezTo>
                <a:cubicBezTo>
                  <a:pt x="67" y="75"/>
                  <a:pt x="67" y="75"/>
                  <a:pt x="67" y="75"/>
                </a:cubicBezTo>
                <a:cubicBezTo>
                  <a:pt x="57" y="72"/>
                  <a:pt x="57" y="72"/>
                  <a:pt x="57" y="72"/>
                </a:cubicBezTo>
                <a:cubicBezTo>
                  <a:pt x="56" y="72"/>
                  <a:pt x="54" y="72"/>
                  <a:pt x="53" y="73"/>
                </a:cubicBezTo>
                <a:cubicBezTo>
                  <a:pt x="40" y="86"/>
                  <a:pt x="40" y="86"/>
                  <a:pt x="40" y="86"/>
                </a:cubicBezTo>
                <a:cubicBezTo>
                  <a:pt x="27" y="73"/>
                  <a:pt x="27" y="73"/>
                  <a:pt x="27" y="73"/>
                </a:cubicBezTo>
                <a:cubicBezTo>
                  <a:pt x="26" y="72"/>
                  <a:pt x="24" y="72"/>
                  <a:pt x="23" y="72"/>
                </a:cubicBezTo>
                <a:cubicBezTo>
                  <a:pt x="13" y="75"/>
                  <a:pt x="13" y="75"/>
                  <a:pt x="13" y="75"/>
                </a:cubicBezTo>
                <a:cubicBezTo>
                  <a:pt x="12" y="75"/>
                  <a:pt x="12" y="75"/>
                  <a:pt x="12" y="75"/>
                </a:cubicBezTo>
                <a:cubicBezTo>
                  <a:pt x="5" y="77"/>
                  <a:pt x="0" y="84"/>
                  <a:pt x="0" y="92"/>
                </a:cubicBezTo>
                <a:cubicBezTo>
                  <a:pt x="0" y="132"/>
                  <a:pt x="0" y="132"/>
                  <a:pt x="0" y="132"/>
                </a:cubicBezTo>
                <a:cubicBezTo>
                  <a:pt x="0" y="142"/>
                  <a:pt x="7" y="150"/>
                  <a:pt x="16" y="152"/>
                </a:cubicBezTo>
                <a:cubicBezTo>
                  <a:pt x="16" y="204"/>
                  <a:pt x="16" y="204"/>
                  <a:pt x="16" y="204"/>
                </a:cubicBezTo>
                <a:cubicBezTo>
                  <a:pt x="16" y="205"/>
                  <a:pt x="16" y="206"/>
                  <a:pt x="17" y="207"/>
                </a:cubicBezTo>
                <a:cubicBezTo>
                  <a:pt x="18" y="208"/>
                  <a:pt x="19" y="208"/>
                  <a:pt x="20" y="208"/>
                </a:cubicBezTo>
                <a:cubicBezTo>
                  <a:pt x="60" y="208"/>
                  <a:pt x="60" y="208"/>
                  <a:pt x="60" y="208"/>
                </a:cubicBezTo>
                <a:cubicBezTo>
                  <a:pt x="61" y="208"/>
                  <a:pt x="62" y="208"/>
                  <a:pt x="63" y="207"/>
                </a:cubicBezTo>
                <a:cubicBezTo>
                  <a:pt x="64" y="206"/>
                  <a:pt x="64" y="205"/>
                  <a:pt x="64" y="204"/>
                </a:cubicBezTo>
                <a:cubicBezTo>
                  <a:pt x="64" y="152"/>
                  <a:pt x="64" y="152"/>
                  <a:pt x="64" y="152"/>
                </a:cubicBezTo>
                <a:cubicBezTo>
                  <a:pt x="69" y="151"/>
                  <a:pt x="73" y="148"/>
                  <a:pt x="76" y="144"/>
                </a:cubicBezTo>
                <a:cubicBezTo>
                  <a:pt x="79" y="148"/>
                  <a:pt x="83" y="151"/>
                  <a:pt x="88" y="152"/>
                </a:cubicBezTo>
                <a:cubicBezTo>
                  <a:pt x="88" y="204"/>
                  <a:pt x="88" y="204"/>
                  <a:pt x="88" y="204"/>
                </a:cubicBezTo>
                <a:cubicBezTo>
                  <a:pt x="88" y="205"/>
                  <a:pt x="88" y="206"/>
                  <a:pt x="89" y="207"/>
                </a:cubicBezTo>
                <a:cubicBezTo>
                  <a:pt x="90" y="208"/>
                  <a:pt x="91" y="208"/>
                  <a:pt x="92" y="208"/>
                </a:cubicBezTo>
                <a:cubicBezTo>
                  <a:pt x="132" y="208"/>
                  <a:pt x="132" y="208"/>
                  <a:pt x="132" y="208"/>
                </a:cubicBezTo>
                <a:cubicBezTo>
                  <a:pt x="133" y="208"/>
                  <a:pt x="134" y="208"/>
                  <a:pt x="135" y="207"/>
                </a:cubicBezTo>
                <a:cubicBezTo>
                  <a:pt x="136" y="206"/>
                  <a:pt x="136" y="205"/>
                  <a:pt x="136" y="204"/>
                </a:cubicBezTo>
                <a:cubicBezTo>
                  <a:pt x="136" y="152"/>
                  <a:pt x="136" y="152"/>
                  <a:pt x="136" y="152"/>
                </a:cubicBezTo>
                <a:cubicBezTo>
                  <a:pt x="141" y="151"/>
                  <a:pt x="145" y="148"/>
                  <a:pt x="148" y="144"/>
                </a:cubicBezTo>
                <a:cubicBezTo>
                  <a:pt x="151" y="148"/>
                  <a:pt x="155" y="151"/>
                  <a:pt x="160" y="152"/>
                </a:cubicBezTo>
                <a:cubicBezTo>
                  <a:pt x="160" y="204"/>
                  <a:pt x="160" y="204"/>
                  <a:pt x="160" y="204"/>
                </a:cubicBezTo>
                <a:cubicBezTo>
                  <a:pt x="160" y="205"/>
                  <a:pt x="160" y="206"/>
                  <a:pt x="161" y="207"/>
                </a:cubicBezTo>
                <a:cubicBezTo>
                  <a:pt x="162" y="208"/>
                  <a:pt x="163" y="208"/>
                  <a:pt x="164" y="208"/>
                </a:cubicBezTo>
                <a:cubicBezTo>
                  <a:pt x="204" y="208"/>
                  <a:pt x="204" y="208"/>
                  <a:pt x="204" y="208"/>
                </a:cubicBezTo>
                <a:cubicBezTo>
                  <a:pt x="205" y="208"/>
                  <a:pt x="206" y="208"/>
                  <a:pt x="207" y="207"/>
                </a:cubicBezTo>
                <a:cubicBezTo>
                  <a:pt x="208" y="206"/>
                  <a:pt x="208" y="205"/>
                  <a:pt x="208" y="204"/>
                </a:cubicBezTo>
                <a:cubicBezTo>
                  <a:pt x="208" y="152"/>
                  <a:pt x="208" y="152"/>
                  <a:pt x="208" y="152"/>
                </a:cubicBezTo>
                <a:cubicBezTo>
                  <a:pt x="217" y="150"/>
                  <a:pt x="224" y="142"/>
                  <a:pt x="224" y="132"/>
                </a:cubicBezTo>
                <a:cubicBezTo>
                  <a:pt x="224" y="92"/>
                  <a:pt x="224" y="92"/>
                  <a:pt x="224" y="92"/>
                </a:cubicBezTo>
                <a:cubicBezTo>
                  <a:pt x="224" y="84"/>
                  <a:pt x="219" y="77"/>
                  <a:pt x="212" y="75"/>
                </a:cubicBezTo>
                <a:close/>
                <a:moveTo>
                  <a:pt x="72" y="132"/>
                </a:moveTo>
                <a:cubicBezTo>
                  <a:pt x="72" y="137"/>
                  <a:pt x="69" y="142"/>
                  <a:pt x="64" y="143"/>
                </a:cubicBezTo>
                <a:cubicBezTo>
                  <a:pt x="64" y="100"/>
                  <a:pt x="64" y="100"/>
                  <a:pt x="64" y="100"/>
                </a:cubicBezTo>
                <a:cubicBezTo>
                  <a:pt x="64" y="98"/>
                  <a:pt x="62" y="96"/>
                  <a:pt x="60" y="96"/>
                </a:cubicBezTo>
                <a:cubicBezTo>
                  <a:pt x="58" y="96"/>
                  <a:pt x="56" y="98"/>
                  <a:pt x="56" y="100"/>
                </a:cubicBezTo>
                <a:cubicBezTo>
                  <a:pt x="56" y="200"/>
                  <a:pt x="56" y="200"/>
                  <a:pt x="56" y="200"/>
                </a:cubicBezTo>
                <a:cubicBezTo>
                  <a:pt x="44" y="200"/>
                  <a:pt x="44" y="200"/>
                  <a:pt x="44" y="200"/>
                </a:cubicBezTo>
                <a:cubicBezTo>
                  <a:pt x="44" y="140"/>
                  <a:pt x="44" y="140"/>
                  <a:pt x="44" y="140"/>
                </a:cubicBezTo>
                <a:cubicBezTo>
                  <a:pt x="44" y="138"/>
                  <a:pt x="42" y="136"/>
                  <a:pt x="40" y="136"/>
                </a:cubicBezTo>
                <a:cubicBezTo>
                  <a:pt x="38" y="136"/>
                  <a:pt x="36" y="138"/>
                  <a:pt x="36" y="140"/>
                </a:cubicBezTo>
                <a:cubicBezTo>
                  <a:pt x="36" y="200"/>
                  <a:pt x="36" y="200"/>
                  <a:pt x="36" y="200"/>
                </a:cubicBezTo>
                <a:cubicBezTo>
                  <a:pt x="24" y="200"/>
                  <a:pt x="24" y="200"/>
                  <a:pt x="24" y="200"/>
                </a:cubicBezTo>
                <a:cubicBezTo>
                  <a:pt x="24" y="100"/>
                  <a:pt x="24" y="100"/>
                  <a:pt x="24" y="100"/>
                </a:cubicBezTo>
                <a:cubicBezTo>
                  <a:pt x="24" y="98"/>
                  <a:pt x="22" y="96"/>
                  <a:pt x="20" y="96"/>
                </a:cubicBezTo>
                <a:cubicBezTo>
                  <a:pt x="18" y="96"/>
                  <a:pt x="16" y="98"/>
                  <a:pt x="16" y="100"/>
                </a:cubicBezTo>
                <a:cubicBezTo>
                  <a:pt x="16" y="143"/>
                  <a:pt x="16" y="143"/>
                  <a:pt x="16" y="143"/>
                </a:cubicBezTo>
                <a:cubicBezTo>
                  <a:pt x="11" y="142"/>
                  <a:pt x="8" y="137"/>
                  <a:pt x="8" y="132"/>
                </a:cubicBezTo>
                <a:cubicBezTo>
                  <a:pt x="8" y="92"/>
                  <a:pt x="8" y="92"/>
                  <a:pt x="8" y="92"/>
                </a:cubicBezTo>
                <a:cubicBezTo>
                  <a:pt x="8" y="88"/>
                  <a:pt x="11" y="84"/>
                  <a:pt x="15" y="82"/>
                </a:cubicBezTo>
                <a:cubicBezTo>
                  <a:pt x="23" y="80"/>
                  <a:pt x="23" y="80"/>
                  <a:pt x="23" y="80"/>
                </a:cubicBezTo>
                <a:cubicBezTo>
                  <a:pt x="37" y="95"/>
                  <a:pt x="37" y="95"/>
                  <a:pt x="37" y="95"/>
                </a:cubicBezTo>
                <a:cubicBezTo>
                  <a:pt x="38" y="96"/>
                  <a:pt x="39" y="96"/>
                  <a:pt x="40" y="96"/>
                </a:cubicBezTo>
                <a:cubicBezTo>
                  <a:pt x="41" y="96"/>
                  <a:pt x="42" y="96"/>
                  <a:pt x="43" y="95"/>
                </a:cubicBezTo>
                <a:cubicBezTo>
                  <a:pt x="57" y="80"/>
                  <a:pt x="57" y="80"/>
                  <a:pt x="57" y="80"/>
                </a:cubicBezTo>
                <a:cubicBezTo>
                  <a:pt x="65" y="82"/>
                  <a:pt x="65" y="82"/>
                  <a:pt x="65" y="82"/>
                </a:cubicBezTo>
                <a:cubicBezTo>
                  <a:pt x="69" y="84"/>
                  <a:pt x="72" y="88"/>
                  <a:pt x="72" y="92"/>
                </a:cubicBezTo>
                <a:lnTo>
                  <a:pt x="72" y="132"/>
                </a:lnTo>
                <a:close/>
                <a:moveTo>
                  <a:pt x="144" y="132"/>
                </a:moveTo>
                <a:cubicBezTo>
                  <a:pt x="144" y="137"/>
                  <a:pt x="141" y="142"/>
                  <a:pt x="136" y="143"/>
                </a:cubicBezTo>
                <a:cubicBezTo>
                  <a:pt x="136" y="100"/>
                  <a:pt x="136" y="100"/>
                  <a:pt x="136" y="100"/>
                </a:cubicBezTo>
                <a:cubicBezTo>
                  <a:pt x="136" y="98"/>
                  <a:pt x="134" y="96"/>
                  <a:pt x="132" y="96"/>
                </a:cubicBezTo>
                <a:cubicBezTo>
                  <a:pt x="130" y="96"/>
                  <a:pt x="128" y="98"/>
                  <a:pt x="128" y="100"/>
                </a:cubicBezTo>
                <a:cubicBezTo>
                  <a:pt x="128" y="200"/>
                  <a:pt x="128" y="200"/>
                  <a:pt x="128" y="200"/>
                </a:cubicBezTo>
                <a:cubicBezTo>
                  <a:pt x="116" y="200"/>
                  <a:pt x="116" y="200"/>
                  <a:pt x="116" y="200"/>
                </a:cubicBezTo>
                <a:cubicBezTo>
                  <a:pt x="116" y="140"/>
                  <a:pt x="116" y="140"/>
                  <a:pt x="116" y="140"/>
                </a:cubicBezTo>
                <a:cubicBezTo>
                  <a:pt x="116" y="138"/>
                  <a:pt x="114" y="136"/>
                  <a:pt x="112" y="136"/>
                </a:cubicBezTo>
                <a:cubicBezTo>
                  <a:pt x="110" y="136"/>
                  <a:pt x="108" y="138"/>
                  <a:pt x="108" y="140"/>
                </a:cubicBezTo>
                <a:cubicBezTo>
                  <a:pt x="108" y="200"/>
                  <a:pt x="108" y="200"/>
                  <a:pt x="108" y="200"/>
                </a:cubicBezTo>
                <a:cubicBezTo>
                  <a:pt x="96" y="200"/>
                  <a:pt x="96" y="200"/>
                  <a:pt x="96" y="200"/>
                </a:cubicBezTo>
                <a:cubicBezTo>
                  <a:pt x="96" y="100"/>
                  <a:pt x="96" y="100"/>
                  <a:pt x="96" y="100"/>
                </a:cubicBezTo>
                <a:cubicBezTo>
                  <a:pt x="96" y="98"/>
                  <a:pt x="94" y="96"/>
                  <a:pt x="92" y="96"/>
                </a:cubicBezTo>
                <a:cubicBezTo>
                  <a:pt x="90" y="96"/>
                  <a:pt x="88" y="98"/>
                  <a:pt x="88" y="100"/>
                </a:cubicBezTo>
                <a:cubicBezTo>
                  <a:pt x="88" y="143"/>
                  <a:pt x="88" y="143"/>
                  <a:pt x="88" y="143"/>
                </a:cubicBezTo>
                <a:cubicBezTo>
                  <a:pt x="83" y="142"/>
                  <a:pt x="80" y="137"/>
                  <a:pt x="80" y="132"/>
                </a:cubicBezTo>
                <a:cubicBezTo>
                  <a:pt x="80" y="92"/>
                  <a:pt x="80" y="92"/>
                  <a:pt x="80" y="92"/>
                </a:cubicBezTo>
                <a:cubicBezTo>
                  <a:pt x="80" y="88"/>
                  <a:pt x="83" y="84"/>
                  <a:pt x="87" y="82"/>
                </a:cubicBezTo>
                <a:cubicBezTo>
                  <a:pt x="95" y="80"/>
                  <a:pt x="95" y="80"/>
                  <a:pt x="95" y="80"/>
                </a:cubicBezTo>
                <a:cubicBezTo>
                  <a:pt x="109" y="95"/>
                  <a:pt x="109" y="95"/>
                  <a:pt x="109" y="95"/>
                </a:cubicBezTo>
                <a:cubicBezTo>
                  <a:pt x="110" y="96"/>
                  <a:pt x="111" y="96"/>
                  <a:pt x="112" y="96"/>
                </a:cubicBezTo>
                <a:cubicBezTo>
                  <a:pt x="113" y="96"/>
                  <a:pt x="114" y="96"/>
                  <a:pt x="115" y="95"/>
                </a:cubicBezTo>
                <a:cubicBezTo>
                  <a:pt x="129" y="80"/>
                  <a:pt x="129" y="80"/>
                  <a:pt x="129" y="80"/>
                </a:cubicBezTo>
                <a:cubicBezTo>
                  <a:pt x="137" y="82"/>
                  <a:pt x="137" y="82"/>
                  <a:pt x="137" y="82"/>
                </a:cubicBezTo>
                <a:cubicBezTo>
                  <a:pt x="141" y="84"/>
                  <a:pt x="144" y="88"/>
                  <a:pt x="144" y="92"/>
                </a:cubicBezTo>
                <a:lnTo>
                  <a:pt x="144" y="132"/>
                </a:lnTo>
                <a:close/>
                <a:moveTo>
                  <a:pt x="208" y="143"/>
                </a:moveTo>
                <a:cubicBezTo>
                  <a:pt x="208" y="100"/>
                  <a:pt x="208" y="100"/>
                  <a:pt x="208" y="100"/>
                </a:cubicBezTo>
                <a:cubicBezTo>
                  <a:pt x="208" y="98"/>
                  <a:pt x="206" y="96"/>
                  <a:pt x="204" y="96"/>
                </a:cubicBezTo>
                <a:cubicBezTo>
                  <a:pt x="202" y="96"/>
                  <a:pt x="200" y="98"/>
                  <a:pt x="200" y="100"/>
                </a:cubicBezTo>
                <a:cubicBezTo>
                  <a:pt x="200" y="200"/>
                  <a:pt x="200" y="200"/>
                  <a:pt x="200" y="200"/>
                </a:cubicBezTo>
                <a:cubicBezTo>
                  <a:pt x="188" y="200"/>
                  <a:pt x="188" y="200"/>
                  <a:pt x="188" y="200"/>
                </a:cubicBezTo>
                <a:cubicBezTo>
                  <a:pt x="188" y="140"/>
                  <a:pt x="188" y="140"/>
                  <a:pt x="188" y="140"/>
                </a:cubicBezTo>
                <a:cubicBezTo>
                  <a:pt x="188" y="138"/>
                  <a:pt x="186" y="136"/>
                  <a:pt x="184" y="136"/>
                </a:cubicBezTo>
                <a:cubicBezTo>
                  <a:pt x="182" y="136"/>
                  <a:pt x="180" y="138"/>
                  <a:pt x="180" y="140"/>
                </a:cubicBezTo>
                <a:cubicBezTo>
                  <a:pt x="180" y="200"/>
                  <a:pt x="180" y="200"/>
                  <a:pt x="180" y="200"/>
                </a:cubicBezTo>
                <a:cubicBezTo>
                  <a:pt x="168" y="200"/>
                  <a:pt x="168" y="200"/>
                  <a:pt x="168" y="200"/>
                </a:cubicBezTo>
                <a:cubicBezTo>
                  <a:pt x="168" y="100"/>
                  <a:pt x="168" y="100"/>
                  <a:pt x="168" y="100"/>
                </a:cubicBezTo>
                <a:cubicBezTo>
                  <a:pt x="168" y="98"/>
                  <a:pt x="166" y="96"/>
                  <a:pt x="164" y="96"/>
                </a:cubicBezTo>
                <a:cubicBezTo>
                  <a:pt x="162" y="96"/>
                  <a:pt x="160" y="98"/>
                  <a:pt x="160" y="100"/>
                </a:cubicBezTo>
                <a:cubicBezTo>
                  <a:pt x="160" y="143"/>
                  <a:pt x="160" y="143"/>
                  <a:pt x="160" y="143"/>
                </a:cubicBezTo>
                <a:cubicBezTo>
                  <a:pt x="155" y="142"/>
                  <a:pt x="152" y="137"/>
                  <a:pt x="152" y="132"/>
                </a:cubicBezTo>
                <a:cubicBezTo>
                  <a:pt x="152" y="92"/>
                  <a:pt x="152" y="92"/>
                  <a:pt x="152" y="92"/>
                </a:cubicBezTo>
                <a:cubicBezTo>
                  <a:pt x="152" y="88"/>
                  <a:pt x="155" y="84"/>
                  <a:pt x="159" y="82"/>
                </a:cubicBezTo>
                <a:cubicBezTo>
                  <a:pt x="167" y="80"/>
                  <a:pt x="167" y="80"/>
                  <a:pt x="167" y="80"/>
                </a:cubicBezTo>
                <a:cubicBezTo>
                  <a:pt x="181" y="95"/>
                  <a:pt x="181" y="95"/>
                  <a:pt x="181" y="95"/>
                </a:cubicBezTo>
                <a:cubicBezTo>
                  <a:pt x="182" y="96"/>
                  <a:pt x="183" y="96"/>
                  <a:pt x="184" y="96"/>
                </a:cubicBezTo>
                <a:cubicBezTo>
                  <a:pt x="185" y="96"/>
                  <a:pt x="186" y="96"/>
                  <a:pt x="187" y="95"/>
                </a:cubicBezTo>
                <a:cubicBezTo>
                  <a:pt x="201" y="80"/>
                  <a:pt x="201" y="80"/>
                  <a:pt x="201" y="80"/>
                </a:cubicBezTo>
                <a:cubicBezTo>
                  <a:pt x="209" y="82"/>
                  <a:pt x="209" y="82"/>
                  <a:pt x="209" y="82"/>
                </a:cubicBezTo>
                <a:cubicBezTo>
                  <a:pt x="213" y="84"/>
                  <a:pt x="216" y="88"/>
                  <a:pt x="216" y="92"/>
                </a:cubicBezTo>
                <a:cubicBezTo>
                  <a:pt x="216" y="132"/>
                  <a:pt x="216" y="132"/>
                  <a:pt x="216" y="132"/>
                </a:cubicBezTo>
                <a:cubicBezTo>
                  <a:pt x="216" y="137"/>
                  <a:pt x="213" y="142"/>
                  <a:pt x="208" y="143"/>
                </a:cubicBezTo>
                <a:close/>
                <a:moveTo>
                  <a:pt x="184" y="72"/>
                </a:moveTo>
                <a:cubicBezTo>
                  <a:pt x="195" y="72"/>
                  <a:pt x="204" y="63"/>
                  <a:pt x="204" y="52"/>
                </a:cubicBezTo>
                <a:cubicBezTo>
                  <a:pt x="204" y="41"/>
                  <a:pt x="195" y="32"/>
                  <a:pt x="184" y="32"/>
                </a:cubicBezTo>
                <a:cubicBezTo>
                  <a:pt x="173" y="32"/>
                  <a:pt x="164" y="41"/>
                  <a:pt x="164" y="52"/>
                </a:cubicBezTo>
                <a:cubicBezTo>
                  <a:pt x="164" y="63"/>
                  <a:pt x="173" y="72"/>
                  <a:pt x="184" y="72"/>
                </a:cubicBezTo>
                <a:close/>
                <a:moveTo>
                  <a:pt x="184" y="40"/>
                </a:moveTo>
                <a:cubicBezTo>
                  <a:pt x="191" y="40"/>
                  <a:pt x="196" y="45"/>
                  <a:pt x="196" y="52"/>
                </a:cubicBezTo>
                <a:cubicBezTo>
                  <a:pt x="196" y="59"/>
                  <a:pt x="191" y="64"/>
                  <a:pt x="184" y="64"/>
                </a:cubicBezTo>
                <a:cubicBezTo>
                  <a:pt x="177" y="64"/>
                  <a:pt x="172" y="59"/>
                  <a:pt x="172" y="52"/>
                </a:cubicBezTo>
                <a:cubicBezTo>
                  <a:pt x="172" y="45"/>
                  <a:pt x="177" y="40"/>
                  <a:pt x="184" y="40"/>
                </a:cubicBezTo>
                <a:close/>
              </a:path>
            </a:pathLst>
          </a:custGeom>
          <a:solidFill>
            <a:srgbClr val="EE2F66"/>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53" name="TextBox 52">
            <a:extLst>
              <a:ext uri="{FF2B5EF4-FFF2-40B4-BE49-F238E27FC236}">
                <a16:creationId xmlns:a16="http://schemas.microsoft.com/office/drawing/2014/main" id="{BC507879-7236-C52D-6FE7-DB4CFBC301B7}"/>
              </a:ext>
            </a:extLst>
          </p:cNvPr>
          <p:cNvSpPr txBox="1"/>
          <p:nvPr/>
        </p:nvSpPr>
        <p:spPr>
          <a:xfrm>
            <a:off x="9857248" y="3199743"/>
            <a:ext cx="1436160"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Mulig acceleration af konkrete initiativer hos myndighederne.</a:t>
            </a:r>
          </a:p>
        </p:txBody>
      </p:sp>
      <p:grpSp>
        <p:nvGrpSpPr>
          <p:cNvPr id="55" name="Group 54">
            <a:extLst>
              <a:ext uri="{FF2B5EF4-FFF2-40B4-BE49-F238E27FC236}">
                <a16:creationId xmlns:a16="http://schemas.microsoft.com/office/drawing/2014/main" id="{2C70108D-6475-A961-03CF-820C6F9442B5}"/>
              </a:ext>
              <a:ext uri="{C183D7F6-B498-43B3-948B-1728B52AA6E4}">
                <adec:decorative xmlns:adec="http://schemas.microsoft.com/office/drawing/2017/decorative" val="1"/>
              </a:ext>
            </a:extLst>
          </p:cNvPr>
          <p:cNvGrpSpPr/>
          <p:nvPr/>
        </p:nvGrpSpPr>
        <p:grpSpPr>
          <a:xfrm>
            <a:off x="9565600" y="3199743"/>
            <a:ext cx="218250" cy="210236"/>
            <a:chOff x="9564973" y="2233094"/>
            <a:chExt cx="218250" cy="210236"/>
          </a:xfrm>
        </p:grpSpPr>
        <p:sp>
          <p:nvSpPr>
            <p:cNvPr id="56" name="Oval 55">
              <a:extLst>
                <a:ext uri="{FF2B5EF4-FFF2-40B4-BE49-F238E27FC236}">
                  <a16:creationId xmlns:a16="http://schemas.microsoft.com/office/drawing/2014/main" id="{478BD560-BEE6-ED76-9CAA-5EC9AE40BEA4}"/>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7" name="Freeform 24">
              <a:extLst>
                <a:ext uri="{FF2B5EF4-FFF2-40B4-BE49-F238E27FC236}">
                  <a16:creationId xmlns:a16="http://schemas.microsoft.com/office/drawing/2014/main" id="{AEA23F6A-C08D-6F2D-A6F3-0D9C9DA30721}"/>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
        <p:nvSpPr>
          <p:cNvPr id="5" name="TextBox 4">
            <a:extLst>
              <a:ext uri="{FF2B5EF4-FFF2-40B4-BE49-F238E27FC236}">
                <a16:creationId xmlns:a16="http://schemas.microsoft.com/office/drawing/2014/main" id="{3A6EC043-D3E9-A794-8656-C1BABF377926}"/>
              </a:ext>
            </a:extLst>
          </p:cNvPr>
          <p:cNvSpPr txBox="1"/>
          <p:nvPr/>
        </p:nvSpPr>
        <p:spPr>
          <a:xfrm>
            <a:off x="7135196" y="4384984"/>
            <a:ext cx="4080640" cy="246221"/>
          </a:xfrm>
          <a:prstGeom prst="rect">
            <a:avLst/>
          </a:prstGeom>
          <a:noFill/>
        </p:spPr>
        <p:txBody>
          <a:bodyPr wrap="square">
            <a:spAutoFit/>
          </a:bodyPr>
          <a:lstStyle/>
          <a:p>
            <a:r>
              <a:rPr lang="da-DK" sz="1000" b="1" noProof="0"/>
              <a:t>Forudsætninger for effektiv implementering</a:t>
            </a:r>
            <a:endParaRPr lang="da-DK" sz="1000" noProof="0"/>
          </a:p>
        </p:txBody>
      </p:sp>
      <p:sp>
        <p:nvSpPr>
          <p:cNvPr id="74" name="Left Brace 73">
            <a:extLst>
              <a:ext uri="{FF2B5EF4-FFF2-40B4-BE49-F238E27FC236}">
                <a16:creationId xmlns:a16="http://schemas.microsoft.com/office/drawing/2014/main" id="{1BEDD161-DF7B-94F2-DA7C-919AA2667088}"/>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108" name="Rounded Rectangle 127">
            <a:extLst>
              <a:ext uri="{FF2B5EF4-FFF2-40B4-BE49-F238E27FC236}">
                <a16:creationId xmlns:a16="http://schemas.microsoft.com/office/drawing/2014/main" id="{076521C5-D476-B58D-F7E6-35B4F6EDFEF3}"/>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r>
              <a:rPr lang="da-DK" sz="1000" noProof="0" dirty="0">
                <a:solidFill>
                  <a:schemeClr val="tx1"/>
                </a:solidFill>
                <a:latin typeface="Arial" panose="020B0604020202020204" pitchFamily="34" charset="0"/>
              </a:rPr>
              <a:t>Afklaring af myndigheders strategiske ambition, fokus, egne kapabiliteter og aktuel situation samt finansieringsniveau.</a:t>
            </a:r>
          </a:p>
        </p:txBody>
      </p:sp>
      <p:grpSp>
        <p:nvGrpSpPr>
          <p:cNvPr id="109" name="Group 108">
            <a:extLst>
              <a:ext uri="{FF2B5EF4-FFF2-40B4-BE49-F238E27FC236}">
                <a16:creationId xmlns:a16="http://schemas.microsoft.com/office/drawing/2014/main" id="{112524B8-FA42-7AFA-E118-4694E9EBA45D}"/>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110" name="Oval 109">
              <a:extLst>
                <a:ext uri="{FF2B5EF4-FFF2-40B4-BE49-F238E27FC236}">
                  <a16:creationId xmlns:a16="http://schemas.microsoft.com/office/drawing/2014/main" id="{4711CCBD-8301-D712-6631-E5305CA77741}"/>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11" name="Oval 110">
              <a:extLst>
                <a:ext uri="{FF2B5EF4-FFF2-40B4-BE49-F238E27FC236}">
                  <a16:creationId xmlns:a16="http://schemas.microsoft.com/office/drawing/2014/main" id="{F2C17BAE-951A-495E-6A45-8D17BCEAC30C}"/>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13" name="Rounded Rectangle 127">
            <a:extLst>
              <a:ext uri="{FF2B5EF4-FFF2-40B4-BE49-F238E27FC236}">
                <a16:creationId xmlns:a16="http://schemas.microsoft.com/office/drawing/2014/main" id="{76C2BB3D-FBEB-BE36-A5AA-40345B00B734}"/>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Sikre kobling til eksisterende netværk og viden samt afsøge mulige partnerskaber med markedet og andre aktører. </a:t>
            </a:r>
          </a:p>
        </p:txBody>
      </p:sp>
      <p:grpSp>
        <p:nvGrpSpPr>
          <p:cNvPr id="114" name="Group 113">
            <a:extLst>
              <a:ext uri="{FF2B5EF4-FFF2-40B4-BE49-F238E27FC236}">
                <a16:creationId xmlns:a16="http://schemas.microsoft.com/office/drawing/2014/main" id="{130CFB42-01C7-1D32-C2C8-3C4734EA6B6A}"/>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115" name="Oval 114">
              <a:extLst>
                <a:ext uri="{FF2B5EF4-FFF2-40B4-BE49-F238E27FC236}">
                  <a16:creationId xmlns:a16="http://schemas.microsoft.com/office/drawing/2014/main" id="{520E69E8-6C46-944B-3606-A94374518AF5}"/>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16" name="Oval 115">
              <a:extLst>
                <a:ext uri="{FF2B5EF4-FFF2-40B4-BE49-F238E27FC236}">
                  <a16:creationId xmlns:a16="http://schemas.microsoft.com/office/drawing/2014/main" id="{AA902532-EF70-9B52-178A-E9DD383C7DE7}"/>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18" name="Rounded Rectangle 127">
            <a:extLst>
              <a:ext uri="{FF2B5EF4-FFF2-40B4-BE49-F238E27FC236}">
                <a16:creationId xmlns:a16="http://schemas.microsoft.com/office/drawing/2014/main" id="{FD1D8F8C-D0B6-002A-318C-A9AE6D675A37}"/>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dirty="0">
                <a:solidFill>
                  <a:schemeClr val="tx1"/>
                </a:solidFill>
                <a:latin typeface="Arial" panose="020B0604020202020204" pitchFamily="34" charset="0"/>
              </a:rPr>
              <a:t>Strategisk kobling til centrale beslutningstager samt forankring enten politisk eller i topledelsen. </a:t>
            </a:r>
          </a:p>
        </p:txBody>
      </p:sp>
      <p:grpSp>
        <p:nvGrpSpPr>
          <p:cNvPr id="119" name="Group 118">
            <a:extLst>
              <a:ext uri="{FF2B5EF4-FFF2-40B4-BE49-F238E27FC236}">
                <a16:creationId xmlns:a16="http://schemas.microsoft.com/office/drawing/2014/main" id="{1CF3CBD6-D899-0294-4C3B-B8D33F278EDC}"/>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120" name="Oval 119">
              <a:extLst>
                <a:ext uri="{FF2B5EF4-FFF2-40B4-BE49-F238E27FC236}">
                  <a16:creationId xmlns:a16="http://schemas.microsoft.com/office/drawing/2014/main" id="{E45CCE54-5DCF-04CE-F5F3-AA2659BB98F7}"/>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21" name="Oval 120">
              <a:extLst>
                <a:ext uri="{FF2B5EF4-FFF2-40B4-BE49-F238E27FC236}">
                  <a16:creationId xmlns:a16="http://schemas.microsoft.com/office/drawing/2014/main" id="{DB8DAFDC-4860-5B13-24AC-0DFF4D9247CA}"/>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Tree>
    <p:extLst>
      <p:ext uri="{BB962C8B-B14F-4D97-AF65-F5344CB8AC3E}">
        <p14:creationId xmlns:p14="http://schemas.microsoft.com/office/powerpoint/2010/main" val="31573787"/>
      </p:ext>
    </p:extLst>
  </p:cSld>
  <p:clrMapOvr>
    <a:masterClrMapping/>
  </p:clrMapOvr>
  <p:transition>
    <p:fade/>
  </p:transition>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860307-482C-0E72-7595-D8894D4AF818}"/>
            </a:ext>
          </a:extLst>
        </p:cNvPr>
        <p:cNvGrpSpPr/>
        <p:nvPr/>
      </p:nvGrpSpPr>
      <p:grpSpPr>
        <a:xfrm>
          <a:off x="0" y="0"/>
          <a:ext cx="0" cy="0"/>
          <a:chOff x="0" y="0"/>
          <a:chExt cx="0" cy="0"/>
        </a:xfrm>
      </p:grpSpPr>
      <p:sp>
        <p:nvSpPr>
          <p:cNvPr id="78" name="Rectangle: Rounded Corners 77">
            <a:extLst>
              <a:ext uri="{FF2B5EF4-FFF2-40B4-BE49-F238E27FC236}">
                <a16:creationId xmlns:a16="http://schemas.microsoft.com/office/drawing/2014/main" id="{15D481F8-0253-A225-FE32-5A83749FAE05}"/>
              </a:ext>
            </a:extLst>
          </p:cNvPr>
          <p:cNvSpPr/>
          <p:nvPr/>
        </p:nvSpPr>
        <p:spPr>
          <a:xfrm>
            <a:off x="4712" y="11734"/>
            <a:ext cx="8106016" cy="562990"/>
          </a:xfrm>
          <a:prstGeom prst="roundRect">
            <a:avLst>
              <a:gd name="adj" fmla="val 8637"/>
            </a:avLst>
          </a:prstGeom>
          <a:noFill/>
          <a:ln>
            <a:noFill/>
          </a:ln>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defRPr/>
            </a:pPr>
            <a:r>
              <a:rPr lang="da-DK" sz="1600" b="1" noProof="0" dirty="0">
                <a:solidFill>
                  <a:srgbClr val="EE2F66"/>
                </a:solidFill>
              </a:rPr>
              <a:t>Spor 3 | Organisation, finansiering og kompetencer</a:t>
            </a:r>
          </a:p>
        </p:txBody>
      </p:sp>
      <p:sp>
        <p:nvSpPr>
          <p:cNvPr id="8" name="Title 2">
            <a:extLst>
              <a:ext uri="{FF2B5EF4-FFF2-40B4-BE49-F238E27FC236}">
                <a16:creationId xmlns:a16="http://schemas.microsoft.com/office/drawing/2014/main" id="{4A872B23-2BB4-F72F-A791-C6543FF3D62F}"/>
              </a:ext>
            </a:extLst>
          </p:cNvPr>
          <p:cNvSpPr>
            <a:spLocks noGrp="1"/>
          </p:cNvSpPr>
          <p:nvPr>
            <p:ph type="title"/>
          </p:nvPr>
        </p:nvSpPr>
        <p:spPr>
          <a:xfrm>
            <a:off x="554355" y="512763"/>
            <a:ext cx="11088000" cy="792465"/>
          </a:xfrm>
        </p:spPr>
        <p:txBody>
          <a:bodyPr/>
          <a:lstStyle/>
          <a:p>
            <a:br>
              <a:rPr lang="da-DK" sz="2200" b="1" noProof="0" dirty="0">
                <a:solidFill>
                  <a:srgbClr val="2C8027"/>
                </a:solidFill>
              </a:rPr>
            </a:br>
            <a:r>
              <a:rPr lang="da-DK" sz="2200" b="1" noProof="0" dirty="0">
                <a:solidFill>
                  <a:srgbClr val="EE2F66"/>
                </a:solidFill>
              </a:rPr>
              <a:t>3.5 Nationalt center for digital suverænitet og innovation</a:t>
            </a:r>
          </a:p>
        </p:txBody>
      </p:sp>
      <p:sp>
        <p:nvSpPr>
          <p:cNvPr id="22" name="Rectangle: Rounded Corners 21">
            <a:extLst>
              <a:ext uri="{FF2B5EF4-FFF2-40B4-BE49-F238E27FC236}">
                <a16:creationId xmlns:a16="http://schemas.microsoft.com/office/drawing/2014/main" id="{62FF46C2-A585-BCB7-171F-0B2960F73EBA}"/>
              </a:ext>
              <a:ext uri="{C183D7F6-B498-43B3-948B-1728B52AA6E4}">
                <adec:decorative xmlns:adec="http://schemas.microsoft.com/office/drawing/2017/decorative" val="1"/>
              </a:ext>
            </a:extLst>
          </p:cNvPr>
          <p:cNvSpPr>
            <a:spLocks/>
          </p:cNvSpPr>
          <p:nvPr/>
        </p:nvSpPr>
        <p:spPr>
          <a:xfrm>
            <a:off x="7035523" y="1764045"/>
            <a:ext cx="4509828" cy="4608455"/>
          </a:xfrm>
          <a:prstGeom prst="roundRect">
            <a:avLst>
              <a:gd name="adj" fmla="val 2471"/>
            </a:avLst>
          </a:prstGeom>
          <a:solidFill>
            <a:srgbClr val="F3D3DC"/>
          </a:solidFill>
          <a:ln w="12700" cap="flat" cmpd="sng" algn="ctr">
            <a:solidFill>
              <a:srgbClr val="EE2F6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63" name="Rounded Rectangle 127">
            <a:extLst>
              <a:ext uri="{FF2B5EF4-FFF2-40B4-BE49-F238E27FC236}">
                <a16:creationId xmlns:a16="http://schemas.microsoft.com/office/drawing/2014/main" id="{6C56B4F2-8C4C-F942-77A6-418372B2497A}"/>
              </a:ext>
              <a:ext uri="{C183D7F6-B498-43B3-948B-1728B52AA6E4}">
                <adec:decorative xmlns:adec="http://schemas.microsoft.com/office/drawing/2017/decorative" val="1"/>
              </a:ext>
            </a:extLst>
          </p:cNvPr>
          <p:cNvSpPr/>
          <p:nvPr/>
        </p:nvSpPr>
        <p:spPr>
          <a:xfrm>
            <a:off x="7128531" y="1855616"/>
            <a:ext cx="4323812" cy="2116119"/>
          </a:xfrm>
          <a:prstGeom prst="roundRect">
            <a:avLst>
              <a:gd name="adj" fmla="val 3565"/>
            </a:avLst>
          </a:prstGeom>
          <a:solidFill>
            <a:schemeClr val="bg1"/>
          </a:solidFill>
          <a:ln w="12700">
            <a:no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1100" noProof="0">
              <a:solidFill>
                <a:srgbClr val="36465A"/>
              </a:solidFill>
            </a:endParaRPr>
          </a:p>
        </p:txBody>
      </p:sp>
      <p:sp>
        <p:nvSpPr>
          <p:cNvPr id="44" name="Rounded Rectangle 127">
            <a:extLst>
              <a:ext uri="{FF2B5EF4-FFF2-40B4-BE49-F238E27FC236}">
                <a16:creationId xmlns:a16="http://schemas.microsoft.com/office/drawing/2014/main" id="{9556A8C8-6FA2-C1AC-B319-0CE247AE42C1}"/>
              </a:ext>
            </a:extLst>
          </p:cNvPr>
          <p:cNvSpPr/>
          <p:nvPr/>
        </p:nvSpPr>
        <p:spPr>
          <a:xfrm>
            <a:off x="566629" y="1764045"/>
            <a:ext cx="6077214" cy="2353183"/>
          </a:xfrm>
          <a:prstGeom prst="roundRect">
            <a:avLst>
              <a:gd name="adj" fmla="val 6523"/>
            </a:avLst>
          </a:prstGeom>
          <a:no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000" b="1" noProof="0" dirty="0">
              <a:solidFill>
                <a:srgbClr val="2C8027"/>
              </a:solidFill>
            </a:endParaRPr>
          </a:p>
          <a:p>
            <a:pPr defTabSz="914400" eaLnBrk="0" fontAlgn="base" hangingPunct="0">
              <a:spcBef>
                <a:spcPct val="0"/>
              </a:spcBef>
              <a:spcAft>
                <a:spcPct val="0"/>
              </a:spcAft>
              <a:defRPr/>
            </a:pPr>
            <a:r>
              <a:rPr lang="da-DK" sz="1000" b="1" noProof="0" dirty="0">
                <a:solidFill>
                  <a:srgbClr val="00172D"/>
                </a:solidFill>
              </a:rPr>
              <a:t>Formål: </a:t>
            </a:r>
            <a:r>
              <a:rPr lang="da-DK" sz="1000" noProof="0" dirty="0">
                <a:solidFill>
                  <a:srgbClr val="00172D"/>
                </a:solidFill>
              </a:rPr>
              <a:t>Der etableres et nationalt center for digital suverænitet, som får til opgave at være drivkraft for at facilitere og udvikle strategiske nationale initiativer og prioriterede signaturprojekter. </a:t>
            </a:r>
          </a:p>
          <a:p>
            <a:pPr defTabSz="914400" eaLnBrk="0" fontAlgn="base" hangingPunct="0">
              <a:spcBef>
                <a:spcPts val="300"/>
              </a:spcBef>
              <a:spcAft>
                <a:spcPct val="0"/>
              </a:spcAft>
              <a:defRPr/>
            </a:pPr>
            <a:r>
              <a:rPr lang="da-DK" sz="1000" b="1" noProof="0" dirty="0">
                <a:solidFill>
                  <a:srgbClr val="00172D"/>
                </a:solidFill>
              </a:rPr>
              <a:t>Indhold: </a:t>
            </a:r>
            <a:r>
              <a:rPr lang="da-DK" sz="1000" noProof="0" dirty="0">
                <a:solidFill>
                  <a:srgbClr val="00172D"/>
                </a:solidFill>
              </a:rPr>
              <a:t>Centeret vil fx kunne gennemføre analyser, understøtte videndeling med myndigheder og øvrige strategiske aktører, udarbejde metoder og </a:t>
            </a:r>
            <a:r>
              <a:rPr lang="da-DK" sz="1000" noProof="0" dirty="0" err="1">
                <a:solidFill>
                  <a:srgbClr val="00172D"/>
                </a:solidFill>
              </a:rPr>
              <a:t>best</a:t>
            </a:r>
            <a:r>
              <a:rPr lang="da-DK" sz="1000" noProof="0" dirty="0">
                <a:solidFill>
                  <a:srgbClr val="00172D"/>
                </a:solidFill>
              </a:rPr>
              <a:t> practice. Centeret vil kunne bistå med rådgivning og praktisk bistand til myndighederne ifm. lokale analyser og migreringsprocesser til alternative teknologivalg. Endelig vil centeret kunne opbygge stærke kompetencer inden for OSS samt facilitere, igangsætte og evt. (produkt)udvikle digitalt suveræne alternativer (kan også fungere som et OSPO).</a:t>
            </a:r>
          </a:p>
          <a:p>
            <a:pPr defTabSz="914400" eaLnBrk="0" fontAlgn="base" hangingPunct="0">
              <a:spcBef>
                <a:spcPts val="300"/>
              </a:spcBef>
              <a:spcAft>
                <a:spcPct val="0"/>
              </a:spcAft>
              <a:defRPr/>
            </a:pPr>
            <a:r>
              <a:rPr lang="da-DK" sz="1000" noProof="0" dirty="0">
                <a:solidFill>
                  <a:srgbClr val="00172D"/>
                </a:solidFill>
              </a:rPr>
              <a:t>Mere konkret kan centeret udvikle analyseværktøjer til risikovurdering, suverænitetspakke til offentlige it-indkøb og samarbejde med SKI om krav til digital suverænitet. Centeret kan understøtte og evt. tage reelt ansvar for udvikling af suveræne alternativer (fx AI-platform, suveræne clouds og hosting-services, digital arbejdsplads, bruger- og rettighedsstyring, sagsbehandling, skole-PC mv.). </a:t>
            </a:r>
            <a:r>
              <a:rPr lang="da-DK" sz="1000" noProof="0" dirty="0">
                <a:solidFill>
                  <a:schemeClr val="tx1"/>
                </a:solidFill>
                <a:latin typeface="Arial" panose="020B0604020202020204" pitchFamily="34" charset="0"/>
              </a:rPr>
              <a:t>Organisationsform, mandat, kapabiliteter og </a:t>
            </a:r>
            <a:r>
              <a:rPr lang="da-DK" sz="1000" noProof="0" dirty="0" err="1">
                <a:solidFill>
                  <a:schemeClr val="tx1"/>
                </a:solidFill>
                <a:latin typeface="Arial" panose="020B0604020202020204" pitchFamily="34" charset="0"/>
              </a:rPr>
              <a:t>governance</a:t>
            </a:r>
            <a:r>
              <a:rPr lang="da-DK" sz="1000" noProof="0" dirty="0">
                <a:solidFill>
                  <a:schemeClr val="tx1"/>
                </a:solidFill>
                <a:latin typeface="Arial" panose="020B0604020202020204" pitchFamily="34" charset="0"/>
              </a:rPr>
              <a:t> vil nærmere skulle afklares.</a:t>
            </a:r>
            <a:r>
              <a:rPr lang="da-DK" sz="1000" noProof="0" dirty="0">
                <a:solidFill>
                  <a:srgbClr val="00172D"/>
                </a:solidFill>
              </a:rPr>
              <a:t>  </a:t>
            </a:r>
          </a:p>
          <a:p>
            <a:pPr>
              <a:spcBef>
                <a:spcPts val="300"/>
              </a:spcBef>
            </a:pPr>
            <a:r>
              <a:rPr lang="da-DK" sz="1000" b="1" noProof="0" dirty="0">
                <a:solidFill>
                  <a:schemeClr val="tx1"/>
                </a:solidFill>
              </a:rPr>
              <a:t>Erfaringsgrundlag</a:t>
            </a:r>
            <a:r>
              <a:rPr lang="da-DK" sz="1000" b="1" noProof="0" dirty="0">
                <a:solidFill>
                  <a:srgbClr val="00172D"/>
                </a:solidFill>
              </a:rPr>
              <a:t>: </a:t>
            </a:r>
            <a:r>
              <a:rPr lang="da-DK" sz="1000" noProof="0" dirty="0">
                <a:solidFill>
                  <a:srgbClr val="00172D"/>
                </a:solidFill>
              </a:rPr>
              <a:t>Frankrig (ISN - Institut de la </a:t>
            </a:r>
            <a:r>
              <a:rPr lang="da-DK" sz="1000" noProof="0" dirty="0" err="1">
                <a:solidFill>
                  <a:srgbClr val="00172D"/>
                </a:solidFill>
              </a:rPr>
              <a:t>Souveraineté</a:t>
            </a:r>
            <a:r>
              <a:rPr lang="da-DK" sz="1000" noProof="0" dirty="0">
                <a:solidFill>
                  <a:srgbClr val="00172D"/>
                </a:solidFill>
              </a:rPr>
              <a:t> </a:t>
            </a:r>
            <a:r>
              <a:rPr lang="da-DK" sz="1000" noProof="0" dirty="0" err="1">
                <a:solidFill>
                  <a:srgbClr val="00172D"/>
                </a:solidFill>
              </a:rPr>
              <a:t>Numérique</a:t>
            </a:r>
            <a:r>
              <a:rPr lang="da-DK" sz="1000" noProof="0" dirty="0">
                <a:solidFill>
                  <a:srgbClr val="00172D"/>
                </a:solidFill>
              </a:rPr>
              <a:t>), Tyskland (</a:t>
            </a:r>
            <a:r>
              <a:rPr lang="da-DK" sz="1000" noProof="0" dirty="0" err="1">
                <a:solidFill>
                  <a:srgbClr val="00172D"/>
                </a:solidFill>
              </a:rPr>
              <a:t>ZenDis</a:t>
            </a:r>
            <a:r>
              <a:rPr lang="da-DK" sz="1000" noProof="0" dirty="0">
                <a:solidFill>
                  <a:srgbClr val="00172D"/>
                </a:solidFill>
              </a:rPr>
              <a:t>).</a:t>
            </a:r>
          </a:p>
        </p:txBody>
      </p:sp>
      <p:sp>
        <p:nvSpPr>
          <p:cNvPr id="45" name="Rounded Rectangle 127">
            <a:extLst>
              <a:ext uri="{FF2B5EF4-FFF2-40B4-BE49-F238E27FC236}">
                <a16:creationId xmlns:a16="http://schemas.microsoft.com/office/drawing/2014/main" id="{C78A9B41-BB06-4632-7F49-24179D30E915}"/>
              </a:ext>
              <a:ext uri="{C183D7F6-B498-43B3-948B-1728B52AA6E4}">
                <adec:decorative xmlns:adec="http://schemas.microsoft.com/office/drawing/2017/decorative" val="1"/>
              </a:ext>
            </a:extLst>
          </p:cNvPr>
          <p:cNvSpPr/>
          <p:nvPr/>
        </p:nvSpPr>
        <p:spPr>
          <a:xfrm>
            <a:off x="649824" y="1633666"/>
            <a:ext cx="3263487" cy="305809"/>
          </a:xfrm>
          <a:prstGeom prst="roundRect">
            <a:avLst/>
          </a:prstGeom>
          <a:solidFill>
            <a:srgbClr val="F3D3DC"/>
          </a:solid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BF0038"/>
                </a:solidFill>
              </a:rPr>
              <a:t>Formål og indhold</a:t>
            </a:r>
          </a:p>
        </p:txBody>
      </p:sp>
      <p:sp>
        <p:nvSpPr>
          <p:cNvPr id="65" name="Rounded Rectangle 127">
            <a:extLst>
              <a:ext uri="{FF2B5EF4-FFF2-40B4-BE49-F238E27FC236}">
                <a16:creationId xmlns:a16="http://schemas.microsoft.com/office/drawing/2014/main" id="{BDFE9B01-5F8D-2415-FF07-126F7C9031A0}"/>
              </a:ext>
              <a:ext uri="{C183D7F6-B498-43B3-948B-1728B52AA6E4}">
                <adec:decorative xmlns:adec="http://schemas.microsoft.com/office/drawing/2017/decorative" val="1"/>
              </a:ext>
            </a:extLst>
          </p:cNvPr>
          <p:cNvSpPr/>
          <p:nvPr/>
        </p:nvSpPr>
        <p:spPr>
          <a:xfrm>
            <a:off x="566628" y="4292153"/>
            <a:ext cx="6077214" cy="2084918"/>
          </a:xfrm>
          <a:prstGeom prst="roundRect">
            <a:avLst>
              <a:gd name="adj" fmla="val 6523"/>
            </a:avLst>
          </a:prstGeom>
          <a:no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da-DK" sz="1100" noProof="0">
              <a:solidFill>
                <a:schemeClr val="tx1"/>
              </a:solidFill>
            </a:endParaRPr>
          </a:p>
        </p:txBody>
      </p:sp>
      <p:sp>
        <p:nvSpPr>
          <p:cNvPr id="84" name="Rounded Rectangle 127">
            <a:extLst>
              <a:ext uri="{FF2B5EF4-FFF2-40B4-BE49-F238E27FC236}">
                <a16:creationId xmlns:a16="http://schemas.microsoft.com/office/drawing/2014/main" id="{CDD3AFDE-2004-62F1-ACEE-4623719319F9}"/>
              </a:ext>
              <a:ext uri="{C183D7F6-B498-43B3-948B-1728B52AA6E4}">
                <adec:decorative xmlns:adec="http://schemas.microsoft.com/office/drawing/2017/decorative" val="1"/>
              </a:ext>
            </a:extLst>
          </p:cNvPr>
          <p:cNvSpPr/>
          <p:nvPr/>
        </p:nvSpPr>
        <p:spPr>
          <a:xfrm>
            <a:off x="651628" y="4180093"/>
            <a:ext cx="3263487" cy="305809"/>
          </a:xfrm>
          <a:prstGeom prst="roundRect">
            <a:avLst/>
          </a:prstGeom>
          <a:solidFill>
            <a:srgbClr val="F3D3DC"/>
          </a:solidFill>
          <a:ln w="12700">
            <a:solidFill>
              <a:srgbClr val="EE2F66"/>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1100" b="1" noProof="0">
                <a:solidFill>
                  <a:srgbClr val="BF0038"/>
                </a:solidFill>
              </a:rPr>
              <a:t>Vurdering</a:t>
            </a:r>
          </a:p>
        </p:txBody>
      </p:sp>
      <p:sp>
        <p:nvSpPr>
          <p:cNvPr id="64" name="Rectangle: Top Corners Rounded 63">
            <a:extLst>
              <a:ext uri="{FF2B5EF4-FFF2-40B4-BE49-F238E27FC236}">
                <a16:creationId xmlns:a16="http://schemas.microsoft.com/office/drawing/2014/main" id="{E9BB1A30-49E8-AC97-8519-78D1AF56EEF1}"/>
              </a:ext>
              <a:ext uri="{C183D7F6-B498-43B3-948B-1728B52AA6E4}">
                <adec:decorative xmlns:adec="http://schemas.microsoft.com/office/drawing/2017/decorative" val="1"/>
              </a:ext>
            </a:extLst>
          </p:cNvPr>
          <p:cNvSpPr/>
          <p:nvPr/>
        </p:nvSpPr>
        <p:spPr>
          <a:xfrm rot="16200000">
            <a:off x="11525743" y="29739"/>
            <a:ext cx="570961" cy="767903"/>
          </a:xfrm>
          <a:prstGeom prst="round2SameRect">
            <a:avLst/>
          </a:prstGeom>
          <a:solidFill>
            <a:srgbClr val="F3D3D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33" name="TextBox 132">
            <a:extLst>
              <a:ext uri="{FF2B5EF4-FFF2-40B4-BE49-F238E27FC236}">
                <a16:creationId xmlns:a16="http://schemas.microsoft.com/office/drawing/2014/main" id="{C01E7BE4-771C-33DE-A5B6-6834F6F6F068}"/>
              </a:ext>
            </a:extLst>
          </p:cNvPr>
          <p:cNvSpPr txBox="1"/>
          <p:nvPr/>
        </p:nvSpPr>
        <p:spPr>
          <a:xfrm>
            <a:off x="612348" y="5253913"/>
            <a:ext cx="3721145" cy="1092607"/>
          </a:xfrm>
          <a:prstGeom prst="rect">
            <a:avLst/>
          </a:prstGeom>
          <a:noFill/>
        </p:spPr>
        <p:txBody>
          <a:bodyPr wrap="square">
            <a:spAutoFit/>
          </a:bodyPr>
          <a:lstStyle/>
          <a:p>
            <a:r>
              <a:rPr lang="da-DK" sz="1000" b="1" noProof="0" dirty="0">
                <a:solidFill>
                  <a:srgbClr val="00172D"/>
                </a:solidFill>
              </a:rPr>
              <a:t>Niveau: </a:t>
            </a:r>
            <a:r>
              <a:rPr lang="da-DK" sz="1000" noProof="0" dirty="0">
                <a:solidFill>
                  <a:srgbClr val="00172D"/>
                </a:solidFill>
              </a:rPr>
              <a:t>Fællesoffentlig/national</a:t>
            </a:r>
            <a:r>
              <a:rPr lang="da-DK" sz="1000" noProof="0" dirty="0">
                <a:solidFill>
                  <a:srgbClr val="00172D"/>
                </a:solidFill>
                <a:latin typeface="Arial" panose="020B0604020202020204" pitchFamily="34" charset="0"/>
              </a:rPr>
              <a:t>.</a:t>
            </a:r>
            <a:endParaRPr lang="da-DK" sz="1000" b="1" noProof="0" dirty="0">
              <a:latin typeface="Arial" panose="020B0604020202020204" pitchFamily="34" charset="0"/>
            </a:endParaRPr>
          </a:p>
          <a:p>
            <a:pPr>
              <a:spcBef>
                <a:spcPts val="300"/>
              </a:spcBef>
            </a:pPr>
            <a:r>
              <a:rPr lang="da-DK" sz="1000" b="1" noProof="0" dirty="0">
                <a:latin typeface="Arial" panose="020B0604020202020204" pitchFamily="34" charset="0"/>
              </a:rPr>
              <a:t>Tidshorisont: </a:t>
            </a:r>
            <a:r>
              <a:rPr lang="da-DK" sz="1000" noProof="0" dirty="0">
                <a:latin typeface="Arial" panose="020B0604020202020204" pitchFamily="34" charset="0"/>
              </a:rPr>
              <a:t>Kan gennemføres på &lt;18 måneder.</a:t>
            </a:r>
          </a:p>
          <a:p>
            <a:pPr>
              <a:spcBef>
                <a:spcPts val="300"/>
              </a:spcBef>
            </a:pPr>
            <a:r>
              <a:rPr lang="da-DK" sz="1000" b="1" noProof="0" dirty="0">
                <a:latin typeface="Arial" panose="020B0604020202020204" pitchFamily="34" charset="0"/>
              </a:rPr>
              <a:t>Afhængigheder: </a:t>
            </a:r>
            <a:r>
              <a:rPr lang="da-DK" sz="1000" noProof="0" dirty="0">
                <a:latin typeface="Arial" panose="020B0604020202020204" pitchFamily="34" charset="0"/>
              </a:rPr>
              <a:t>Kan fungere som katalysator for flere indsatsforslag, herunder især indsatser om risikovurdering (1.1), </a:t>
            </a:r>
            <a:r>
              <a:rPr lang="da-DK" sz="1000" noProof="0" dirty="0" err="1">
                <a:latin typeface="Arial" panose="020B0604020202020204" pitchFamily="34" charset="0"/>
              </a:rPr>
              <a:t>kravstillelse</a:t>
            </a:r>
            <a:r>
              <a:rPr lang="da-DK" sz="1000" noProof="0" dirty="0">
                <a:latin typeface="Arial" panose="020B0604020202020204" pitchFamily="34" charset="0"/>
              </a:rPr>
              <a:t> (2.3 og 2.4) samt vidensgrundlag (3.1), alliancer (3.2) og incitamenter (3.3).</a:t>
            </a:r>
          </a:p>
        </p:txBody>
      </p:sp>
      <p:grpSp>
        <p:nvGrpSpPr>
          <p:cNvPr id="9" name="Group 8" descr="Samlet kompleksitetsvurdering, 9 ud af 10">
            <a:extLst>
              <a:ext uri="{FF2B5EF4-FFF2-40B4-BE49-F238E27FC236}">
                <a16:creationId xmlns:a16="http://schemas.microsoft.com/office/drawing/2014/main" id="{10A22003-FC14-11FB-52CC-799DAE1E7BEA}"/>
              </a:ext>
            </a:extLst>
          </p:cNvPr>
          <p:cNvGrpSpPr/>
          <p:nvPr/>
        </p:nvGrpSpPr>
        <p:grpSpPr>
          <a:xfrm>
            <a:off x="649827" y="4555473"/>
            <a:ext cx="3279437" cy="592559"/>
            <a:chOff x="1383756" y="4555473"/>
            <a:chExt cx="3279437" cy="592559"/>
          </a:xfrm>
        </p:grpSpPr>
        <p:sp>
          <p:nvSpPr>
            <p:cNvPr id="10" name="TextBox 9">
              <a:extLst>
                <a:ext uri="{FF2B5EF4-FFF2-40B4-BE49-F238E27FC236}">
                  <a16:creationId xmlns:a16="http://schemas.microsoft.com/office/drawing/2014/main" id="{EB90FEFB-DAD0-926D-CFC2-F5D1BAB24F58}"/>
                </a:ext>
              </a:extLst>
            </p:cNvPr>
            <p:cNvSpPr txBox="1"/>
            <p:nvPr/>
          </p:nvSpPr>
          <p:spPr>
            <a:xfrm>
              <a:off x="2431748" y="4555473"/>
              <a:ext cx="1191621" cy="261610"/>
            </a:xfrm>
            <a:prstGeom prst="rect">
              <a:avLst/>
            </a:prstGeom>
            <a:noFill/>
          </p:spPr>
          <p:txBody>
            <a:bodyPr wrap="square">
              <a:spAutoFit/>
            </a:bodyPr>
            <a:lstStyle/>
            <a:p>
              <a:pPr algn="ctr"/>
              <a:r>
                <a:rPr lang="da-DK" sz="1100" b="1" noProof="0"/>
                <a:t>Kompleksitet</a:t>
              </a:r>
            </a:p>
          </p:txBody>
        </p:sp>
        <p:grpSp>
          <p:nvGrpSpPr>
            <p:cNvPr id="11" name="Group 10">
              <a:extLst>
                <a:ext uri="{FF2B5EF4-FFF2-40B4-BE49-F238E27FC236}">
                  <a16:creationId xmlns:a16="http://schemas.microsoft.com/office/drawing/2014/main" id="{7F50C22C-F7CB-524C-78C3-62A7E43921E6}"/>
                </a:ext>
              </a:extLst>
            </p:cNvPr>
            <p:cNvGrpSpPr>
              <a:grpSpLocks noChangeAspect="1"/>
            </p:cNvGrpSpPr>
            <p:nvPr/>
          </p:nvGrpSpPr>
          <p:grpSpPr>
            <a:xfrm>
              <a:off x="1383756" y="4900479"/>
              <a:ext cx="3279437" cy="247553"/>
              <a:chOff x="-110431" y="4916533"/>
              <a:chExt cx="2858416" cy="215770"/>
            </a:xfrm>
          </p:grpSpPr>
          <p:grpSp>
            <p:nvGrpSpPr>
              <p:cNvPr id="12" name="Group 11">
                <a:extLst>
                  <a:ext uri="{FF2B5EF4-FFF2-40B4-BE49-F238E27FC236}">
                    <a16:creationId xmlns:a16="http://schemas.microsoft.com/office/drawing/2014/main" id="{FAA424EB-CF8F-EC75-DE7B-FABF9C690FC9}"/>
                  </a:ext>
                </a:extLst>
              </p:cNvPr>
              <p:cNvGrpSpPr/>
              <p:nvPr/>
            </p:nvGrpSpPr>
            <p:grpSpPr>
              <a:xfrm>
                <a:off x="-110431" y="4916533"/>
                <a:ext cx="2858416" cy="180194"/>
                <a:chOff x="4280723" y="3040512"/>
                <a:chExt cx="3161620" cy="171957"/>
              </a:xfrm>
            </p:grpSpPr>
            <p:grpSp>
              <p:nvGrpSpPr>
                <p:cNvPr id="15" name="Group 14">
                  <a:extLst>
                    <a:ext uri="{FF2B5EF4-FFF2-40B4-BE49-F238E27FC236}">
                      <a16:creationId xmlns:a16="http://schemas.microsoft.com/office/drawing/2014/main" id="{2DA8B050-02AA-11F4-CCAE-3F7EFF624177}"/>
                    </a:ext>
                  </a:extLst>
                </p:cNvPr>
                <p:cNvGrpSpPr/>
                <p:nvPr/>
              </p:nvGrpSpPr>
              <p:grpSpPr>
                <a:xfrm>
                  <a:off x="4383394" y="3153610"/>
                  <a:ext cx="2961649" cy="45719"/>
                  <a:chOff x="4383394" y="3153610"/>
                  <a:chExt cx="2961649" cy="45719"/>
                </a:xfrm>
              </p:grpSpPr>
              <p:cxnSp>
                <p:nvCxnSpPr>
                  <p:cNvPr id="19" name="Straight Connector 18">
                    <a:extLst>
                      <a:ext uri="{FF2B5EF4-FFF2-40B4-BE49-F238E27FC236}">
                        <a16:creationId xmlns:a16="http://schemas.microsoft.com/office/drawing/2014/main" id="{F45EEFF7-7020-9E6B-6E07-4E33FB846742}"/>
                      </a:ext>
                    </a:extLst>
                  </p:cNvPr>
                  <p:cNvCxnSpPr>
                    <a:cxnSpLocks/>
                  </p:cNvCxnSpPr>
                  <p:nvPr/>
                </p:nvCxnSpPr>
                <p:spPr>
                  <a:xfrm>
                    <a:off x="4399606" y="3176470"/>
                    <a:ext cx="2931735" cy="0"/>
                  </a:xfrm>
                  <a:prstGeom prst="line">
                    <a:avLst/>
                  </a:prstGeom>
                  <a:ln w="12700">
                    <a:solidFill>
                      <a:srgbClr val="FFBECF"/>
                    </a:solidFill>
                  </a:ln>
                </p:spPr>
                <p:style>
                  <a:lnRef idx="1">
                    <a:schemeClr val="accent1"/>
                  </a:lnRef>
                  <a:fillRef idx="0">
                    <a:schemeClr val="accent1"/>
                  </a:fillRef>
                  <a:effectRef idx="0">
                    <a:schemeClr val="accent1"/>
                  </a:effectRef>
                  <a:fontRef idx="minor">
                    <a:schemeClr val="tx1"/>
                  </a:fontRef>
                </p:style>
              </p:cxnSp>
              <p:sp>
                <p:nvSpPr>
                  <p:cNvPr id="35" name="Oval 34">
                    <a:extLst>
                      <a:ext uri="{FF2B5EF4-FFF2-40B4-BE49-F238E27FC236}">
                        <a16:creationId xmlns:a16="http://schemas.microsoft.com/office/drawing/2014/main" id="{B569DE4E-29A9-6BBE-E358-B2AFD6C319D9}"/>
                      </a:ext>
                    </a:extLst>
                  </p:cNvPr>
                  <p:cNvSpPr/>
                  <p:nvPr/>
                </p:nvSpPr>
                <p:spPr>
                  <a:xfrm>
                    <a:off x="438339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37" name="Oval 36">
                    <a:extLst>
                      <a:ext uri="{FF2B5EF4-FFF2-40B4-BE49-F238E27FC236}">
                        <a16:creationId xmlns:a16="http://schemas.microsoft.com/office/drawing/2014/main" id="{6CBF6A63-DD54-3239-AD57-16E290CF2558}"/>
                      </a:ext>
                    </a:extLst>
                  </p:cNvPr>
                  <p:cNvSpPr/>
                  <p:nvPr/>
                </p:nvSpPr>
                <p:spPr>
                  <a:xfrm>
                    <a:off x="7293279"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6" name="Straight Connector 15">
                  <a:extLst>
                    <a:ext uri="{FF2B5EF4-FFF2-40B4-BE49-F238E27FC236}">
                      <a16:creationId xmlns:a16="http://schemas.microsoft.com/office/drawing/2014/main" id="{5939DD8E-CE74-B2CF-25EA-B91DB03E6C8F}"/>
                    </a:ext>
                  </a:extLst>
                </p:cNvPr>
                <p:cNvCxnSpPr>
                  <a:cxnSpLocks/>
                </p:cNvCxnSpPr>
                <p:nvPr/>
              </p:nvCxnSpPr>
              <p:spPr>
                <a:xfrm>
                  <a:off x="5865473"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B4D9F03C-24CE-EA7A-DB89-27A0B46274A9}"/>
                    </a:ext>
                  </a:extLst>
                </p:cNvPr>
                <p:cNvSpPr txBox="1"/>
                <p:nvPr/>
              </p:nvSpPr>
              <p:spPr>
                <a:xfrm>
                  <a:off x="4280723"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av</a:t>
                  </a:r>
                </a:p>
              </p:txBody>
            </p:sp>
            <p:sp>
              <p:nvSpPr>
                <p:cNvPr id="18" name="TextBox 17">
                  <a:extLst>
                    <a:ext uri="{FF2B5EF4-FFF2-40B4-BE49-F238E27FC236}">
                      <a16:creationId xmlns:a16="http://schemas.microsoft.com/office/drawing/2014/main" id="{D5FE142F-18E9-EBCF-5356-7667EA7070D7}"/>
                    </a:ext>
                  </a:extLst>
                </p:cNvPr>
                <p:cNvSpPr txBox="1"/>
                <p:nvPr/>
              </p:nvSpPr>
              <p:spPr>
                <a:xfrm>
                  <a:off x="7189932"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Høj</a:t>
                  </a:r>
                </a:p>
              </p:txBody>
            </p:sp>
          </p:grpSp>
          <p:sp>
            <p:nvSpPr>
              <p:cNvPr id="13" name="Oval 12">
                <a:extLst>
                  <a:ext uri="{FF2B5EF4-FFF2-40B4-BE49-F238E27FC236}">
                    <a16:creationId xmlns:a16="http://schemas.microsoft.com/office/drawing/2014/main" id="{240E421E-0EEF-3BD1-79ED-67289997D067}"/>
                  </a:ext>
                </a:extLst>
              </p:cNvPr>
              <p:cNvSpPr/>
              <p:nvPr/>
            </p:nvSpPr>
            <p:spPr>
              <a:xfrm>
                <a:off x="2409104" y="4988303"/>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grpSp>
      <p:grpSp>
        <p:nvGrpSpPr>
          <p:cNvPr id="79" name="Group 78" descr="Vurdering af teknisk kompleksitet, 9 ud af 10">
            <a:extLst>
              <a:ext uri="{FF2B5EF4-FFF2-40B4-BE49-F238E27FC236}">
                <a16:creationId xmlns:a16="http://schemas.microsoft.com/office/drawing/2014/main" id="{62B6AF6F-520A-7836-C1B2-D16B10B40351}"/>
              </a:ext>
            </a:extLst>
          </p:cNvPr>
          <p:cNvGrpSpPr/>
          <p:nvPr/>
        </p:nvGrpSpPr>
        <p:grpSpPr>
          <a:xfrm>
            <a:off x="4755592" y="4883930"/>
            <a:ext cx="1707066" cy="248033"/>
            <a:chOff x="860772" y="4916533"/>
            <a:chExt cx="1487909" cy="216189"/>
          </a:xfrm>
        </p:grpSpPr>
        <p:grpSp>
          <p:nvGrpSpPr>
            <p:cNvPr id="80" name="Group 79">
              <a:extLst>
                <a:ext uri="{FF2B5EF4-FFF2-40B4-BE49-F238E27FC236}">
                  <a16:creationId xmlns:a16="http://schemas.microsoft.com/office/drawing/2014/main" id="{5067690F-B760-39F6-E3C5-68131852EA6C}"/>
                </a:ext>
              </a:extLst>
            </p:cNvPr>
            <p:cNvGrpSpPr/>
            <p:nvPr/>
          </p:nvGrpSpPr>
          <p:grpSpPr>
            <a:xfrm>
              <a:off x="860772" y="4916533"/>
              <a:ext cx="1487909" cy="180194"/>
              <a:chOff x="5354949" y="3040512"/>
              <a:chExt cx="1645739" cy="171957"/>
            </a:xfrm>
          </p:grpSpPr>
          <p:grpSp>
            <p:nvGrpSpPr>
              <p:cNvPr id="82" name="Group 81">
                <a:extLst>
                  <a:ext uri="{FF2B5EF4-FFF2-40B4-BE49-F238E27FC236}">
                    <a16:creationId xmlns:a16="http://schemas.microsoft.com/office/drawing/2014/main" id="{A28419E0-1780-28C9-9F0E-6082BA4F5055}"/>
                  </a:ext>
                </a:extLst>
              </p:cNvPr>
              <p:cNvGrpSpPr/>
              <p:nvPr/>
            </p:nvGrpSpPr>
            <p:grpSpPr>
              <a:xfrm>
                <a:off x="5458296" y="3153610"/>
                <a:ext cx="1445092" cy="45719"/>
                <a:chOff x="5458296" y="3153610"/>
                <a:chExt cx="1445092" cy="45719"/>
              </a:xfrm>
            </p:grpSpPr>
            <p:cxnSp>
              <p:nvCxnSpPr>
                <p:cNvPr id="87" name="Straight Connector 86">
                  <a:extLst>
                    <a:ext uri="{FF2B5EF4-FFF2-40B4-BE49-F238E27FC236}">
                      <a16:creationId xmlns:a16="http://schemas.microsoft.com/office/drawing/2014/main" id="{DEC01CBB-823E-2E70-E01D-A7689A04DCC8}"/>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8" name="Oval 87">
                  <a:extLst>
                    <a:ext uri="{FF2B5EF4-FFF2-40B4-BE49-F238E27FC236}">
                      <a16:creationId xmlns:a16="http://schemas.microsoft.com/office/drawing/2014/main" id="{DB907A17-0C2C-BB27-2051-339844265F94}"/>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89" name="Oval 88">
                  <a:extLst>
                    <a:ext uri="{FF2B5EF4-FFF2-40B4-BE49-F238E27FC236}">
                      <a16:creationId xmlns:a16="http://schemas.microsoft.com/office/drawing/2014/main" id="{D0EB3B1A-C2A3-ECC4-9633-F774AAAD14A1}"/>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83" name="Straight Connector 82">
                <a:extLst>
                  <a:ext uri="{FF2B5EF4-FFF2-40B4-BE49-F238E27FC236}">
                    <a16:creationId xmlns:a16="http://schemas.microsoft.com/office/drawing/2014/main" id="{282D25D8-3059-BDD2-4AD7-36EB1F681F49}"/>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85" name="TextBox 84">
                <a:extLst>
                  <a:ext uri="{FF2B5EF4-FFF2-40B4-BE49-F238E27FC236}">
                    <a16:creationId xmlns:a16="http://schemas.microsoft.com/office/drawing/2014/main" id="{F8C0F28F-C582-9E4D-4D1E-5530B7FD2980}"/>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86" name="TextBox 85">
                <a:extLst>
                  <a:ext uri="{FF2B5EF4-FFF2-40B4-BE49-F238E27FC236}">
                    <a16:creationId xmlns:a16="http://schemas.microsoft.com/office/drawing/2014/main" id="{A3EC7946-2D28-3352-4480-00292BC86FD5}"/>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81" name="Oval 80">
              <a:extLst>
                <a:ext uri="{FF2B5EF4-FFF2-40B4-BE49-F238E27FC236}">
                  <a16:creationId xmlns:a16="http://schemas.microsoft.com/office/drawing/2014/main" id="{C767AF1C-C8E5-DEE3-7CBA-9ABC2D04AA2B}"/>
                </a:ext>
              </a:extLst>
            </p:cNvPr>
            <p:cNvSpPr/>
            <p:nvPr/>
          </p:nvSpPr>
          <p:spPr>
            <a:xfrm>
              <a:off x="1972338"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900" b="1" noProof="0">
                <a:latin typeface="Arial" panose="020B0604020202020204" pitchFamily="34" charset="0"/>
                <a:cs typeface="Arial" panose="020B0604020202020204" pitchFamily="34" charset="0"/>
              </a:endParaRPr>
            </a:p>
          </p:txBody>
        </p:sp>
      </p:grpSp>
      <p:sp>
        <p:nvSpPr>
          <p:cNvPr id="90" name="TextBox 89">
            <a:extLst>
              <a:ext uri="{FF2B5EF4-FFF2-40B4-BE49-F238E27FC236}">
                <a16:creationId xmlns:a16="http://schemas.microsoft.com/office/drawing/2014/main" id="{860018CC-02CB-844E-1896-EE8A68801AB7}"/>
              </a:ext>
              <a:ext uri="{C183D7F6-B498-43B3-948B-1728B52AA6E4}">
                <adec:decorative xmlns:adec="http://schemas.microsoft.com/office/drawing/2017/decorative" val="1"/>
              </a:ext>
            </a:extLst>
          </p:cNvPr>
          <p:cNvSpPr txBox="1"/>
          <p:nvPr/>
        </p:nvSpPr>
        <p:spPr>
          <a:xfrm>
            <a:off x="5197299" y="4682682"/>
            <a:ext cx="823668" cy="246221"/>
          </a:xfrm>
          <a:prstGeom prst="rect">
            <a:avLst/>
          </a:prstGeom>
          <a:noFill/>
        </p:spPr>
        <p:txBody>
          <a:bodyPr wrap="square">
            <a:spAutoFit/>
          </a:bodyPr>
          <a:lstStyle/>
          <a:p>
            <a:pPr algn="ctr" fontAlgn="ctr"/>
            <a:r>
              <a:rPr lang="da-DK" sz="1000" b="1" i="1" noProof="0"/>
              <a:t>Teknisk</a:t>
            </a:r>
            <a:endParaRPr lang="da-DK" sz="1100" b="1" i="1" noProof="0"/>
          </a:p>
        </p:txBody>
      </p:sp>
      <p:grpSp>
        <p:nvGrpSpPr>
          <p:cNvPr id="91" name="Group 90" descr="Vurdering af organisatorisk kompleksitet, 7 ud af 10">
            <a:extLst>
              <a:ext uri="{FF2B5EF4-FFF2-40B4-BE49-F238E27FC236}">
                <a16:creationId xmlns:a16="http://schemas.microsoft.com/office/drawing/2014/main" id="{47A26393-68F3-46FA-D3B0-0F94AD5549B5}"/>
              </a:ext>
            </a:extLst>
          </p:cNvPr>
          <p:cNvGrpSpPr/>
          <p:nvPr/>
        </p:nvGrpSpPr>
        <p:grpSpPr>
          <a:xfrm>
            <a:off x="4756735" y="5395827"/>
            <a:ext cx="1707066" cy="248033"/>
            <a:chOff x="860772" y="4916533"/>
            <a:chExt cx="1487909" cy="216189"/>
          </a:xfrm>
        </p:grpSpPr>
        <p:grpSp>
          <p:nvGrpSpPr>
            <p:cNvPr id="92" name="Group 91">
              <a:extLst>
                <a:ext uri="{FF2B5EF4-FFF2-40B4-BE49-F238E27FC236}">
                  <a16:creationId xmlns:a16="http://schemas.microsoft.com/office/drawing/2014/main" id="{45EEE83C-A29D-6751-B7F2-977AB7DEFAFE}"/>
                </a:ext>
              </a:extLst>
            </p:cNvPr>
            <p:cNvGrpSpPr/>
            <p:nvPr/>
          </p:nvGrpSpPr>
          <p:grpSpPr>
            <a:xfrm>
              <a:off x="860772" y="4916533"/>
              <a:ext cx="1487909" cy="180194"/>
              <a:chOff x="5354949" y="3040512"/>
              <a:chExt cx="1645739" cy="171957"/>
            </a:xfrm>
          </p:grpSpPr>
          <p:grpSp>
            <p:nvGrpSpPr>
              <p:cNvPr id="94" name="Group 93">
                <a:extLst>
                  <a:ext uri="{FF2B5EF4-FFF2-40B4-BE49-F238E27FC236}">
                    <a16:creationId xmlns:a16="http://schemas.microsoft.com/office/drawing/2014/main" id="{41524DF4-B551-62E7-7C1E-D240731C78A0}"/>
                  </a:ext>
                </a:extLst>
              </p:cNvPr>
              <p:cNvGrpSpPr/>
              <p:nvPr/>
            </p:nvGrpSpPr>
            <p:grpSpPr>
              <a:xfrm>
                <a:off x="5458296" y="3153610"/>
                <a:ext cx="1445092" cy="45719"/>
                <a:chOff x="5458296" y="3153610"/>
                <a:chExt cx="1445092" cy="45719"/>
              </a:xfrm>
            </p:grpSpPr>
            <p:cxnSp>
              <p:nvCxnSpPr>
                <p:cNvPr id="99" name="Straight Connector 98">
                  <a:extLst>
                    <a:ext uri="{FF2B5EF4-FFF2-40B4-BE49-F238E27FC236}">
                      <a16:creationId xmlns:a16="http://schemas.microsoft.com/office/drawing/2014/main" id="{9BC6F67C-6B34-E80F-E880-0D9534A6620E}"/>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00" name="Oval 99">
                  <a:extLst>
                    <a:ext uri="{FF2B5EF4-FFF2-40B4-BE49-F238E27FC236}">
                      <a16:creationId xmlns:a16="http://schemas.microsoft.com/office/drawing/2014/main" id="{DB6C4805-892D-5F9C-8B28-0C98D9F32A40}"/>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01" name="Oval 100">
                  <a:extLst>
                    <a:ext uri="{FF2B5EF4-FFF2-40B4-BE49-F238E27FC236}">
                      <a16:creationId xmlns:a16="http://schemas.microsoft.com/office/drawing/2014/main" id="{BAA2B65A-D52E-7E24-E0C7-E14725C515EB}"/>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95" name="Straight Connector 94">
                <a:extLst>
                  <a:ext uri="{FF2B5EF4-FFF2-40B4-BE49-F238E27FC236}">
                    <a16:creationId xmlns:a16="http://schemas.microsoft.com/office/drawing/2014/main" id="{B6FE68DE-DFBC-5099-10C6-33CC0B371F7A}"/>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97" name="TextBox 96">
                <a:extLst>
                  <a:ext uri="{FF2B5EF4-FFF2-40B4-BE49-F238E27FC236}">
                    <a16:creationId xmlns:a16="http://schemas.microsoft.com/office/drawing/2014/main" id="{81109FCB-CE3E-C86A-5EC8-6E8A3A849A12}"/>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98" name="TextBox 97">
                <a:extLst>
                  <a:ext uri="{FF2B5EF4-FFF2-40B4-BE49-F238E27FC236}">
                    <a16:creationId xmlns:a16="http://schemas.microsoft.com/office/drawing/2014/main" id="{6944BF37-8AE3-E64A-ED39-2132478D9D23}"/>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93" name="Oval 92">
              <a:extLst>
                <a:ext uri="{FF2B5EF4-FFF2-40B4-BE49-F238E27FC236}">
                  <a16:creationId xmlns:a16="http://schemas.microsoft.com/office/drawing/2014/main" id="{57AE22F3-BDE1-1CC9-D9D3-7442E621C99D}"/>
                </a:ext>
              </a:extLst>
            </p:cNvPr>
            <p:cNvSpPr/>
            <p:nvPr/>
          </p:nvSpPr>
          <p:spPr>
            <a:xfrm>
              <a:off x="1825880"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02" name="TextBox 101">
            <a:extLst>
              <a:ext uri="{FF2B5EF4-FFF2-40B4-BE49-F238E27FC236}">
                <a16:creationId xmlns:a16="http://schemas.microsoft.com/office/drawing/2014/main" id="{616F94FC-1809-CDEE-24E7-E4B24158E9EE}"/>
              </a:ext>
              <a:ext uri="{C183D7F6-B498-43B3-948B-1728B52AA6E4}">
                <adec:decorative xmlns:adec="http://schemas.microsoft.com/office/drawing/2017/decorative" val="1"/>
              </a:ext>
            </a:extLst>
          </p:cNvPr>
          <p:cNvSpPr txBox="1"/>
          <p:nvPr/>
        </p:nvSpPr>
        <p:spPr>
          <a:xfrm>
            <a:off x="5070022" y="5194827"/>
            <a:ext cx="1080507" cy="246221"/>
          </a:xfrm>
          <a:prstGeom prst="rect">
            <a:avLst/>
          </a:prstGeom>
          <a:noFill/>
        </p:spPr>
        <p:txBody>
          <a:bodyPr wrap="square">
            <a:spAutoFit/>
          </a:bodyPr>
          <a:lstStyle/>
          <a:p>
            <a:pPr algn="ctr" fontAlgn="ctr"/>
            <a:r>
              <a:rPr lang="da-DK" sz="1000" b="1" i="1" noProof="0"/>
              <a:t>Organisatorisk</a:t>
            </a:r>
            <a:endParaRPr lang="da-DK" sz="1100" b="1" i="1" noProof="0"/>
          </a:p>
        </p:txBody>
      </p:sp>
      <p:grpSp>
        <p:nvGrpSpPr>
          <p:cNvPr id="103" name="Group 102" descr="Vurdering af juridisk kompleksitet, 7 ud af 10">
            <a:extLst>
              <a:ext uri="{FF2B5EF4-FFF2-40B4-BE49-F238E27FC236}">
                <a16:creationId xmlns:a16="http://schemas.microsoft.com/office/drawing/2014/main" id="{44F6565F-9295-A452-BF29-F0D707F93253}"/>
              </a:ext>
            </a:extLst>
          </p:cNvPr>
          <p:cNvGrpSpPr/>
          <p:nvPr/>
        </p:nvGrpSpPr>
        <p:grpSpPr>
          <a:xfrm>
            <a:off x="4754046" y="5907971"/>
            <a:ext cx="1707066" cy="248033"/>
            <a:chOff x="860772" y="4916533"/>
            <a:chExt cx="1487909" cy="216189"/>
          </a:xfrm>
        </p:grpSpPr>
        <p:grpSp>
          <p:nvGrpSpPr>
            <p:cNvPr id="104" name="Group 103">
              <a:extLst>
                <a:ext uri="{FF2B5EF4-FFF2-40B4-BE49-F238E27FC236}">
                  <a16:creationId xmlns:a16="http://schemas.microsoft.com/office/drawing/2014/main" id="{49C06147-7763-0F31-4996-54D754D0A3E6}"/>
                </a:ext>
              </a:extLst>
            </p:cNvPr>
            <p:cNvGrpSpPr/>
            <p:nvPr/>
          </p:nvGrpSpPr>
          <p:grpSpPr>
            <a:xfrm>
              <a:off x="860772" y="4916533"/>
              <a:ext cx="1487909" cy="180194"/>
              <a:chOff x="5354949" y="3040512"/>
              <a:chExt cx="1645739" cy="171957"/>
            </a:xfrm>
          </p:grpSpPr>
          <p:grpSp>
            <p:nvGrpSpPr>
              <p:cNvPr id="106" name="Group 105">
                <a:extLst>
                  <a:ext uri="{FF2B5EF4-FFF2-40B4-BE49-F238E27FC236}">
                    <a16:creationId xmlns:a16="http://schemas.microsoft.com/office/drawing/2014/main" id="{3E4EBE22-688A-A62A-67E5-6D39BBC0EC55}"/>
                  </a:ext>
                </a:extLst>
              </p:cNvPr>
              <p:cNvGrpSpPr/>
              <p:nvPr/>
            </p:nvGrpSpPr>
            <p:grpSpPr>
              <a:xfrm>
                <a:off x="5458296" y="3153610"/>
                <a:ext cx="1445092" cy="45719"/>
                <a:chOff x="5458296" y="3153610"/>
                <a:chExt cx="1445092" cy="45719"/>
              </a:xfrm>
            </p:grpSpPr>
            <p:cxnSp>
              <p:nvCxnSpPr>
                <p:cNvPr id="110" name="Straight Connector 109">
                  <a:extLst>
                    <a:ext uri="{FF2B5EF4-FFF2-40B4-BE49-F238E27FC236}">
                      <a16:creationId xmlns:a16="http://schemas.microsoft.com/office/drawing/2014/main" id="{AE452B94-415D-9158-BA1A-43FAC6DC6E13}"/>
                    </a:ext>
                  </a:extLst>
                </p:cNvPr>
                <p:cNvCxnSpPr>
                  <a:cxnSpLocks/>
                </p:cNvCxnSpPr>
                <p:nvPr/>
              </p:nvCxnSpPr>
              <p:spPr>
                <a:xfrm>
                  <a:off x="5498895" y="3176470"/>
                  <a:ext cx="1375588" cy="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11" name="Oval 110">
                  <a:extLst>
                    <a:ext uri="{FF2B5EF4-FFF2-40B4-BE49-F238E27FC236}">
                      <a16:creationId xmlns:a16="http://schemas.microsoft.com/office/drawing/2014/main" id="{E2E2225E-F751-711A-2C73-9D04A3C84C3E}"/>
                    </a:ext>
                  </a:extLst>
                </p:cNvPr>
                <p:cNvSpPr/>
                <p:nvPr/>
              </p:nvSpPr>
              <p:spPr>
                <a:xfrm>
                  <a:off x="5458296"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12" name="Oval 111">
                  <a:extLst>
                    <a:ext uri="{FF2B5EF4-FFF2-40B4-BE49-F238E27FC236}">
                      <a16:creationId xmlns:a16="http://schemas.microsoft.com/office/drawing/2014/main" id="{B598867F-14C9-DF5E-2418-4D625E127CE5}"/>
                    </a:ext>
                  </a:extLst>
                </p:cNvPr>
                <p:cNvSpPr/>
                <p:nvPr/>
              </p:nvSpPr>
              <p:spPr>
                <a:xfrm>
                  <a:off x="6851624" y="3153610"/>
                  <a:ext cx="51764" cy="45719"/>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cxnSp>
            <p:nvCxnSpPr>
              <p:cNvPr id="107" name="Straight Connector 106">
                <a:extLst>
                  <a:ext uri="{FF2B5EF4-FFF2-40B4-BE49-F238E27FC236}">
                    <a16:creationId xmlns:a16="http://schemas.microsoft.com/office/drawing/2014/main" id="{B944E5B8-3AD6-64BD-E469-057B891AD8D4}"/>
                  </a:ext>
                </a:extLst>
              </p:cNvPr>
              <p:cNvCxnSpPr>
                <a:cxnSpLocks/>
              </p:cNvCxnSpPr>
              <p:nvPr/>
            </p:nvCxnSpPr>
            <p:spPr>
              <a:xfrm>
                <a:off x="6176326" y="3140469"/>
                <a:ext cx="0" cy="72000"/>
              </a:xfrm>
              <a:prstGeom prst="line">
                <a:avLst/>
              </a:prstGeom>
              <a:ln w="12700">
                <a:solidFill>
                  <a:srgbClr val="EE2F66"/>
                </a:solidFill>
              </a:ln>
            </p:spPr>
            <p:style>
              <a:lnRef idx="1">
                <a:schemeClr val="accent1"/>
              </a:lnRef>
              <a:fillRef idx="0">
                <a:schemeClr val="accent1"/>
              </a:fillRef>
              <a:effectRef idx="0">
                <a:schemeClr val="accent1"/>
              </a:effectRef>
              <a:fontRef idx="minor">
                <a:schemeClr val="tx1"/>
              </a:fontRef>
            </p:style>
          </p:cxnSp>
          <p:sp>
            <p:nvSpPr>
              <p:cNvPr id="108" name="TextBox 107">
                <a:extLst>
                  <a:ext uri="{FF2B5EF4-FFF2-40B4-BE49-F238E27FC236}">
                    <a16:creationId xmlns:a16="http://schemas.microsoft.com/office/drawing/2014/main" id="{DF1EC02A-FC68-434A-0B86-B40A67B3BEAE}"/>
                  </a:ext>
                </a:extLst>
              </p:cNvPr>
              <p:cNvSpPr txBox="1"/>
              <p:nvPr/>
            </p:nvSpPr>
            <p:spPr>
              <a:xfrm>
                <a:off x="5354949"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Let</a:t>
                </a:r>
              </a:p>
            </p:txBody>
          </p:sp>
          <p:sp>
            <p:nvSpPr>
              <p:cNvPr id="109" name="TextBox 108">
                <a:extLst>
                  <a:ext uri="{FF2B5EF4-FFF2-40B4-BE49-F238E27FC236}">
                    <a16:creationId xmlns:a16="http://schemas.microsoft.com/office/drawing/2014/main" id="{0B6BFC00-F432-094E-B6F6-725DAA5AC5FE}"/>
                  </a:ext>
                </a:extLst>
              </p:cNvPr>
              <p:cNvSpPr txBox="1"/>
              <p:nvPr/>
            </p:nvSpPr>
            <p:spPr>
              <a:xfrm>
                <a:off x="6748277" y="3040512"/>
                <a:ext cx="252411" cy="76800"/>
              </a:xfrm>
              <a:prstGeom prst="rect">
                <a:avLst/>
              </a:prstGeom>
              <a:noFill/>
            </p:spPr>
            <p:txBody>
              <a:bodyPr wrap="square" lIns="0" tIns="0" rIns="0" bIns="0" rtlCol="0" anchor="ctr">
                <a:spAutoFit/>
              </a:bodyPr>
              <a:lstStyle/>
              <a:p>
                <a:pPr algn="ctr"/>
                <a:r>
                  <a:rPr lang="da-DK" sz="600" noProof="0">
                    <a:latin typeface="KBH Tekst" panose="00000500000000000000" pitchFamily="2" charset="0"/>
                  </a:rPr>
                  <a:t>Svært</a:t>
                </a:r>
              </a:p>
            </p:txBody>
          </p:sp>
        </p:grpSp>
        <p:sp>
          <p:nvSpPr>
            <p:cNvPr id="105" name="Oval 104">
              <a:extLst>
                <a:ext uri="{FF2B5EF4-FFF2-40B4-BE49-F238E27FC236}">
                  <a16:creationId xmlns:a16="http://schemas.microsoft.com/office/drawing/2014/main" id="{7BB79B0E-73CB-2B75-DFE7-29E417D3D973}"/>
                </a:ext>
              </a:extLst>
            </p:cNvPr>
            <p:cNvSpPr/>
            <p:nvPr/>
          </p:nvSpPr>
          <p:spPr>
            <a:xfrm>
              <a:off x="1832333" y="4988722"/>
              <a:ext cx="144000" cy="144000"/>
            </a:xfrm>
            <a:prstGeom prst="ellipse">
              <a:avLst/>
            </a:prstGeom>
            <a:solidFill>
              <a:srgbClr val="EE2F66"/>
            </a:solidFill>
            <a:ln>
              <a:solidFill>
                <a:srgbClr val="EE2F66"/>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grpSp>
      <p:sp>
        <p:nvSpPr>
          <p:cNvPr id="113" name="TextBox 112">
            <a:extLst>
              <a:ext uri="{FF2B5EF4-FFF2-40B4-BE49-F238E27FC236}">
                <a16:creationId xmlns:a16="http://schemas.microsoft.com/office/drawing/2014/main" id="{F8BB58CE-BA1D-E278-3A90-838E14D73B59}"/>
              </a:ext>
              <a:ext uri="{C183D7F6-B498-43B3-948B-1728B52AA6E4}">
                <adec:decorative xmlns:adec="http://schemas.microsoft.com/office/drawing/2017/decorative" val="1"/>
              </a:ext>
            </a:extLst>
          </p:cNvPr>
          <p:cNvSpPr txBox="1"/>
          <p:nvPr/>
        </p:nvSpPr>
        <p:spPr>
          <a:xfrm>
            <a:off x="5195751" y="5706723"/>
            <a:ext cx="823668" cy="246221"/>
          </a:xfrm>
          <a:prstGeom prst="rect">
            <a:avLst/>
          </a:prstGeom>
          <a:noFill/>
        </p:spPr>
        <p:txBody>
          <a:bodyPr wrap="square">
            <a:spAutoFit/>
          </a:bodyPr>
          <a:lstStyle/>
          <a:p>
            <a:pPr algn="ctr" fontAlgn="ctr"/>
            <a:r>
              <a:rPr lang="da-DK" sz="1000" b="1" i="1" noProof="0"/>
              <a:t>Juridisk</a:t>
            </a:r>
            <a:endParaRPr lang="da-DK" sz="1100" b="1" i="1" noProof="0"/>
          </a:p>
        </p:txBody>
      </p:sp>
      <p:sp>
        <p:nvSpPr>
          <p:cNvPr id="24" name="Rektangel: afrundede hjørner 10">
            <a:extLst>
              <a:ext uri="{FF2B5EF4-FFF2-40B4-BE49-F238E27FC236}">
                <a16:creationId xmlns:a16="http://schemas.microsoft.com/office/drawing/2014/main" id="{E3C51534-448F-28B3-627F-F886C4B3CFDD}"/>
              </a:ext>
              <a:ext uri="{C183D7F6-B498-43B3-948B-1728B52AA6E4}">
                <adec:decorative xmlns:adec="http://schemas.microsoft.com/office/drawing/2017/decorative" val="1"/>
              </a:ext>
            </a:extLst>
          </p:cNvPr>
          <p:cNvSpPr>
            <a:spLocks/>
          </p:cNvSpPr>
          <p:nvPr/>
        </p:nvSpPr>
        <p:spPr>
          <a:xfrm>
            <a:off x="7242764" y="2228720"/>
            <a:ext cx="2169325" cy="319850"/>
          </a:xfrm>
          <a:prstGeom prst="roundRect">
            <a:avLst>
              <a:gd name="adj" fmla="val 5714"/>
            </a:avLst>
          </a:prstGeom>
          <a:solidFill>
            <a:srgbClr val="E8ECF2"/>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5" name="Freeform 18">
            <a:extLst>
              <a:ext uri="{FF2B5EF4-FFF2-40B4-BE49-F238E27FC236}">
                <a16:creationId xmlns:a16="http://schemas.microsoft.com/office/drawing/2014/main" id="{A441F9FA-7F46-6EF4-48D8-6B48DD7FAC03}"/>
              </a:ext>
              <a:ext uri="{C183D7F6-B498-43B3-948B-1728B52AA6E4}">
                <adec:decorative xmlns:adec="http://schemas.microsoft.com/office/drawing/2017/decorative" val="1"/>
              </a:ext>
            </a:extLst>
          </p:cNvPr>
          <p:cNvSpPr>
            <a:spLocks noEditPoints="1"/>
          </p:cNvSpPr>
          <p:nvPr/>
        </p:nvSpPr>
        <p:spPr bwMode="auto">
          <a:xfrm>
            <a:off x="7289024" y="2294023"/>
            <a:ext cx="218532" cy="189244"/>
          </a:xfrm>
          <a:custGeom>
            <a:avLst/>
            <a:gdLst>
              <a:gd name="T0" fmla="*/ 116 w 232"/>
              <a:gd name="T1" fmla="*/ 0 h 192"/>
              <a:gd name="T2" fmla="*/ 116 w 232"/>
              <a:gd name="T3" fmla="*/ 8 h 192"/>
              <a:gd name="T4" fmla="*/ 104 w 232"/>
              <a:gd name="T5" fmla="*/ 20 h 192"/>
              <a:gd name="T6" fmla="*/ 219 w 232"/>
              <a:gd name="T7" fmla="*/ 67 h 192"/>
              <a:gd name="T8" fmla="*/ 196 w 232"/>
              <a:gd name="T9" fmla="*/ 74 h 192"/>
              <a:gd name="T10" fmla="*/ 173 w 232"/>
              <a:gd name="T11" fmla="*/ 67 h 192"/>
              <a:gd name="T12" fmla="*/ 160 w 232"/>
              <a:gd name="T13" fmla="*/ 108 h 192"/>
              <a:gd name="T14" fmla="*/ 156 w 232"/>
              <a:gd name="T15" fmla="*/ 160 h 192"/>
              <a:gd name="T16" fmla="*/ 152 w 232"/>
              <a:gd name="T17" fmla="*/ 136 h 192"/>
              <a:gd name="T18" fmla="*/ 152 w 232"/>
              <a:gd name="T19" fmla="*/ 84 h 192"/>
              <a:gd name="T20" fmla="*/ 139 w 232"/>
              <a:gd name="T21" fmla="*/ 43 h 192"/>
              <a:gd name="T22" fmla="*/ 116 w 232"/>
              <a:gd name="T23" fmla="*/ 50 h 192"/>
              <a:gd name="T24" fmla="*/ 93 w 232"/>
              <a:gd name="T25" fmla="*/ 43 h 192"/>
              <a:gd name="T26" fmla="*/ 80 w 232"/>
              <a:gd name="T27" fmla="*/ 84 h 192"/>
              <a:gd name="T28" fmla="*/ 80 w 232"/>
              <a:gd name="T29" fmla="*/ 136 h 192"/>
              <a:gd name="T30" fmla="*/ 76 w 232"/>
              <a:gd name="T31" fmla="*/ 152 h 192"/>
              <a:gd name="T32" fmla="*/ 72 w 232"/>
              <a:gd name="T33" fmla="*/ 100 h 192"/>
              <a:gd name="T34" fmla="*/ 59 w 232"/>
              <a:gd name="T35" fmla="*/ 59 h 192"/>
              <a:gd name="T36" fmla="*/ 36 w 232"/>
              <a:gd name="T37" fmla="*/ 66 h 192"/>
              <a:gd name="T38" fmla="*/ 13 w 232"/>
              <a:gd name="T39" fmla="*/ 59 h 192"/>
              <a:gd name="T40" fmla="*/ 0 w 232"/>
              <a:gd name="T41" fmla="*/ 100 h 192"/>
              <a:gd name="T42" fmla="*/ 13 w 232"/>
              <a:gd name="T43" fmla="*/ 153 h 192"/>
              <a:gd name="T44" fmla="*/ 13 w 232"/>
              <a:gd name="T45" fmla="*/ 191 h 192"/>
              <a:gd name="T46" fmla="*/ 219 w 232"/>
              <a:gd name="T47" fmla="*/ 191 h 192"/>
              <a:gd name="T48" fmla="*/ 219 w 232"/>
              <a:gd name="T49" fmla="*/ 161 h 192"/>
              <a:gd name="T50" fmla="*/ 232 w 232"/>
              <a:gd name="T51" fmla="*/ 108 h 192"/>
              <a:gd name="T52" fmla="*/ 88 w 232"/>
              <a:gd name="T53" fmla="*/ 84 h 192"/>
              <a:gd name="T54" fmla="*/ 103 w 232"/>
              <a:gd name="T55" fmla="*/ 48 h 192"/>
              <a:gd name="T56" fmla="*/ 119 w 232"/>
              <a:gd name="T57" fmla="*/ 59 h 192"/>
              <a:gd name="T58" fmla="*/ 144 w 232"/>
              <a:gd name="T59" fmla="*/ 60 h 192"/>
              <a:gd name="T60" fmla="*/ 136 w 232"/>
              <a:gd name="T61" fmla="*/ 68 h 192"/>
              <a:gd name="T62" fmla="*/ 128 w 232"/>
              <a:gd name="T63" fmla="*/ 136 h 192"/>
              <a:gd name="T64" fmla="*/ 100 w 232"/>
              <a:gd name="T65" fmla="*/ 64 h 192"/>
              <a:gd name="T66" fmla="*/ 88 w 232"/>
              <a:gd name="T67" fmla="*/ 84 h 192"/>
              <a:gd name="T68" fmla="*/ 8 w 232"/>
              <a:gd name="T69" fmla="*/ 100 h 192"/>
              <a:gd name="T70" fmla="*/ 23 w 232"/>
              <a:gd name="T71" fmla="*/ 64 h 192"/>
              <a:gd name="T72" fmla="*/ 39 w 232"/>
              <a:gd name="T73" fmla="*/ 75 h 192"/>
              <a:gd name="T74" fmla="*/ 64 w 232"/>
              <a:gd name="T75" fmla="*/ 76 h 192"/>
              <a:gd name="T76" fmla="*/ 56 w 232"/>
              <a:gd name="T77" fmla="*/ 84 h 192"/>
              <a:gd name="T78" fmla="*/ 48 w 232"/>
              <a:gd name="T79" fmla="*/ 152 h 192"/>
              <a:gd name="T80" fmla="*/ 20 w 232"/>
              <a:gd name="T81" fmla="*/ 80 h 192"/>
              <a:gd name="T82" fmla="*/ 20 w 232"/>
              <a:gd name="T83" fmla="*/ 184 h 192"/>
              <a:gd name="T84" fmla="*/ 80 w 232"/>
              <a:gd name="T85" fmla="*/ 160 h 192"/>
              <a:gd name="T86" fmla="*/ 84 w 232"/>
              <a:gd name="T87" fmla="*/ 144 h 192"/>
              <a:gd name="T88" fmla="*/ 149 w 232"/>
              <a:gd name="T89" fmla="*/ 167 h 192"/>
              <a:gd name="T90" fmla="*/ 212 w 232"/>
              <a:gd name="T91" fmla="*/ 168 h 192"/>
              <a:gd name="T92" fmla="*/ 216 w 232"/>
              <a:gd name="T93" fmla="*/ 92 h 192"/>
              <a:gd name="T94" fmla="*/ 208 w 232"/>
              <a:gd name="T95" fmla="*/ 160 h 192"/>
              <a:gd name="T96" fmla="*/ 180 w 232"/>
              <a:gd name="T97" fmla="*/ 88 h 192"/>
              <a:gd name="T98" fmla="*/ 168 w 232"/>
              <a:gd name="T99" fmla="*/ 108 h 192"/>
              <a:gd name="T100" fmla="*/ 183 w 232"/>
              <a:gd name="T101" fmla="*/ 72 h 192"/>
              <a:gd name="T102" fmla="*/ 199 w 232"/>
              <a:gd name="T103" fmla="*/ 83 h 192"/>
              <a:gd name="T104" fmla="*/ 224 w 232"/>
              <a:gd name="T105" fmla="*/ 84 h 192"/>
              <a:gd name="T106" fmla="*/ 196 w 232"/>
              <a:gd name="T107" fmla="*/ 64 h 192"/>
              <a:gd name="T108" fmla="*/ 176 w 232"/>
              <a:gd name="T109" fmla="*/ 44 h 192"/>
              <a:gd name="T110" fmla="*/ 208 w 232"/>
              <a:gd name="T111" fmla="*/ 44 h 192"/>
              <a:gd name="T112" fmla="*/ 196 w 232"/>
              <a:gd name="T113" fmla="*/ 32 h 192"/>
              <a:gd name="T114" fmla="*/ 36 w 232"/>
              <a:gd name="T115" fmla="*/ 16 h 192"/>
              <a:gd name="T116" fmla="*/ 36 w 232"/>
              <a:gd name="T117" fmla="*/ 24 h 192"/>
              <a:gd name="T118" fmla="*/ 24 w 232"/>
              <a:gd name="T119" fmla="*/ 3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32" h="192">
                <a:moveTo>
                  <a:pt x="116" y="40"/>
                </a:moveTo>
                <a:cubicBezTo>
                  <a:pt x="127" y="40"/>
                  <a:pt x="136" y="31"/>
                  <a:pt x="136" y="20"/>
                </a:cubicBezTo>
                <a:cubicBezTo>
                  <a:pt x="136" y="9"/>
                  <a:pt x="127" y="0"/>
                  <a:pt x="116" y="0"/>
                </a:cubicBezTo>
                <a:cubicBezTo>
                  <a:pt x="105" y="0"/>
                  <a:pt x="96" y="9"/>
                  <a:pt x="96" y="20"/>
                </a:cubicBezTo>
                <a:cubicBezTo>
                  <a:pt x="96" y="31"/>
                  <a:pt x="105" y="40"/>
                  <a:pt x="116" y="40"/>
                </a:cubicBezTo>
                <a:close/>
                <a:moveTo>
                  <a:pt x="116" y="8"/>
                </a:moveTo>
                <a:cubicBezTo>
                  <a:pt x="123" y="8"/>
                  <a:pt x="128" y="13"/>
                  <a:pt x="128" y="20"/>
                </a:cubicBezTo>
                <a:cubicBezTo>
                  <a:pt x="128" y="27"/>
                  <a:pt x="123" y="32"/>
                  <a:pt x="116" y="32"/>
                </a:cubicBezTo>
                <a:cubicBezTo>
                  <a:pt x="109" y="32"/>
                  <a:pt x="104" y="27"/>
                  <a:pt x="104" y="20"/>
                </a:cubicBezTo>
                <a:cubicBezTo>
                  <a:pt x="104" y="13"/>
                  <a:pt x="109" y="8"/>
                  <a:pt x="116" y="8"/>
                </a:cubicBezTo>
                <a:close/>
                <a:moveTo>
                  <a:pt x="220" y="67"/>
                </a:moveTo>
                <a:cubicBezTo>
                  <a:pt x="219" y="67"/>
                  <a:pt x="219" y="67"/>
                  <a:pt x="219" y="67"/>
                </a:cubicBezTo>
                <a:cubicBezTo>
                  <a:pt x="209" y="64"/>
                  <a:pt x="209" y="64"/>
                  <a:pt x="209" y="64"/>
                </a:cubicBezTo>
                <a:cubicBezTo>
                  <a:pt x="208" y="64"/>
                  <a:pt x="206" y="64"/>
                  <a:pt x="205" y="65"/>
                </a:cubicBezTo>
                <a:cubicBezTo>
                  <a:pt x="196" y="74"/>
                  <a:pt x="196" y="74"/>
                  <a:pt x="196" y="74"/>
                </a:cubicBezTo>
                <a:cubicBezTo>
                  <a:pt x="187" y="65"/>
                  <a:pt x="187" y="65"/>
                  <a:pt x="187" y="65"/>
                </a:cubicBezTo>
                <a:cubicBezTo>
                  <a:pt x="186" y="64"/>
                  <a:pt x="184" y="64"/>
                  <a:pt x="183" y="64"/>
                </a:cubicBezTo>
                <a:cubicBezTo>
                  <a:pt x="173" y="67"/>
                  <a:pt x="173" y="67"/>
                  <a:pt x="173" y="67"/>
                </a:cubicBezTo>
                <a:cubicBezTo>
                  <a:pt x="172" y="67"/>
                  <a:pt x="172" y="67"/>
                  <a:pt x="172" y="67"/>
                </a:cubicBezTo>
                <a:cubicBezTo>
                  <a:pt x="165" y="69"/>
                  <a:pt x="160" y="76"/>
                  <a:pt x="160" y="84"/>
                </a:cubicBezTo>
                <a:cubicBezTo>
                  <a:pt x="160" y="108"/>
                  <a:pt x="160" y="108"/>
                  <a:pt x="160" y="108"/>
                </a:cubicBezTo>
                <a:cubicBezTo>
                  <a:pt x="160" y="118"/>
                  <a:pt x="167" y="126"/>
                  <a:pt x="176" y="128"/>
                </a:cubicBezTo>
                <a:cubicBezTo>
                  <a:pt x="176" y="160"/>
                  <a:pt x="176" y="160"/>
                  <a:pt x="176" y="160"/>
                </a:cubicBezTo>
                <a:cubicBezTo>
                  <a:pt x="156" y="160"/>
                  <a:pt x="156" y="160"/>
                  <a:pt x="156" y="160"/>
                </a:cubicBezTo>
                <a:cubicBezTo>
                  <a:pt x="156" y="140"/>
                  <a:pt x="156" y="140"/>
                  <a:pt x="156" y="140"/>
                </a:cubicBezTo>
                <a:cubicBezTo>
                  <a:pt x="156" y="139"/>
                  <a:pt x="156" y="138"/>
                  <a:pt x="155" y="137"/>
                </a:cubicBezTo>
                <a:cubicBezTo>
                  <a:pt x="154" y="136"/>
                  <a:pt x="153" y="136"/>
                  <a:pt x="152" y="136"/>
                </a:cubicBezTo>
                <a:cubicBezTo>
                  <a:pt x="136" y="136"/>
                  <a:pt x="136" y="136"/>
                  <a:pt x="136" y="136"/>
                </a:cubicBezTo>
                <a:cubicBezTo>
                  <a:pt x="136" y="104"/>
                  <a:pt x="136" y="104"/>
                  <a:pt x="136" y="104"/>
                </a:cubicBezTo>
                <a:cubicBezTo>
                  <a:pt x="145" y="102"/>
                  <a:pt x="152" y="94"/>
                  <a:pt x="152" y="84"/>
                </a:cubicBezTo>
                <a:cubicBezTo>
                  <a:pt x="152" y="60"/>
                  <a:pt x="152" y="60"/>
                  <a:pt x="152" y="60"/>
                </a:cubicBezTo>
                <a:cubicBezTo>
                  <a:pt x="152" y="52"/>
                  <a:pt x="147" y="45"/>
                  <a:pt x="140" y="43"/>
                </a:cubicBezTo>
                <a:cubicBezTo>
                  <a:pt x="139" y="43"/>
                  <a:pt x="139" y="43"/>
                  <a:pt x="139" y="43"/>
                </a:cubicBezTo>
                <a:cubicBezTo>
                  <a:pt x="129" y="40"/>
                  <a:pt x="129" y="40"/>
                  <a:pt x="129" y="40"/>
                </a:cubicBezTo>
                <a:cubicBezTo>
                  <a:pt x="128" y="40"/>
                  <a:pt x="126" y="40"/>
                  <a:pt x="125" y="41"/>
                </a:cubicBezTo>
                <a:cubicBezTo>
                  <a:pt x="116" y="50"/>
                  <a:pt x="116" y="50"/>
                  <a:pt x="116" y="50"/>
                </a:cubicBezTo>
                <a:cubicBezTo>
                  <a:pt x="107" y="41"/>
                  <a:pt x="107" y="41"/>
                  <a:pt x="107" y="41"/>
                </a:cubicBezTo>
                <a:cubicBezTo>
                  <a:pt x="106" y="40"/>
                  <a:pt x="104" y="40"/>
                  <a:pt x="103" y="40"/>
                </a:cubicBezTo>
                <a:cubicBezTo>
                  <a:pt x="93" y="43"/>
                  <a:pt x="93" y="43"/>
                  <a:pt x="93" y="43"/>
                </a:cubicBezTo>
                <a:cubicBezTo>
                  <a:pt x="92" y="43"/>
                  <a:pt x="92" y="43"/>
                  <a:pt x="92" y="43"/>
                </a:cubicBezTo>
                <a:cubicBezTo>
                  <a:pt x="85" y="45"/>
                  <a:pt x="80" y="52"/>
                  <a:pt x="80" y="60"/>
                </a:cubicBezTo>
                <a:cubicBezTo>
                  <a:pt x="80" y="84"/>
                  <a:pt x="80" y="84"/>
                  <a:pt x="80" y="84"/>
                </a:cubicBezTo>
                <a:cubicBezTo>
                  <a:pt x="80" y="94"/>
                  <a:pt x="87" y="102"/>
                  <a:pt x="96" y="104"/>
                </a:cubicBezTo>
                <a:cubicBezTo>
                  <a:pt x="96" y="136"/>
                  <a:pt x="96" y="136"/>
                  <a:pt x="96" y="136"/>
                </a:cubicBezTo>
                <a:cubicBezTo>
                  <a:pt x="80" y="136"/>
                  <a:pt x="80" y="136"/>
                  <a:pt x="80" y="136"/>
                </a:cubicBezTo>
                <a:cubicBezTo>
                  <a:pt x="79" y="136"/>
                  <a:pt x="78" y="136"/>
                  <a:pt x="77" y="137"/>
                </a:cubicBezTo>
                <a:cubicBezTo>
                  <a:pt x="76" y="138"/>
                  <a:pt x="76" y="139"/>
                  <a:pt x="76" y="140"/>
                </a:cubicBezTo>
                <a:cubicBezTo>
                  <a:pt x="76" y="152"/>
                  <a:pt x="76" y="152"/>
                  <a:pt x="76" y="152"/>
                </a:cubicBezTo>
                <a:cubicBezTo>
                  <a:pt x="56" y="152"/>
                  <a:pt x="56" y="152"/>
                  <a:pt x="56" y="152"/>
                </a:cubicBezTo>
                <a:cubicBezTo>
                  <a:pt x="56" y="120"/>
                  <a:pt x="56" y="120"/>
                  <a:pt x="56" y="120"/>
                </a:cubicBezTo>
                <a:cubicBezTo>
                  <a:pt x="65" y="118"/>
                  <a:pt x="72" y="110"/>
                  <a:pt x="72" y="100"/>
                </a:cubicBezTo>
                <a:cubicBezTo>
                  <a:pt x="72" y="76"/>
                  <a:pt x="72" y="76"/>
                  <a:pt x="72" y="76"/>
                </a:cubicBezTo>
                <a:cubicBezTo>
                  <a:pt x="72" y="68"/>
                  <a:pt x="67" y="61"/>
                  <a:pt x="60" y="59"/>
                </a:cubicBezTo>
                <a:cubicBezTo>
                  <a:pt x="59" y="59"/>
                  <a:pt x="59" y="59"/>
                  <a:pt x="59" y="59"/>
                </a:cubicBezTo>
                <a:cubicBezTo>
                  <a:pt x="49" y="56"/>
                  <a:pt x="49" y="56"/>
                  <a:pt x="49" y="56"/>
                </a:cubicBezTo>
                <a:cubicBezTo>
                  <a:pt x="48" y="56"/>
                  <a:pt x="46" y="56"/>
                  <a:pt x="45" y="57"/>
                </a:cubicBezTo>
                <a:cubicBezTo>
                  <a:pt x="36" y="66"/>
                  <a:pt x="36" y="66"/>
                  <a:pt x="36" y="66"/>
                </a:cubicBezTo>
                <a:cubicBezTo>
                  <a:pt x="27" y="57"/>
                  <a:pt x="27" y="57"/>
                  <a:pt x="27" y="57"/>
                </a:cubicBezTo>
                <a:cubicBezTo>
                  <a:pt x="26" y="56"/>
                  <a:pt x="24" y="56"/>
                  <a:pt x="23" y="56"/>
                </a:cubicBezTo>
                <a:cubicBezTo>
                  <a:pt x="13" y="59"/>
                  <a:pt x="13" y="59"/>
                  <a:pt x="13" y="59"/>
                </a:cubicBezTo>
                <a:cubicBezTo>
                  <a:pt x="12" y="59"/>
                  <a:pt x="12" y="59"/>
                  <a:pt x="12" y="59"/>
                </a:cubicBezTo>
                <a:cubicBezTo>
                  <a:pt x="5" y="61"/>
                  <a:pt x="0" y="68"/>
                  <a:pt x="0" y="76"/>
                </a:cubicBezTo>
                <a:cubicBezTo>
                  <a:pt x="0" y="100"/>
                  <a:pt x="0" y="100"/>
                  <a:pt x="0" y="100"/>
                </a:cubicBezTo>
                <a:cubicBezTo>
                  <a:pt x="0" y="110"/>
                  <a:pt x="7" y="118"/>
                  <a:pt x="16" y="120"/>
                </a:cubicBezTo>
                <a:cubicBezTo>
                  <a:pt x="16" y="152"/>
                  <a:pt x="16" y="152"/>
                  <a:pt x="16" y="152"/>
                </a:cubicBezTo>
                <a:cubicBezTo>
                  <a:pt x="15" y="152"/>
                  <a:pt x="14" y="152"/>
                  <a:pt x="13" y="153"/>
                </a:cubicBezTo>
                <a:cubicBezTo>
                  <a:pt x="12" y="154"/>
                  <a:pt x="12" y="155"/>
                  <a:pt x="12" y="156"/>
                </a:cubicBezTo>
                <a:cubicBezTo>
                  <a:pt x="12" y="188"/>
                  <a:pt x="12" y="188"/>
                  <a:pt x="12" y="188"/>
                </a:cubicBezTo>
                <a:cubicBezTo>
                  <a:pt x="12" y="189"/>
                  <a:pt x="12" y="190"/>
                  <a:pt x="13" y="191"/>
                </a:cubicBezTo>
                <a:cubicBezTo>
                  <a:pt x="14" y="192"/>
                  <a:pt x="15" y="192"/>
                  <a:pt x="16" y="192"/>
                </a:cubicBezTo>
                <a:cubicBezTo>
                  <a:pt x="216" y="192"/>
                  <a:pt x="216" y="192"/>
                  <a:pt x="216" y="192"/>
                </a:cubicBezTo>
                <a:cubicBezTo>
                  <a:pt x="217" y="192"/>
                  <a:pt x="218" y="192"/>
                  <a:pt x="219" y="191"/>
                </a:cubicBezTo>
                <a:cubicBezTo>
                  <a:pt x="220" y="190"/>
                  <a:pt x="220" y="189"/>
                  <a:pt x="220" y="188"/>
                </a:cubicBezTo>
                <a:cubicBezTo>
                  <a:pt x="220" y="164"/>
                  <a:pt x="220" y="164"/>
                  <a:pt x="220" y="164"/>
                </a:cubicBezTo>
                <a:cubicBezTo>
                  <a:pt x="220" y="163"/>
                  <a:pt x="220" y="162"/>
                  <a:pt x="219" y="161"/>
                </a:cubicBezTo>
                <a:cubicBezTo>
                  <a:pt x="218" y="160"/>
                  <a:pt x="217" y="160"/>
                  <a:pt x="216" y="160"/>
                </a:cubicBezTo>
                <a:cubicBezTo>
                  <a:pt x="216" y="128"/>
                  <a:pt x="216" y="128"/>
                  <a:pt x="216" y="128"/>
                </a:cubicBezTo>
                <a:cubicBezTo>
                  <a:pt x="225" y="126"/>
                  <a:pt x="232" y="118"/>
                  <a:pt x="232" y="108"/>
                </a:cubicBezTo>
                <a:cubicBezTo>
                  <a:pt x="232" y="84"/>
                  <a:pt x="232" y="84"/>
                  <a:pt x="232" y="84"/>
                </a:cubicBezTo>
                <a:cubicBezTo>
                  <a:pt x="232" y="76"/>
                  <a:pt x="227" y="69"/>
                  <a:pt x="220" y="67"/>
                </a:cubicBezTo>
                <a:close/>
                <a:moveTo>
                  <a:pt x="88" y="84"/>
                </a:moveTo>
                <a:cubicBezTo>
                  <a:pt x="88" y="60"/>
                  <a:pt x="88" y="60"/>
                  <a:pt x="88" y="60"/>
                </a:cubicBezTo>
                <a:cubicBezTo>
                  <a:pt x="88" y="56"/>
                  <a:pt x="91" y="52"/>
                  <a:pt x="95" y="50"/>
                </a:cubicBezTo>
                <a:cubicBezTo>
                  <a:pt x="103" y="48"/>
                  <a:pt x="103" y="48"/>
                  <a:pt x="103" y="48"/>
                </a:cubicBezTo>
                <a:cubicBezTo>
                  <a:pt x="113" y="59"/>
                  <a:pt x="113" y="59"/>
                  <a:pt x="113" y="59"/>
                </a:cubicBezTo>
                <a:cubicBezTo>
                  <a:pt x="114" y="60"/>
                  <a:pt x="115" y="60"/>
                  <a:pt x="116" y="60"/>
                </a:cubicBezTo>
                <a:cubicBezTo>
                  <a:pt x="117" y="60"/>
                  <a:pt x="118" y="60"/>
                  <a:pt x="119" y="59"/>
                </a:cubicBezTo>
                <a:cubicBezTo>
                  <a:pt x="129" y="48"/>
                  <a:pt x="129" y="48"/>
                  <a:pt x="129" y="48"/>
                </a:cubicBezTo>
                <a:cubicBezTo>
                  <a:pt x="137" y="50"/>
                  <a:pt x="137" y="50"/>
                  <a:pt x="137" y="50"/>
                </a:cubicBezTo>
                <a:cubicBezTo>
                  <a:pt x="141" y="52"/>
                  <a:pt x="144" y="56"/>
                  <a:pt x="144" y="60"/>
                </a:cubicBezTo>
                <a:cubicBezTo>
                  <a:pt x="144" y="84"/>
                  <a:pt x="144" y="84"/>
                  <a:pt x="144" y="84"/>
                </a:cubicBezTo>
                <a:cubicBezTo>
                  <a:pt x="144" y="89"/>
                  <a:pt x="141" y="94"/>
                  <a:pt x="136" y="95"/>
                </a:cubicBezTo>
                <a:cubicBezTo>
                  <a:pt x="136" y="68"/>
                  <a:pt x="136" y="68"/>
                  <a:pt x="136" y="68"/>
                </a:cubicBezTo>
                <a:cubicBezTo>
                  <a:pt x="136" y="66"/>
                  <a:pt x="134" y="64"/>
                  <a:pt x="132" y="64"/>
                </a:cubicBezTo>
                <a:cubicBezTo>
                  <a:pt x="130" y="64"/>
                  <a:pt x="128" y="66"/>
                  <a:pt x="128" y="68"/>
                </a:cubicBezTo>
                <a:cubicBezTo>
                  <a:pt x="128" y="136"/>
                  <a:pt x="128" y="136"/>
                  <a:pt x="128" y="136"/>
                </a:cubicBezTo>
                <a:cubicBezTo>
                  <a:pt x="104" y="136"/>
                  <a:pt x="104" y="136"/>
                  <a:pt x="104" y="136"/>
                </a:cubicBezTo>
                <a:cubicBezTo>
                  <a:pt x="104" y="68"/>
                  <a:pt x="104" y="68"/>
                  <a:pt x="104" y="68"/>
                </a:cubicBezTo>
                <a:cubicBezTo>
                  <a:pt x="104" y="66"/>
                  <a:pt x="102" y="64"/>
                  <a:pt x="100" y="64"/>
                </a:cubicBezTo>
                <a:cubicBezTo>
                  <a:pt x="98" y="64"/>
                  <a:pt x="96" y="66"/>
                  <a:pt x="96" y="68"/>
                </a:cubicBezTo>
                <a:cubicBezTo>
                  <a:pt x="96" y="95"/>
                  <a:pt x="96" y="95"/>
                  <a:pt x="96" y="95"/>
                </a:cubicBezTo>
                <a:cubicBezTo>
                  <a:pt x="91" y="94"/>
                  <a:pt x="88" y="89"/>
                  <a:pt x="88" y="84"/>
                </a:cubicBezTo>
                <a:close/>
                <a:moveTo>
                  <a:pt x="16" y="84"/>
                </a:moveTo>
                <a:cubicBezTo>
                  <a:pt x="16" y="111"/>
                  <a:pt x="16" y="111"/>
                  <a:pt x="16" y="111"/>
                </a:cubicBezTo>
                <a:cubicBezTo>
                  <a:pt x="11" y="110"/>
                  <a:pt x="8" y="105"/>
                  <a:pt x="8" y="100"/>
                </a:cubicBezTo>
                <a:cubicBezTo>
                  <a:pt x="8" y="76"/>
                  <a:pt x="8" y="76"/>
                  <a:pt x="8" y="76"/>
                </a:cubicBezTo>
                <a:cubicBezTo>
                  <a:pt x="8" y="72"/>
                  <a:pt x="11" y="68"/>
                  <a:pt x="15" y="67"/>
                </a:cubicBezTo>
                <a:cubicBezTo>
                  <a:pt x="23" y="64"/>
                  <a:pt x="23" y="64"/>
                  <a:pt x="23" y="64"/>
                </a:cubicBezTo>
                <a:cubicBezTo>
                  <a:pt x="33" y="75"/>
                  <a:pt x="33" y="75"/>
                  <a:pt x="33" y="75"/>
                </a:cubicBezTo>
                <a:cubicBezTo>
                  <a:pt x="34" y="76"/>
                  <a:pt x="35" y="76"/>
                  <a:pt x="36" y="76"/>
                </a:cubicBezTo>
                <a:cubicBezTo>
                  <a:pt x="37" y="76"/>
                  <a:pt x="38" y="76"/>
                  <a:pt x="39" y="75"/>
                </a:cubicBezTo>
                <a:cubicBezTo>
                  <a:pt x="49" y="64"/>
                  <a:pt x="49" y="64"/>
                  <a:pt x="49" y="64"/>
                </a:cubicBezTo>
                <a:cubicBezTo>
                  <a:pt x="57" y="66"/>
                  <a:pt x="57" y="66"/>
                  <a:pt x="57" y="66"/>
                </a:cubicBezTo>
                <a:cubicBezTo>
                  <a:pt x="61" y="68"/>
                  <a:pt x="64" y="72"/>
                  <a:pt x="64" y="76"/>
                </a:cubicBezTo>
                <a:cubicBezTo>
                  <a:pt x="64" y="100"/>
                  <a:pt x="64" y="100"/>
                  <a:pt x="64" y="100"/>
                </a:cubicBezTo>
                <a:cubicBezTo>
                  <a:pt x="64" y="105"/>
                  <a:pt x="61" y="110"/>
                  <a:pt x="56" y="111"/>
                </a:cubicBezTo>
                <a:cubicBezTo>
                  <a:pt x="56" y="84"/>
                  <a:pt x="56" y="84"/>
                  <a:pt x="56" y="84"/>
                </a:cubicBezTo>
                <a:cubicBezTo>
                  <a:pt x="56" y="82"/>
                  <a:pt x="54" y="80"/>
                  <a:pt x="52" y="80"/>
                </a:cubicBezTo>
                <a:cubicBezTo>
                  <a:pt x="50" y="80"/>
                  <a:pt x="48" y="82"/>
                  <a:pt x="48" y="84"/>
                </a:cubicBezTo>
                <a:cubicBezTo>
                  <a:pt x="48" y="152"/>
                  <a:pt x="48" y="152"/>
                  <a:pt x="48" y="152"/>
                </a:cubicBezTo>
                <a:cubicBezTo>
                  <a:pt x="24" y="152"/>
                  <a:pt x="24" y="152"/>
                  <a:pt x="24" y="152"/>
                </a:cubicBezTo>
                <a:cubicBezTo>
                  <a:pt x="24" y="84"/>
                  <a:pt x="24" y="84"/>
                  <a:pt x="24" y="84"/>
                </a:cubicBezTo>
                <a:cubicBezTo>
                  <a:pt x="24" y="82"/>
                  <a:pt x="22" y="80"/>
                  <a:pt x="20" y="80"/>
                </a:cubicBezTo>
                <a:cubicBezTo>
                  <a:pt x="18" y="80"/>
                  <a:pt x="16" y="82"/>
                  <a:pt x="16" y="84"/>
                </a:cubicBezTo>
                <a:close/>
                <a:moveTo>
                  <a:pt x="212" y="184"/>
                </a:moveTo>
                <a:cubicBezTo>
                  <a:pt x="20" y="184"/>
                  <a:pt x="20" y="184"/>
                  <a:pt x="20" y="184"/>
                </a:cubicBezTo>
                <a:cubicBezTo>
                  <a:pt x="20" y="160"/>
                  <a:pt x="20" y="160"/>
                  <a:pt x="20" y="160"/>
                </a:cubicBezTo>
                <a:cubicBezTo>
                  <a:pt x="20" y="160"/>
                  <a:pt x="20" y="160"/>
                  <a:pt x="20" y="160"/>
                </a:cubicBezTo>
                <a:cubicBezTo>
                  <a:pt x="80" y="160"/>
                  <a:pt x="80" y="160"/>
                  <a:pt x="80" y="160"/>
                </a:cubicBezTo>
                <a:cubicBezTo>
                  <a:pt x="81" y="160"/>
                  <a:pt x="82" y="160"/>
                  <a:pt x="83" y="159"/>
                </a:cubicBezTo>
                <a:cubicBezTo>
                  <a:pt x="84" y="158"/>
                  <a:pt x="84" y="157"/>
                  <a:pt x="84" y="156"/>
                </a:cubicBezTo>
                <a:cubicBezTo>
                  <a:pt x="84" y="144"/>
                  <a:pt x="84" y="144"/>
                  <a:pt x="84" y="144"/>
                </a:cubicBezTo>
                <a:cubicBezTo>
                  <a:pt x="148" y="144"/>
                  <a:pt x="148" y="144"/>
                  <a:pt x="148" y="144"/>
                </a:cubicBezTo>
                <a:cubicBezTo>
                  <a:pt x="148" y="164"/>
                  <a:pt x="148" y="164"/>
                  <a:pt x="148" y="164"/>
                </a:cubicBezTo>
                <a:cubicBezTo>
                  <a:pt x="148" y="165"/>
                  <a:pt x="148" y="166"/>
                  <a:pt x="149" y="167"/>
                </a:cubicBezTo>
                <a:cubicBezTo>
                  <a:pt x="150" y="168"/>
                  <a:pt x="151" y="168"/>
                  <a:pt x="152" y="168"/>
                </a:cubicBezTo>
                <a:cubicBezTo>
                  <a:pt x="212" y="168"/>
                  <a:pt x="212" y="168"/>
                  <a:pt x="212" y="168"/>
                </a:cubicBezTo>
                <a:cubicBezTo>
                  <a:pt x="212" y="168"/>
                  <a:pt x="212" y="168"/>
                  <a:pt x="212" y="168"/>
                </a:cubicBezTo>
                <a:lnTo>
                  <a:pt x="212" y="184"/>
                </a:lnTo>
                <a:close/>
                <a:moveTo>
                  <a:pt x="216" y="119"/>
                </a:moveTo>
                <a:cubicBezTo>
                  <a:pt x="216" y="92"/>
                  <a:pt x="216" y="92"/>
                  <a:pt x="216" y="92"/>
                </a:cubicBezTo>
                <a:cubicBezTo>
                  <a:pt x="216" y="90"/>
                  <a:pt x="214" y="88"/>
                  <a:pt x="212" y="88"/>
                </a:cubicBezTo>
                <a:cubicBezTo>
                  <a:pt x="210" y="88"/>
                  <a:pt x="208" y="90"/>
                  <a:pt x="208" y="92"/>
                </a:cubicBezTo>
                <a:cubicBezTo>
                  <a:pt x="208" y="160"/>
                  <a:pt x="208" y="160"/>
                  <a:pt x="208" y="160"/>
                </a:cubicBezTo>
                <a:cubicBezTo>
                  <a:pt x="184" y="160"/>
                  <a:pt x="184" y="160"/>
                  <a:pt x="184" y="160"/>
                </a:cubicBezTo>
                <a:cubicBezTo>
                  <a:pt x="184" y="92"/>
                  <a:pt x="184" y="92"/>
                  <a:pt x="184" y="92"/>
                </a:cubicBezTo>
                <a:cubicBezTo>
                  <a:pt x="184" y="90"/>
                  <a:pt x="182" y="88"/>
                  <a:pt x="180" y="88"/>
                </a:cubicBezTo>
                <a:cubicBezTo>
                  <a:pt x="178" y="88"/>
                  <a:pt x="176" y="90"/>
                  <a:pt x="176" y="92"/>
                </a:cubicBezTo>
                <a:cubicBezTo>
                  <a:pt x="176" y="119"/>
                  <a:pt x="176" y="119"/>
                  <a:pt x="176" y="119"/>
                </a:cubicBezTo>
                <a:cubicBezTo>
                  <a:pt x="171" y="118"/>
                  <a:pt x="168" y="113"/>
                  <a:pt x="168" y="108"/>
                </a:cubicBezTo>
                <a:cubicBezTo>
                  <a:pt x="168" y="84"/>
                  <a:pt x="168" y="84"/>
                  <a:pt x="168" y="84"/>
                </a:cubicBezTo>
                <a:cubicBezTo>
                  <a:pt x="168" y="80"/>
                  <a:pt x="171" y="76"/>
                  <a:pt x="175" y="74"/>
                </a:cubicBezTo>
                <a:cubicBezTo>
                  <a:pt x="183" y="72"/>
                  <a:pt x="183" y="72"/>
                  <a:pt x="183" y="72"/>
                </a:cubicBezTo>
                <a:cubicBezTo>
                  <a:pt x="193" y="83"/>
                  <a:pt x="193" y="83"/>
                  <a:pt x="193" y="83"/>
                </a:cubicBezTo>
                <a:cubicBezTo>
                  <a:pt x="194" y="84"/>
                  <a:pt x="195" y="84"/>
                  <a:pt x="196" y="84"/>
                </a:cubicBezTo>
                <a:cubicBezTo>
                  <a:pt x="197" y="84"/>
                  <a:pt x="198" y="84"/>
                  <a:pt x="199" y="83"/>
                </a:cubicBezTo>
                <a:cubicBezTo>
                  <a:pt x="209" y="72"/>
                  <a:pt x="209" y="72"/>
                  <a:pt x="209" y="72"/>
                </a:cubicBezTo>
                <a:cubicBezTo>
                  <a:pt x="217" y="74"/>
                  <a:pt x="217" y="74"/>
                  <a:pt x="217" y="74"/>
                </a:cubicBezTo>
                <a:cubicBezTo>
                  <a:pt x="221" y="76"/>
                  <a:pt x="224" y="80"/>
                  <a:pt x="224" y="84"/>
                </a:cubicBezTo>
                <a:cubicBezTo>
                  <a:pt x="224" y="108"/>
                  <a:pt x="224" y="108"/>
                  <a:pt x="224" y="108"/>
                </a:cubicBezTo>
                <a:cubicBezTo>
                  <a:pt x="224" y="113"/>
                  <a:pt x="221" y="118"/>
                  <a:pt x="216" y="119"/>
                </a:cubicBezTo>
                <a:close/>
                <a:moveTo>
                  <a:pt x="196" y="64"/>
                </a:moveTo>
                <a:cubicBezTo>
                  <a:pt x="207" y="64"/>
                  <a:pt x="216" y="55"/>
                  <a:pt x="216" y="44"/>
                </a:cubicBezTo>
                <a:cubicBezTo>
                  <a:pt x="216" y="33"/>
                  <a:pt x="207" y="24"/>
                  <a:pt x="196" y="24"/>
                </a:cubicBezTo>
                <a:cubicBezTo>
                  <a:pt x="185" y="24"/>
                  <a:pt x="176" y="33"/>
                  <a:pt x="176" y="44"/>
                </a:cubicBezTo>
                <a:cubicBezTo>
                  <a:pt x="176" y="55"/>
                  <a:pt x="185" y="64"/>
                  <a:pt x="196" y="64"/>
                </a:cubicBezTo>
                <a:close/>
                <a:moveTo>
                  <a:pt x="196" y="32"/>
                </a:moveTo>
                <a:cubicBezTo>
                  <a:pt x="203" y="32"/>
                  <a:pt x="208" y="37"/>
                  <a:pt x="208" y="44"/>
                </a:cubicBezTo>
                <a:cubicBezTo>
                  <a:pt x="208" y="51"/>
                  <a:pt x="203" y="56"/>
                  <a:pt x="196" y="56"/>
                </a:cubicBezTo>
                <a:cubicBezTo>
                  <a:pt x="189" y="56"/>
                  <a:pt x="184" y="51"/>
                  <a:pt x="184" y="44"/>
                </a:cubicBezTo>
                <a:cubicBezTo>
                  <a:pt x="184" y="37"/>
                  <a:pt x="189" y="32"/>
                  <a:pt x="196" y="32"/>
                </a:cubicBezTo>
                <a:close/>
                <a:moveTo>
                  <a:pt x="36" y="56"/>
                </a:moveTo>
                <a:cubicBezTo>
                  <a:pt x="47" y="56"/>
                  <a:pt x="56" y="47"/>
                  <a:pt x="56" y="36"/>
                </a:cubicBezTo>
                <a:cubicBezTo>
                  <a:pt x="56" y="25"/>
                  <a:pt x="47" y="16"/>
                  <a:pt x="36" y="16"/>
                </a:cubicBezTo>
                <a:cubicBezTo>
                  <a:pt x="25" y="16"/>
                  <a:pt x="16" y="25"/>
                  <a:pt x="16" y="36"/>
                </a:cubicBezTo>
                <a:cubicBezTo>
                  <a:pt x="16" y="47"/>
                  <a:pt x="25" y="56"/>
                  <a:pt x="36" y="56"/>
                </a:cubicBezTo>
                <a:close/>
                <a:moveTo>
                  <a:pt x="36" y="24"/>
                </a:moveTo>
                <a:cubicBezTo>
                  <a:pt x="43" y="24"/>
                  <a:pt x="48" y="29"/>
                  <a:pt x="48" y="36"/>
                </a:cubicBezTo>
                <a:cubicBezTo>
                  <a:pt x="48" y="43"/>
                  <a:pt x="43" y="48"/>
                  <a:pt x="36" y="48"/>
                </a:cubicBezTo>
                <a:cubicBezTo>
                  <a:pt x="29" y="48"/>
                  <a:pt x="24" y="43"/>
                  <a:pt x="24" y="36"/>
                </a:cubicBezTo>
                <a:cubicBezTo>
                  <a:pt x="24" y="29"/>
                  <a:pt x="29" y="24"/>
                  <a:pt x="36" y="24"/>
                </a:cubicBezTo>
                <a:close/>
              </a:path>
            </a:pathLst>
          </a:custGeom>
          <a:solidFill>
            <a:srgbClr val="024D78"/>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34" name="TextBox 133">
            <a:extLst>
              <a:ext uri="{FF2B5EF4-FFF2-40B4-BE49-F238E27FC236}">
                <a16:creationId xmlns:a16="http://schemas.microsoft.com/office/drawing/2014/main" id="{CDE138A1-C0B0-FF27-CEEB-B5FCF0686C74}"/>
              </a:ext>
            </a:extLst>
          </p:cNvPr>
          <p:cNvSpPr txBox="1"/>
          <p:nvPr/>
        </p:nvSpPr>
        <p:spPr>
          <a:xfrm>
            <a:off x="7249102" y="1874760"/>
            <a:ext cx="2162754" cy="246221"/>
          </a:xfrm>
          <a:prstGeom prst="rect">
            <a:avLst/>
          </a:prstGeom>
          <a:noFill/>
        </p:spPr>
        <p:txBody>
          <a:bodyPr wrap="square" lIns="0">
            <a:spAutoFit/>
          </a:bodyPr>
          <a:lstStyle/>
          <a:p>
            <a:r>
              <a:rPr lang="da-DK" sz="1000" b="1" noProof="0">
                <a:solidFill>
                  <a:srgbClr val="36465A"/>
                </a:solidFill>
              </a:rPr>
              <a:t>Udfordringer adresseret</a:t>
            </a:r>
            <a:endParaRPr lang="da-DK" sz="1000" noProof="0">
              <a:solidFill>
                <a:srgbClr val="36465A"/>
              </a:solidFill>
            </a:endParaRPr>
          </a:p>
        </p:txBody>
      </p:sp>
      <p:sp>
        <p:nvSpPr>
          <p:cNvPr id="26" name="TextBox 4">
            <a:extLst>
              <a:ext uri="{FF2B5EF4-FFF2-40B4-BE49-F238E27FC236}">
                <a16:creationId xmlns:a16="http://schemas.microsoft.com/office/drawing/2014/main" id="{0F4B570B-983B-B2DE-1BA7-91E4BFEA4C81}"/>
              </a:ext>
              <a:ext uri="{C183D7F6-B498-43B3-948B-1728B52AA6E4}">
                <adec:decorative xmlns:adec="http://schemas.microsoft.com/office/drawing/2017/decorative" val="0"/>
              </a:ext>
            </a:extLst>
          </p:cNvPr>
          <p:cNvSpPr txBox="1">
            <a:spLocks/>
          </p:cNvSpPr>
          <p:nvPr/>
        </p:nvSpPr>
        <p:spPr>
          <a:xfrm>
            <a:off x="7527006" y="2244023"/>
            <a:ext cx="1931343" cy="296832"/>
          </a:xfrm>
          <a:prstGeom prst="rect">
            <a:avLst/>
          </a:prstGeom>
          <a:noFill/>
        </p:spPr>
        <p:txBody>
          <a:bodyPr wrap="square" rtlCol="0" anchor="ctr">
            <a:noAutofit/>
          </a:bodyPr>
          <a:lstStyle/>
          <a:p>
            <a:r>
              <a:rPr lang="da-DK" sz="700" b="1" noProof="0" dirty="0">
                <a:solidFill>
                  <a:srgbClr val="024D78"/>
                </a:solidFill>
              </a:rPr>
              <a:t>01 | Høj afhængighed af større leverandører og manglende konkurrence</a:t>
            </a:r>
          </a:p>
        </p:txBody>
      </p:sp>
      <p:sp>
        <p:nvSpPr>
          <p:cNvPr id="27" name="Rektangel: afrundede hjørner 5">
            <a:extLst>
              <a:ext uri="{FF2B5EF4-FFF2-40B4-BE49-F238E27FC236}">
                <a16:creationId xmlns:a16="http://schemas.microsoft.com/office/drawing/2014/main" id="{AF2585DC-8E46-856B-0B1A-079CBDF09747}"/>
              </a:ext>
              <a:ext uri="{C183D7F6-B498-43B3-948B-1728B52AA6E4}">
                <adec:decorative xmlns:adec="http://schemas.microsoft.com/office/drawing/2017/decorative" val="1"/>
              </a:ext>
            </a:extLst>
          </p:cNvPr>
          <p:cNvSpPr>
            <a:spLocks/>
          </p:cNvSpPr>
          <p:nvPr/>
        </p:nvSpPr>
        <p:spPr>
          <a:xfrm>
            <a:off x="7242764" y="2651061"/>
            <a:ext cx="2169325" cy="319850"/>
          </a:xfrm>
          <a:prstGeom prst="roundRect">
            <a:avLst>
              <a:gd name="adj" fmla="val 5714"/>
            </a:avLst>
          </a:prstGeom>
          <a:solidFill>
            <a:schemeClr val="bg1">
              <a:lumMod val="95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8" name="TextBox 11">
            <a:extLst>
              <a:ext uri="{FF2B5EF4-FFF2-40B4-BE49-F238E27FC236}">
                <a16:creationId xmlns:a16="http://schemas.microsoft.com/office/drawing/2014/main" id="{539371B2-A6B7-FBCE-21E9-D318702458A6}"/>
              </a:ext>
              <a:ext uri="{C183D7F6-B498-43B3-948B-1728B52AA6E4}">
                <adec:decorative xmlns:adec="http://schemas.microsoft.com/office/drawing/2017/decorative" val="0"/>
              </a:ext>
            </a:extLst>
          </p:cNvPr>
          <p:cNvSpPr txBox="1">
            <a:spLocks/>
          </p:cNvSpPr>
          <p:nvPr/>
        </p:nvSpPr>
        <p:spPr>
          <a:xfrm>
            <a:off x="7527006" y="2671796"/>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2 | Manglende kontrol og transparens over egne data</a:t>
            </a:r>
          </a:p>
        </p:txBody>
      </p:sp>
      <p:grpSp>
        <p:nvGrpSpPr>
          <p:cNvPr id="29" name="Group 45">
            <a:extLst>
              <a:ext uri="{FF2B5EF4-FFF2-40B4-BE49-F238E27FC236}">
                <a16:creationId xmlns:a16="http://schemas.microsoft.com/office/drawing/2014/main" id="{3CD4C560-1C70-4406-774B-32DEA8D00B5F}"/>
              </a:ext>
              <a:ext uri="{C183D7F6-B498-43B3-948B-1728B52AA6E4}">
                <adec:decorative xmlns:adec="http://schemas.microsoft.com/office/drawing/2017/decorative" val="1"/>
              </a:ext>
            </a:extLst>
          </p:cNvPr>
          <p:cNvGrpSpPr>
            <a:grpSpLocks/>
          </p:cNvGrpSpPr>
          <p:nvPr/>
        </p:nvGrpSpPr>
        <p:grpSpPr>
          <a:xfrm>
            <a:off x="7310599" y="2707229"/>
            <a:ext cx="175383" cy="207497"/>
            <a:chOff x="4436824" y="4606930"/>
            <a:chExt cx="450850" cy="533401"/>
          </a:xfrm>
          <a:solidFill>
            <a:srgbClr val="024D78"/>
          </a:solidFill>
        </p:grpSpPr>
        <p:sp>
          <p:nvSpPr>
            <p:cNvPr id="39" name="Freeform 208">
              <a:extLst>
                <a:ext uri="{FF2B5EF4-FFF2-40B4-BE49-F238E27FC236}">
                  <a16:creationId xmlns:a16="http://schemas.microsoft.com/office/drawing/2014/main" id="{CA1D6456-E64B-73DE-3091-B320BED89B06}"/>
                </a:ext>
              </a:extLst>
            </p:cNvPr>
            <p:cNvSpPr>
              <a:spLocks/>
            </p:cNvSpPr>
            <p:nvPr/>
          </p:nvSpPr>
          <p:spPr bwMode="auto">
            <a:xfrm>
              <a:off x="4744799" y="4648205"/>
              <a:ext cx="101600" cy="103188"/>
            </a:xfrm>
            <a:custGeom>
              <a:avLst/>
              <a:gdLst>
                <a:gd name="T0" fmla="*/ 4 w 40"/>
                <a:gd name="T1" fmla="*/ 0 h 40"/>
                <a:gd name="T2" fmla="*/ 0 w 40"/>
                <a:gd name="T3" fmla="*/ 4 h 40"/>
                <a:gd name="T4" fmla="*/ 0 w 40"/>
                <a:gd name="T5" fmla="*/ 24 h 40"/>
                <a:gd name="T6" fmla="*/ 16 w 40"/>
                <a:gd name="T7" fmla="*/ 40 h 40"/>
                <a:gd name="T8" fmla="*/ 36 w 40"/>
                <a:gd name="T9" fmla="*/ 40 h 40"/>
                <a:gd name="T10" fmla="*/ 40 w 40"/>
                <a:gd name="T11" fmla="*/ 36 h 40"/>
                <a:gd name="T12" fmla="*/ 36 w 40"/>
                <a:gd name="T13" fmla="*/ 32 h 40"/>
                <a:gd name="T14" fmla="*/ 16 w 40"/>
                <a:gd name="T15" fmla="*/ 32 h 40"/>
                <a:gd name="T16" fmla="*/ 8 w 40"/>
                <a:gd name="T17" fmla="*/ 24 h 40"/>
                <a:gd name="T18" fmla="*/ 8 w 40"/>
                <a:gd name="T19" fmla="*/ 4 h 40"/>
                <a:gd name="T20" fmla="*/ 4 w 40"/>
                <a:gd name="T21" fmla="*/ 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0" h="40">
                  <a:moveTo>
                    <a:pt x="4" y="0"/>
                  </a:moveTo>
                  <a:cubicBezTo>
                    <a:pt x="2" y="0"/>
                    <a:pt x="0" y="2"/>
                    <a:pt x="0" y="4"/>
                  </a:cubicBezTo>
                  <a:cubicBezTo>
                    <a:pt x="0" y="24"/>
                    <a:pt x="0" y="24"/>
                    <a:pt x="0" y="24"/>
                  </a:cubicBezTo>
                  <a:cubicBezTo>
                    <a:pt x="0" y="33"/>
                    <a:pt x="7" y="40"/>
                    <a:pt x="16" y="40"/>
                  </a:cubicBezTo>
                  <a:cubicBezTo>
                    <a:pt x="36" y="40"/>
                    <a:pt x="36" y="40"/>
                    <a:pt x="36" y="40"/>
                  </a:cubicBezTo>
                  <a:cubicBezTo>
                    <a:pt x="38" y="40"/>
                    <a:pt x="40" y="38"/>
                    <a:pt x="40" y="36"/>
                  </a:cubicBezTo>
                  <a:cubicBezTo>
                    <a:pt x="40" y="34"/>
                    <a:pt x="38" y="32"/>
                    <a:pt x="36" y="32"/>
                  </a:cubicBezTo>
                  <a:cubicBezTo>
                    <a:pt x="16" y="32"/>
                    <a:pt x="16" y="32"/>
                    <a:pt x="16" y="32"/>
                  </a:cubicBezTo>
                  <a:cubicBezTo>
                    <a:pt x="12" y="32"/>
                    <a:pt x="8" y="28"/>
                    <a:pt x="8" y="24"/>
                  </a:cubicBezTo>
                  <a:cubicBezTo>
                    <a:pt x="8" y="4"/>
                    <a:pt x="8" y="4"/>
                    <a:pt x="8" y="4"/>
                  </a:cubicBezTo>
                  <a:cubicBezTo>
                    <a:pt x="8" y="2"/>
                    <a:pt x="6" y="0"/>
                    <a:pt x="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8" name="Freeform 209">
              <a:extLst>
                <a:ext uri="{FF2B5EF4-FFF2-40B4-BE49-F238E27FC236}">
                  <a16:creationId xmlns:a16="http://schemas.microsoft.com/office/drawing/2014/main" id="{9F94383C-A3D1-4C3B-E8D3-BD4697C313D4}"/>
                </a:ext>
              </a:extLst>
            </p:cNvPr>
            <p:cNvSpPr>
              <a:spLocks/>
            </p:cNvSpPr>
            <p:nvPr/>
          </p:nvSpPr>
          <p:spPr bwMode="auto">
            <a:xfrm>
              <a:off x="4478099" y="4606930"/>
              <a:ext cx="409575" cy="533401"/>
            </a:xfrm>
            <a:custGeom>
              <a:avLst/>
              <a:gdLst>
                <a:gd name="T0" fmla="*/ 154 w 160"/>
                <a:gd name="T1" fmla="*/ 36 h 208"/>
                <a:gd name="T2" fmla="*/ 124 w 160"/>
                <a:gd name="T3" fmla="*/ 6 h 208"/>
                <a:gd name="T4" fmla="*/ 109 w 160"/>
                <a:gd name="T5" fmla="*/ 0 h 208"/>
                <a:gd name="T6" fmla="*/ 20 w 160"/>
                <a:gd name="T7" fmla="*/ 0 h 208"/>
                <a:gd name="T8" fmla="*/ 0 w 160"/>
                <a:gd name="T9" fmla="*/ 20 h 208"/>
                <a:gd name="T10" fmla="*/ 0 w 160"/>
                <a:gd name="T11" fmla="*/ 52 h 208"/>
                <a:gd name="T12" fmla="*/ 4 w 160"/>
                <a:gd name="T13" fmla="*/ 56 h 208"/>
                <a:gd name="T14" fmla="*/ 8 w 160"/>
                <a:gd name="T15" fmla="*/ 52 h 208"/>
                <a:gd name="T16" fmla="*/ 8 w 160"/>
                <a:gd name="T17" fmla="*/ 20 h 208"/>
                <a:gd name="T18" fmla="*/ 20 w 160"/>
                <a:gd name="T19" fmla="*/ 8 h 208"/>
                <a:gd name="T20" fmla="*/ 109 w 160"/>
                <a:gd name="T21" fmla="*/ 8 h 208"/>
                <a:gd name="T22" fmla="*/ 118 w 160"/>
                <a:gd name="T23" fmla="*/ 12 h 208"/>
                <a:gd name="T24" fmla="*/ 148 w 160"/>
                <a:gd name="T25" fmla="*/ 42 h 208"/>
                <a:gd name="T26" fmla="*/ 152 w 160"/>
                <a:gd name="T27" fmla="*/ 51 h 208"/>
                <a:gd name="T28" fmla="*/ 152 w 160"/>
                <a:gd name="T29" fmla="*/ 188 h 208"/>
                <a:gd name="T30" fmla="*/ 140 w 160"/>
                <a:gd name="T31" fmla="*/ 200 h 208"/>
                <a:gd name="T32" fmla="*/ 20 w 160"/>
                <a:gd name="T33" fmla="*/ 200 h 208"/>
                <a:gd name="T34" fmla="*/ 8 w 160"/>
                <a:gd name="T35" fmla="*/ 188 h 208"/>
                <a:gd name="T36" fmla="*/ 8 w 160"/>
                <a:gd name="T37" fmla="*/ 180 h 208"/>
                <a:gd name="T38" fmla="*/ 4 w 160"/>
                <a:gd name="T39" fmla="*/ 176 h 208"/>
                <a:gd name="T40" fmla="*/ 0 w 160"/>
                <a:gd name="T41" fmla="*/ 180 h 208"/>
                <a:gd name="T42" fmla="*/ 0 w 160"/>
                <a:gd name="T43" fmla="*/ 188 h 208"/>
                <a:gd name="T44" fmla="*/ 20 w 160"/>
                <a:gd name="T45" fmla="*/ 208 h 208"/>
                <a:gd name="T46" fmla="*/ 140 w 160"/>
                <a:gd name="T47" fmla="*/ 208 h 208"/>
                <a:gd name="T48" fmla="*/ 160 w 160"/>
                <a:gd name="T49" fmla="*/ 188 h 208"/>
                <a:gd name="T50" fmla="*/ 160 w 160"/>
                <a:gd name="T51" fmla="*/ 51 h 208"/>
                <a:gd name="T52" fmla="*/ 154 w 160"/>
                <a:gd name="T53" fmla="*/ 36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60" h="208">
                  <a:moveTo>
                    <a:pt x="154" y="36"/>
                  </a:moveTo>
                  <a:cubicBezTo>
                    <a:pt x="124" y="6"/>
                    <a:pt x="124" y="6"/>
                    <a:pt x="124" y="6"/>
                  </a:cubicBezTo>
                  <a:cubicBezTo>
                    <a:pt x="120" y="2"/>
                    <a:pt x="115" y="0"/>
                    <a:pt x="109" y="0"/>
                  </a:cubicBezTo>
                  <a:cubicBezTo>
                    <a:pt x="20" y="0"/>
                    <a:pt x="20" y="0"/>
                    <a:pt x="20" y="0"/>
                  </a:cubicBezTo>
                  <a:cubicBezTo>
                    <a:pt x="9" y="0"/>
                    <a:pt x="0" y="9"/>
                    <a:pt x="0" y="20"/>
                  </a:cubicBezTo>
                  <a:cubicBezTo>
                    <a:pt x="0" y="52"/>
                    <a:pt x="0" y="52"/>
                    <a:pt x="0" y="52"/>
                  </a:cubicBezTo>
                  <a:cubicBezTo>
                    <a:pt x="0" y="54"/>
                    <a:pt x="2" y="56"/>
                    <a:pt x="4" y="56"/>
                  </a:cubicBezTo>
                  <a:cubicBezTo>
                    <a:pt x="6" y="56"/>
                    <a:pt x="8" y="54"/>
                    <a:pt x="8" y="52"/>
                  </a:cubicBezTo>
                  <a:cubicBezTo>
                    <a:pt x="8" y="20"/>
                    <a:pt x="8" y="20"/>
                    <a:pt x="8" y="20"/>
                  </a:cubicBezTo>
                  <a:cubicBezTo>
                    <a:pt x="8" y="13"/>
                    <a:pt x="13" y="8"/>
                    <a:pt x="20" y="8"/>
                  </a:cubicBezTo>
                  <a:cubicBezTo>
                    <a:pt x="109" y="8"/>
                    <a:pt x="109" y="8"/>
                    <a:pt x="109" y="8"/>
                  </a:cubicBezTo>
                  <a:cubicBezTo>
                    <a:pt x="113" y="8"/>
                    <a:pt x="116" y="9"/>
                    <a:pt x="118" y="12"/>
                  </a:cubicBezTo>
                  <a:cubicBezTo>
                    <a:pt x="148" y="42"/>
                    <a:pt x="148" y="42"/>
                    <a:pt x="148" y="42"/>
                  </a:cubicBezTo>
                  <a:cubicBezTo>
                    <a:pt x="151" y="44"/>
                    <a:pt x="152" y="47"/>
                    <a:pt x="152" y="51"/>
                  </a:cubicBezTo>
                  <a:cubicBezTo>
                    <a:pt x="152" y="188"/>
                    <a:pt x="152" y="188"/>
                    <a:pt x="152" y="188"/>
                  </a:cubicBezTo>
                  <a:cubicBezTo>
                    <a:pt x="152" y="195"/>
                    <a:pt x="147" y="200"/>
                    <a:pt x="140" y="200"/>
                  </a:cubicBezTo>
                  <a:cubicBezTo>
                    <a:pt x="20" y="200"/>
                    <a:pt x="20" y="200"/>
                    <a:pt x="20" y="200"/>
                  </a:cubicBezTo>
                  <a:cubicBezTo>
                    <a:pt x="13" y="200"/>
                    <a:pt x="8" y="195"/>
                    <a:pt x="8" y="188"/>
                  </a:cubicBezTo>
                  <a:cubicBezTo>
                    <a:pt x="8" y="180"/>
                    <a:pt x="8" y="180"/>
                    <a:pt x="8" y="180"/>
                  </a:cubicBezTo>
                  <a:cubicBezTo>
                    <a:pt x="8" y="178"/>
                    <a:pt x="6" y="176"/>
                    <a:pt x="4" y="176"/>
                  </a:cubicBezTo>
                  <a:cubicBezTo>
                    <a:pt x="2" y="176"/>
                    <a:pt x="0" y="178"/>
                    <a:pt x="0" y="180"/>
                  </a:cubicBezTo>
                  <a:cubicBezTo>
                    <a:pt x="0" y="188"/>
                    <a:pt x="0" y="188"/>
                    <a:pt x="0" y="188"/>
                  </a:cubicBezTo>
                  <a:cubicBezTo>
                    <a:pt x="0" y="199"/>
                    <a:pt x="9" y="208"/>
                    <a:pt x="20" y="208"/>
                  </a:cubicBezTo>
                  <a:cubicBezTo>
                    <a:pt x="140" y="208"/>
                    <a:pt x="140" y="208"/>
                    <a:pt x="140" y="208"/>
                  </a:cubicBezTo>
                  <a:cubicBezTo>
                    <a:pt x="151" y="208"/>
                    <a:pt x="160" y="199"/>
                    <a:pt x="160" y="188"/>
                  </a:cubicBezTo>
                  <a:cubicBezTo>
                    <a:pt x="160" y="51"/>
                    <a:pt x="160" y="51"/>
                    <a:pt x="160" y="51"/>
                  </a:cubicBezTo>
                  <a:cubicBezTo>
                    <a:pt x="160" y="45"/>
                    <a:pt x="158" y="40"/>
                    <a:pt x="154"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59" name="Freeform 210">
              <a:extLst>
                <a:ext uri="{FF2B5EF4-FFF2-40B4-BE49-F238E27FC236}">
                  <a16:creationId xmlns:a16="http://schemas.microsoft.com/office/drawing/2014/main" id="{25C35327-2A1F-874F-0A31-8F6C6D9A2280}"/>
                </a:ext>
              </a:extLst>
            </p:cNvPr>
            <p:cNvSpPr>
              <a:spLocks/>
            </p:cNvSpPr>
            <p:nvPr/>
          </p:nvSpPr>
          <p:spPr bwMode="auto">
            <a:xfrm>
              <a:off x="4540011" y="4914905"/>
              <a:ext cx="41275" cy="61913"/>
            </a:xfrm>
            <a:custGeom>
              <a:avLst/>
              <a:gdLst>
                <a:gd name="T0" fmla="*/ 4 w 16"/>
                <a:gd name="T1" fmla="*/ 15 h 24"/>
                <a:gd name="T2" fmla="*/ 4 w 16"/>
                <a:gd name="T3" fmla="*/ 20 h 24"/>
                <a:gd name="T4" fmla="*/ 8 w 16"/>
                <a:gd name="T5" fmla="*/ 24 h 24"/>
                <a:gd name="T6" fmla="*/ 12 w 16"/>
                <a:gd name="T7" fmla="*/ 20 h 24"/>
                <a:gd name="T8" fmla="*/ 12 w 16"/>
                <a:gd name="T9" fmla="*/ 15 h 24"/>
                <a:gd name="T10" fmla="*/ 16 w 16"/>
                <a:gd name="T11" fmla="*/ 8 h 24"/>
                <a:gd name="T12" fmla="*/ 8 w 16"/>
                <a:gd name="T13" fmla="*/ 0 h 24"/>
                <a:gd name="T14" fmla="*/ 0 w 16"/>
                <a:gd name="T15" fmla="*/ 8 h 24"/>
                <a:gd name="T16" fmla="*/ 4 w 16"/>
                <a:gd name="T17" fmla="*/ 15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24">
                  <a:moveTo>
                    <a:pt x="4" y="15"/>
                  </a:moveTo>
                  <a:cubicBezTo>
                    <a:pt x="4" y="20"/>
                    <a:pt x="4" y="20"/>
                    <a:pt x="4" y="20"/>
                  </a:cubicBezTo>
                  <a:cubicBezTo>
                    <a:pt x="4" y="22"/>
                    <a:pt x="6" y="24"/>
                    <a:pt x="8" y="24"/>
                  </a:cubicBezTo>
                  <a:cubicBezTo>
                    <a:pt x="10" y="24"/>
                    <a:pt x="12" y="22"/>
                    <a:pt x="12" y="20"/>
                  </a:cubicBezTo>
                  <a:cubicBezTo>
                    <a:pt x="12" y="15"/>
                    <a:pt x="12" y="15"/>
                    <a:pt x="12" y="15"/>
                  </a:cubicBezTo>
                  <a:cubicBezTo>
                    <a:pt x="14" y="13"/>
                    <a:pt x="16" y="11"/>
                    <a:pt x="16" y="8"/>
                  </a:cubicBezTo>
                  <a:cubicBezTo>
                    <a:pt x="16" y="4"/>
                    <a:pt x="12" y="0"/>
                    <a:pt x="8" y="0"/>
                  </a:cubicBezTo>
                  <a:cubicBezTo>
                    <a:pt x="4" y="0"/>
                    <a:pt x="0" y="4"/>
                    <a:pt x="0" y="8"/>
                  </a:cubicBezTo>
                  <a:cubicBezTo>
                    <a:pt x="0" y="11"/>
                    <a:pt x="2" y="13"/>
                    <a:pt x="4" y="1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60" name="Freeform 211">
              <a:extLst>
                <a:ext uri="{FF2B5EF4-FFF2-40B4-BE49-F238E27FC236}">
                  <a16:creationId xmlns:a16="http://schemas.microsoft.com/office/drawing/2014/main" id="{82C65DBA-3EDB-125F-76C6-3401AC259DCB}"/>
                </a:ext>
              </a:extLst>
            </p:cNvPr>
            <p:cNvSpPr>
              <a:spLocks noEditPoints="1"/>
            </p:cNvSpPr>
            <p:nvPr/>
          </p:nvSpPr>
          <p:spPr bwMode="auto">
            <a:xfrm>
              <a:off x="4436824" y="4751393"/>
              <a:ext cx="246062" cy="287338"/>
            </a:xfrm>
            <a:custGeom>
              <a:avLst/>
              <a:gdLst>
                <a:gd name="T0" fmla="*/ 80 w 96"/>
                <a:gd name="T1" fmla="*/ 112 h 112"/>
                <a:gd name="T2" fmla="*/ 96 w 96"/>
                <a:gd name="T3" fmla="*/ 96 h 112"/>
                <a:gd name="T4" fmla="*/ 96 w 96"/>
                <a:gd name="T5" fmla="*/ 56 h 112"/>
                <a:gd name="T6" fmla="*/ 80 w 96"/>
                <a:gd name="T7" fmla="*/ 40 h 112"/>
                <a:gd name="T8" fmla="*/ 80 w 96"/>
                <a:gd name="T9" fmla="*/ 32 h 112"/>
                <a:gd name="T10" fmla="*/ 48 w 96"/>
                <a:gd name="T11" fmla="*/ 0 h 112"/>
                <a:gd name="T12" fmla="*/ 16 w 96"/>
                <a:gd name="T13" fmla="*/ 32 h 112"/>
                <a:gd name="T14" fmla="*/ 16 w 96"/>
                <a:gd name="T15" fmla="*/ 40 h 112"/>
                <a:gd name="T16" fmla="*/ 0 w 96"/>
                <a:gd name="T17" fmla="*/ 56 h 112"/>
                <a:gd name="T18" fmla="*/ 0 w 96"/>
                <a:gd name="T19" fmla="*/ 96 h 112"/>
                <a:gd name="T20" fmla="*/ 16 w 96"/>
                <a:gd name="T21" fmla="*/ 112 h 112"/>
                <a:gd name="T22" fmla="*/ 80 w 96"/>
                <a:gd name="T23" fmla="*/ 112 h 112"/>
                <a:gd name="T24" fmla="*/ 24 w 96"/>
                <a:gd name="T25" fmla="*/ 32 h 112"/>
                <a:gd name="T26" fmla="*/ 48 w 96"/>
                <a:gd name="T27" fmla="*/ 8 h 112"/>
                <a:gd name="T28" fmla="*/ 72 w 96"/>
                <a:gd name="T29" fmla="*/ 32 h 112"/>
                <a:gd name="T30" fmla="*/ 72 w 96"/>
                <a:gd name="T31" fmla="*/ 40 h 112"/>
                <a:gd name="T32" fmla="*/ 24 w 96"/>
                <a:gd name="T33" fmla="*/ 40 h 112"/>
                <a:gd name="T34" fmla="*/ 24 w 96"/>
                <a:gd name="T35" fmla="*/ 32 h 112"/>
                <a:gd name="T36" fmla="*/ 8 w 96"/>
                <a:gd name="T37" fmla="*/ 96 h 112"/>
                <a:gd name="T38" fmla="*/ 8 w 96"/>
                <a:gd name="T39" fmla="*/ 56 h 112"/>
                <a:gd name="T40" fmla="*/ 16 w 96"/>
                <a:gd name="T41" fmla="*/ 48 h 112"/>
                <a:gd name="T42" fmla="*/ 80 w 96"/>
                <a:gd name="T43" fmla="*/ 48 h 112"/>
                <a:gd name="T44" fmla="*/ 88 w 96"/>
                <a:gd name="T45" fmla="*/ 56 h 112"/>
                <a:gd name="T46" fmla="*/ 88 w 96"/>
                <a:gd name="T47" fmla="*/ 96 h 112"/>
                <a:gd name="T48" fmla="*/ 80 w 96"/>
                <a:gd name="T49" fmla="*/ 104 h 112"/>
                <a:gd name="T50" fmla="*/ 16 w 96"/>
                <a:gd name="T51" fmla="*/ 104 h 112"/>
                <a:gd name="T52" fmla="*/ 8 w 96"/>
                <a:gd name="T53" fmla="*/ 96 h 1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 h="112">
                  <a:moveTo>
                    <a:pt x="80" y="112"/>
                  </a:moveTo>
                  <a:cubicBezTo>
                    <a:pt x="89" y="112"/>
                    <a:pt x="96" y="105"/>
                    <a:pt x="96" y="96"/>
                  </a:cubicBezTo>
                  <a:cubicBezTo>
                    <a:pt x="96" y="56"/>
                    <a:pt x="96" y="56"/>
                    <a:pt x="96" y="56"/>
                  </a:cubicBezTo>
                  <a:cubicBezTo>
                    <a:pt x="96" y="47"/>
                    <a:pt x="89" y="40"/>
                    <a:pt x="80" y="40"/>
                  </a:cubicBezTo>
                  <a:cubicBezTo>
                    <a:pt x="80" y="32"/>
                    <a:pt x="80" y="32"/>
                    <a:pt x="80" y="32"/>
                  </a:cubicBezTo>
                  <a:cubicBezTo>
                    <a:pt x="80" y="14"/>
                    <a:pt x="66" y="0"/>
                    <a:pt x="48" y="0"/>
                  </a:cubicBezTo>
                  <a:cubicBezTo>
                    <a:pt x="30" y="0"/>
                    <a:pt x="16" y="14"/>
                    <a:pt x="16" y="32"/>
                  </a:cubicBezTo>
                  <a:cubicBezTo>
                    <a:pt x="16" y="40"/>
                    <a:pt x="16" y="40"/>
                    <a:pt x="16" y="40"/>
                  </a:cubicBezTo>
                  <a:cubicBezTo>
                    <a:pt x="7" y="40"/>
                    <a:pt x="0" y="47"/>
                    <a:pt x="0" y="56"/>
                  </a:cubicBezTo>
                  <a:cubicBezTo>
                    <a:pt x="0" y="96"/>
                    <a:pt x="0" y="96"/>
                    <a:pt x="0" y="96"/>
                  </a:cubicBezTo>
                  <a:cubicBezTo>
                    <a:pt x="0" y="105"/>
                    <a:pt x="7" y="112"/>
                    <a:pt x="16" y="112"/>
                  </a:cubicBezTo>
                  <a:lnTo>
                    <a:pt x="80" y="112"/>
                  </a:lnTo>
                  <a:close/>
                  <a:moveTo>
                    <a:pt x="24" y="32"/>
                  </a:moveTo>
                  <a:cubicBezTo>
                    <a:pt x="24" y="19"/>
                    <a:pt x="35" y="8"/>
                    <a:pt x="48" y="8"/>
                  </a:cubicBezTo>
                  <a:cubicBezTo>
                    <a:pt x="61" y="8"/>
                    <a:pt x="72" y="19"/>
                    <a:pt x="72" y="32"/>
                  </a:cubicBezTo>
                  <a:cubicBezTo>
                    <a:pt x="72" y="40"/>
                    <a:pt x="72" y="40"/>
                    <a:pt x="72" y="40"/>
                  </a:cubicBezTo>
                  <a:cubicBezTo>
                    <a:pt x="24" y="40"/>
                    <a:pt x="24" y="40"/>
                    <a:pt x="24" y="40"/>
                  </a:cubicBezTo>
                  <a:lnTo>
                    <a:pt x="24" y="32"/>
                  </a:lnTo>
                  <a:close/>
                  <a:moveTo>
                    <a:pt x="8" y="96"/>
                  </a:moveTo>
                  <a:cubicBezTo>
                    <a:pt x="8" y="56"/>
                    <a:pt x="8" y="56"/>
                    <a:pt x="8" y="56"/>
                  </a:cubicBezTo>
                  <a:cubicBezTo>
                    <a:pt x="8" y="52"/>
                    <a:pt x="12" y="48"/>
                    <a:pt x="16" y="48"/>
                  </a:cubicBezTo>
                  <a:cubicBezTo>
                    <a:pt x="80" y="48"/>
                    <a:pt x="80" y="48"/>
                    <a:pt x="80" y="48"/>
                  </a:cubicBezTo>
                  <a:cubicBezTo>
                    <a:pt x="84" y="48"/>
                    <a:pt x="88" y="52"/>
                    <a:pt x="88" y="56"/>
                  </a:cubicBezTo>
                  <a:cubicBezTo>
                    <a:pt x="88" y="96"/>
                    <a:pt x="88" y="96"/>
                    <a:pt x="88" y="96"/>
                  </a:cubicBezTo>
                  <a:cubicBezTo>
                    <a:pt x="88" y="100"/>
                    <a:pt x="84" y="104"/>
                    <a:pt x="80" y="104"/>
                  </a:cubicBezTo>
                  <a:cubicBezTo>
                    <a:pt x="16" y="104"/>
                    <a:pt x="16" y="104"/>
                    <a:pt x="16" y="104"/>
                  </a:cubicBezTo>
                  <a:cubicBezTo>
                    <a:pt x="12" y="104"/>
                    <a:pt x="8" y="100"/>
                    <a:pt x="8" y="9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grpSp>
      <p:sp>
        <p:nvSpPr>
          <p:cNvPr id="30" name="Rektangel: afrundede hjørner 9">
            <a:extLst>
              <a:ext uri="{FF2B5EF4-FFF2-40B4-BE49-F238E27FC236}">
                <a16:creationId xmlns:a16="http://schemas.microsoft.com/office/drawing/2014/main" id="{49DFBA00-AE5A-9EF4-1E05-86340C03BFD5}"/>
              </a:ext>
              <a:ext uri="{C183D7F6-B498-43B3-948B-1728B52AA6E4}">
                <adec:decorative xmlns:adec="http://schemas.microsoft.com/office/drawing/2017/decorative" val="1"/>
              </a:ext>
            </a:extLst>
          </p:cNvPr>
          <p:cNvSpPr>
            <a:spLocks/>
          </p:cNvSpPr>
          <p:nvPr/>
        </p:nvSpPr>
        <p:spPr>
          <a:xfrm>
            <a:off x="7242991" y="3073402"/>
            <a:ext cx="2168865" cy="319850"/>
          </a:xfrm>
          <a:prstGeom prst="roundRect">
            <a:avLst>
              <a:gd name="adj" fmla="val 5714"/>
            </a:avLst>
          </a:prstGeom>
          <a:solidFill>
            <a:schemeClr val="tx2">
              <a:lumMod val="25000"/>
              <a:alpha val="1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1" name="TextBox 23">
            <a:extLst>
              <a:ext uri="{FF2B5EF4-FFF2-40B4-BE49-F238E27FC236}">
                <a16:creationId xmlns:a16="http://schemas.microsoft.com/office/drawing/2014/main" id="{DB43011D-0057-1C69-FD75-6680FB81877C}"/>
              </a:ext>
              <a:ext uri="{C183D7F6-B498-43B3-948B-1728B52AA6E4}">
                <adec:decorative xmlns:adec="http://schemas.microsoft.com/office/drawing/2017/decorative" val="0"/>
              </a:ext>
            </a:extLst>
          </p:cNvPr>
          <p:cNvSpPr txBox="1">
            <a:spLocks/>
          </p:cNvSpPr>
          <p:nvPr/>
        </p:nvSpPr>
        <p:spPr>
          <a:xfrm>
            <a:off x="7526779" y="3094137"/>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3 | Begrænset kontrol og styring af digitale løsninger</a:t>
            </a:r>
          </a:p>
        </p:txBody>
      </p:sp>
      <p:sp>
        <p:nvSpPr>
          <p:cNvPr id="32" name="Freeform 6">
            <a:extLst>
              <a:ext uri="{FF2B5EF4-FFF2-40B4-BE49-F238E27FC236}">
                <a16:creationId xmlns:a16="http://schemas.microsoft.com/office/drawing/2014/main" id="{6541C802-49E2-B0F6-E2EC-B5CBD5B53E9C}"/>
              </a:ext>
              <a:ext uri="{C183D7F6-B498-43B3-948B-1728B52AA6E4}">
                <adec:decorative xmlns:adec="http://schemas.microsoft.com/office/drawing/2017/decorative" val="1"/>
              </a:ext>
            </a:extLst>
          </p:cNvPr>
          <p:cNvSpPr>
            <a:spLocks noChangeAspect="1" noEditPoints="1"/>
          </p:cNvSpPr>
          <p:nvPr/>
        </p:nvSpPr>
        <p:spPr bwMode="auto">
          <a:xfrm>
            <a:off x="7298989" y="3133958"/>
            <a:ext cx="198149" cy="198739"/>
          </a:xfrm>
          <a:custGeom>
            <a:avLst/>
            <a:gdLst>
              <a:gd name="T0" fmla="*/ 120 w 209"/>
              <a:gd name="T1" fmla="*/ 185 h 209"/>
              <a:gd name="T2" fmla="*/ 104 w 209"/>
              <a:gd name="T3" fmla="*/ 161 h 209"/>
              <a:gd name="T4" fmla="*/ 8 w 209"/>
              <a:gd name="T5" fmla="*/ 177 h 209"/>
              <a:gd name="T6" fmla="*/ 4 w 209"/>
              <a:gd name="T7" fmla="*/ 185 h 209"/>
              <a:gd name="T8" fmla="*/ 0 w 209"/>
              <a:gd name="T9" fmla="*/ 205 h 209"/>
              <a:gd name="T10" fmla="*/ 8 w 209"/>
              <a:gd name="T11" fmla="*/ 205 h 209"/>
              <a:gd name="T12" fmla="*/ 120 w 209"/>
              <a:gd name="T13" fmla="*/ 193 h 209"/>
              <a:gd name="T14" fmla="*/ 124 w 209"/>
              <a:gd name="T15" fmla="*/ 209 h 209"/>
              <a:gd name="T16" fmla="*/ 128 w 209"/>
              <a:gd name="T17" fmla="*/ 189 h 209"/>
              <a:gd name="T18" fmla="*/ 112 w 209"/>
              <a:gd name="T19" fmla="*/ 185 h 209"/>
              <a:gd name="T20" fmla="*/ 16 w 209"/>
              <a:gd name="T21" fmla="*/ 177 h 209"/>
              <a:gd name="T22" fmla="*/ 104 w 209"/>
              <a:gd name="T23" fmla="*/ 169 h 209"/>
              <a:gd name="T24" fmla="*/ 112 w 209"/>
              <a:gd name="T25" fmla="*/ 185 h 209"/>
              <a:gd name="T26" fmla="*/ 128 w 209"/>
              <a:gd name="T27" fmla="*/ 79 h 209"/>
              <a:gd name="T28" fmla="*/ 139 w 209"/>
              <a:gd name="T29" fmla="*/ 65 h 209"/>
              <a:gd name="T30" fmla="*/ 152 w 209"/>
              <a:gd name="T31" fmla="*/ 63 h 209"/>
              <a:gd name="T32" fmla="*/ 157 w 209"/>
              <a:gd name="T33" fmla="*/ 41 h 209"/>
              <a:gd name="T34" fmla="*/ 104 w 209"/>
              <a:gd name="T35" fmla="*/ 5 h 209"/>
              <a:gd name="T36" fmla="*/ 97 w 209"/>
              <a:gd name="T37" fmla="*/ 23 h 209"/>
              <a:gd name="T38" fmla="*/ 58 w 209"/>
              <a:gd name="T39" fmla="*/ 58 h 209"/>
              <a:gd name="T40" fmla="*/ 40 w 209"/>
              <a:gd name="T41" fmla="*/ 69 h 209"/>
              <a:gd name="T42" fmla="*/ 35 w 209"/>
              <a:gd name="T43" fmla="*/ 90 h 209"/>
              <a:gd name="T44" fmla="*/ 80 w 209"/>
              <a:gd name="T45" fmla="*/ 130 h 209"/>
              <a:gd name="T46" fmla="*/ 93 w 209"/>
              <a:gd name="T47" fmla="*/ 122 h 209"/>
              <a:gd name="T48" fmla="*/ 103 w 209"/>
              <a:gd name="T49" fmla="*/ 104 h 209"/>
              <a:gd name="T50" fmla="*/ 187 w 209"/>
              <a:gd name="T51" fmla="*/ 174 h 209"/>
              <a:gd name="T52" fmla="*/ 204 w 209"/>
              <a:gd name="T53" fmla="*/ 174 h 209"/>
              <a:gd name="T54" fmla="*/ 104 w 209"/>
              <a:gd name="T55" fmla="*/ 15 h 209"/>
              <a:gd name="T56" fmla="*/ 112 w 209"/>
              <a:gd name="T57" fmla="*/ 9 h 209"/>
              <a:gd name="T58" fmla="*/ 152 w 209"/>
              <a:gd name="T59" fmla="*/ 47 h 209"/>
              <a:gd name="T60" fmla="*/ 147 w 209"/>
              <a:gd name="T61" fmla="*/ 57 h 209"/>
              <a:gd name="T62" fmla="*/ 104 w 209"/>
              <a:gd name="T63" fmla="*/ 21 h 209"/>
              <a:gd name="T64" fmla="*/ 88 w 209"/>
              <a:gd name="T65" fmla="*/ 117 h 209"/>
              <a:gd name="T66" fmla="*/ 77 w 209"/>
              <a:gd name="T67" fmla="*/ 121 h 209"/>
              <a:gd name="T68" fmla="*/ 40 w 209"/>
              <a:gd name="T69" fmla="*/ 79 h 209"/>
              <a:gd name="T70" fmla="*/ 48 w 209"/>
              <a:gd name="T71" fmla="*/ 73 h 209"/>
              <a:gd name="T72" fmla="*/ 58 w 209"/>
              <a:gd name="T73" fmla="*/ 81 h 209"/>
              <a:gd name="T74" fmla="*/ 58 w 209"/>
              <a:gd name="T75" fmla="*/ 81 h 209"/>
              <a:gd name="T76" fmla="*/ 81 w 209"/>
              <a:gd name="T77" fmla="*/ 104 h 209"/>
              <a:gd name="T78" fmla="*/ 88 w 209"/>
              <a:gd name="T79" fmla="*/ 111 h 209"/>
              <a:gd name="T80" fmla="*/ 98 w 209"/>
              <a:gd name="T81" fmla="*/ 98 h 209"/>
              <a:gd name="T82" fmla="*/ 63 w 209"/>
              <a:gd name="T83" fmla="*/ 75 h 209"/>
              <a:gd name="T84" fmla="*/ 94 w 209"/>
              <a:gd name="T85" fmla="*/ 33 h 209"/>
              <a:gd name="T86" fmla="*/ 106 w 209"/>
              <a:gd name="T87" fmla="*/ 33 h 209"/>
              <a:gd name="T88" fmla="*/ 129 w 209"/>
              <a:gd name="T89" fmla="*/ 56 h 209"/>
              <a:gd name="T90" fmla="*/ 119 w 209"/>
              <a:gd name="T91" fmla="*/ 77 h 209"/>
              <a:gd name="T92" fmla="*/ 119 w 209"/>
              <a:gd name="T93" fmla="*/ 77 h 209"/>
              <a:gd name="T94" fmla="*/ 199 w 209"/>
              <a:gd name="T95" fmla="*/ 168 h 209"/>
              <a:gd name="T96" fmla="*/ 115 w 209"/>
              <a:gd name="T97" fmla="*/ 92 h 209"/>
              <a:gd name="T98" fmla="*/ 199 w 209"/>
              <a:gd name="T99" fmla="*/ 162 h 209"/>
              <a:gd name="T100" fmla="*/ 51 w 209"/>
              <a:gd name="T101" fmla="*/ 143 h 209"/>
              <a:gd name="T102" fmla="*/ 54 w 209"/>
              <a:gd name="T103" fmla="*/ 137 h 209"/>
              <a:gd name="T104" fmla="*/ 43 w 209"/>
              <a:gd name="T105" fmla="*/ 126 h 209"/>
              <a:gd name="T106" fmla="*/ 48 w 209"/>
              <a:gd name="T107" fmla="*/ 141 h 209"/>
              <a:gd name="T108" fmla="*/ 29 w 209"/>
              <a:gd name="T109" fmla="*/ 146 h 209"/>
              <a:gd name="T110" fmla="*/ 41 w 209"/>
              <a:gd name="T111" fmla="*/ 153 h 209"/>
              <a:gd name="T112" fmla="*/ 43 w 209"/>
              <a:gd name="T113" fmla="*/ 146 h 209"/>
              <a:gd name="T114" fmla="*/ 28 w 209"/>
              <a:gd name="T115" fmla="*/ 141 h 209"/>
              <a:gd name="T116" fmla="*/ 87 w 209"/>
              <a:gd name="T117" fmla="*/ 153 h 209"/>
              <a:gd name="T118" fmla="*/ 99 w 209"/>
              <a:gd name="T119" fmla="*/ 146 h 209"/>
              <a:gd name="T120" fmla="*/ 95 w 209"/>
              <a:gd name="T121" fmla="*/ 140 h 209"/>
              <a:gd name="T122" fmla="*/ 83 w 209"/>
              <a:gd name="T123" fmla="*/ 151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09" h="209">
                <a:moveTo>
                  <a:pt x="124" y="185"/>
                </a:moveTo>
                <a:cubicBezTo>
                  <a:pt x="120" y="185"/>
                  <a:pt x="120" y="185"/>
                  <a:pt x="120" y="185"/>
                </a:cubicBezTo>
                <a:cubicBezTo>
                  <a:pt x="120" y="177"/>
                  <a:pt x="120" y="177"/>
                  <a:pt x="120" y="177"/>
                </a:cubicBezTo>
                <a:cubicBezTo>
                  <a:pt x="120" y="168"/>
                  <a:pt x="113" y="161"/>
                  <a:pt x="104" y="161"/>
                </a:cubicBezTo>
                <a:cubicBezTo>
                  <a:pt x="24" y="161"/>
                  <a:pt x="24" y="161"/>
                  <a:pt x="24" y="161"/>
                </a:cubicBezTo>
                <a:cubicBezTo>
                  <a:pt x="15" y="161"/>
                  <a:pt x="8" y="168"/>
                  <a:pt x="8" y="177"/>
                </a:cubicBezTo>
                <a:cubicBezTo>
                  <a:pt x="8" y="185"/>
                  <a:pt x="8" y="185"/>
                  <a:pt x="8" y="185"/>
                </a:cubicBezTo>
                <a:cubicBezTo>
                  <a:pt x="4" y="185"/>
                  <a:pt x="4" y="185"/>
                  <a:pt x="4" y="185"/>
                </a:cubicBezTo>
                <a:cubicBezTo>
                  <a:pt x="2" y="185"/>
                  <a:pt x="0" y="187"/>
                  <a:pt x="0" y="189"/>
                </a:cubicBezTo>
                <a:cubicBezTo>
                  <a:pt x="0" y="205"/>
                  <a:pt x="0" y="205"/>
                  <a:pt x="0" y="205"/>
                </a:cubicBezTo>
                <a:cubicBezTo>
                  <a:pt x="0" y="207"/>
                  <a:pt x="2" y="209"/>
                  <a:pt x="4" y="209"/>
                </a:cubicBezTo>
                <a:cubicBezTo>
                  <a:pt x="6" y="209"/>
                  <a:pt x="8" y="207"/>
                  <a:pt x="8" y="205"/>
                </a:cubicBezTo>
                <a:cubicBezTo>
                  <a:pt x="8" y="193"/>
                  <a:pt x="8" y="193"/>
                  <a:pt x="8" y="193"/>
                </a:cubicBezTo>
                <a:cubicBezTo>
                  <a:pt x="120" y="193"/>
                  <a:pt x="120" y="193"/>
                  <a:pt x="120" y="193"/>
                </a:cubicBezTo>
                <a:cubicBezTo>
                  <a:pt x="120" y="205"/>
                  <a:pt x="120" y="205"/>
                  <a:pt x="120" y="205"/>
                </a:cubicBezTo>
                <a:cubicBezTo>
                  <a:pt x="120" y="207"/>
                  <a:pt x="122" y="209"/>
                  <a:pt x="124" y="209"/>
                </a:cubicBezTo>
                <a:cubicBezTo>
                  <a:pt x="126" y="209"/>
                  <a:pt x="128" y="207"/>
                  <a:pt x="128" y="205"/>
                </a:cubicBezTo>
                <a:cubicBezTo>
                  <a:pt x="128" y="189"/>
                  <a:pt x="128" y="189"/>
                  <a:pt x="128" y="189"/>
                </a:cubicBezTo>
                <a:cubicBezTo>
                  <a:pt x="128" y="187"/>
                  <a:pt x="126" y="185"/>
                  <a:pt x="124" y="185"/>
                </a:cubicBezTo>
                <a:close/>
                <a:moveTo>
                  <a:pt x="112" y="185"/>
                </a:moveTo>
                <a:cubicBezTo>
                  <a:pt x="16" y="185"/>
                  <a:pt x="16" y="185"/>
                  <a:pt x="16" y="185"/>
                </a:cubicBezTo>
                <a:cubicBezTo>
                  <a:pt x="16" y="177"/>
                  <a:pt x="16" y="177"/>
                  <a:pt x="16" y="177"/>
                </a:cubicBezTo>
                <a:cubicBezTo>
                  <a:pt x="16" y="173"/>
                  <a:pt x="20" y="169"/>
                  <a:pt x="24" y="169"/>
                </a:cubicBezTo>
                <a:cubicBezTo>
                  <a:pt x="104" y="169"/>
                  <a:pt x="104" y="169"/>
                  <a:pt x="104" y="169"/>
                </a:cubicBezTo>
                <a:cubicBezTo>
                  <a:pt x="108" y="169"/>
                  <a:pt x="112" y="173"/>
                  <a:pt x="112" y="177"/>
                </a:cubicBezTo>
                <a:lnTo>
                  <a:pt x="112" y="185"/>
                </a:lnTo>
                <a:close/>
                <a:moveTo>
                  <a:pt x="204" y="156"/>
                </a:moveTo>
                <a:cubicBezTo>
                  <a:pt x="128" y="79"/>
                  <a:pt x="128" y="79"/>
                  <a:pt x="128" y="79"/>
                </a:cubicBezTo>
                <a:cubicBezTo>
                  <a:pt x="134" y="73"/>
                  <a:pt x="134" y="73"/>
                  <a:pt x="134" y="73"/>
                </a:cubicBezTo>
                <a:cubicBezTo>
                  <a:pt x="137" y="71"/>
                  <a:pt x="138" y="68"/>
                  <a:pt x="139" y="65"/>
                </a:cubicBezTo>
                <a:cubicBezTo>
                  <a:pt x="140" y="66"/>
                  <a:pt x="142" y="66"/>
                  <a:pt x="144" y="66"/>
                </a:cubicBezTo>
                <a:cubicBezTo>
                  <a:pt x="147" y="66"/>
                  <a:pt x="150" y="65"/>
                  <a:pt x="152" y="63"/>
                </a:cubicBezTo>
                <a:cubicBezTo>
                  <a:pt x="157" y="58"/>
                  <a:pt x="157" y="58"/>
                  <a:pt x="157" y="58"/>
                </a:cubicBezTo>
                <a:cubicBezTo>
                  <a:pt x="162" y="53"/>
                  <a:pt x="162" y="46"/>
                  <a:pt x="157" y="41"/>
                </a:cubicBezTo>
                <a:cubicBezTo>
                  <a:pt x="120" y="5"/>
                  <a:pt x="120" y="5"/>
                  <a:pt x="120" y="5"/>
                </a:cubicBezTo>
                <a:cubicBezTo>
                  <a:pt x="116" y="0"/>
                  <a:pt x="108" y="0"/>
                  <a:pt x="104" y="5"/>
                </a:cubicBezTo>
                <a:cubicBezTo>
                  <a:pt x="99" y="9"/>
                  <a:pt x="99" y="9"/>
                  <a:pt x="99" y="9"/>
                </a:cubicBezTo>
                <a:cubicBezTo>
                  <a:pt x="95" y="13"/>
                  <a:pt x="94" y="19"/>
                  <a:pt x="97" y="23"/>
                </a:cubicBezTo>
                <a:cubicBezTo>
                  <a:pt x="94" y="24"/>
                  <a:pt x="91" y="25"/>
                  <a:pt x="89" y="27"/>
                </a:cubicBezTo>
                <a:cubicBezTo>
                  <a:pt x="58" y="58"/>
                  <a:pt x="58" y="58"/>
                  <a:pt x="58" y="58"/>
                </a:cubicBezTo>
                <a:cubicBezTo>
                  <a:pt x="55" y="61"/>
                  <a:pt x="54" y="63"/>
                  <a:pt x="53" y="66"/>
                </a:cubicBezTo>
                <a:cubicBezTo>
                  <a:pt x="49" y="64"/>
                  <a:pt x="43" y="65"/>
                  <a:pt x="40" y="69"/>
                </a:cubicBezTo>
                <a:cubicBezTo>
                  <a:pt x="35" y="73"/>
                  <a:pt x="35" y="73"/>
                  <a:pt x="35" y="73"/>
                </a:cubicBezTo>
                <a:cubicBezTo>
                  <a:pt x="30" y="78"/>
                  <a:pt x="30" y="85"/>
                  <a:pt x="35" y="90"/>
                </a:cubicBezTo>
                <a:cubicBezTo>
                  <a:pt x="72" y="127"/>
                  <a:pt x="72" y="127"/>
                  <a:pt x="72" y="127"/>
                </a:cubicBezTo>
                <a:cubicBezTo>
                  <a:pt x="74" y="129"/>
                  <a:pt x="77" y="130"/>
                  <a:pt x="80" y="130"/>
                </a:cubicBezTo>
                <a:cubicBezTo>
                  <a:pt x="83" y="130"/>
                  <a:pt x="86" y="129"/>
                  <a:pt x="88" y="127"/>
                </a:cubicBezTo>
                <a:cubicBezTo>
                  <a:pt x="93" y="122"/>
                  <a:pt x="93" y="122"/>
                  <a:pt x="93" y="122"/>
                </a:cubicBezTo>
                <a:cubicBezTo>
                  <a:pt x="97" y="118"/>
                  <a:pt x="98" y="113"/>
                  <a:pt x="95" y="108"/>
                </a:cubicBezTo>
                <a:cubicBezTo>
                  <a:pt x="98" y="108"/>
                  <a:pt x="101" y="106"/>
                  <a:pt x="103" y="104"/>
                </a:cubicBezTo>
                <a:cubicBezTo>
                  <a:pt x="110" y="98"/>
                  <a:pt x="110" y="98"/>
                  <a:pt x="110" y="98"/>
                </a:cubicBezTo>
                <a:cubicBezTo>
                  <a:pt x="187" y="174"/>
                  <a:pt x="187" y="174"/>
                  <a:pt x="187" y="174"/>
                </a:cubicBezTo>
                <a:cubicBezTo>
                  <a:pt x="189" y="176"/>
                  <a:pt x="192" y="177"/>
                  <a:pt x="195" y="177"/>
                </a:cubicBezTo>
                <a:cubicBezTo>
                  <a:pt x="199" y="177"/>
                  <a:pt x="202" y="176"/>
                  <a:pt x="204" y="174"/>
                </a:cubicBezTo>
                <a:cubicBezTo>
                  <a:pt x="209" y="169"/>
                  <a:pt x="209" y="161"/>
                  <a:pt x="204" y="156"/>
                </a:cubicBezTo>
                <a:close/>
                <a:moveTo>
                  <a:pt x="104" y="15"/>
                </a:moveTo>
                <a:cubicBezTo>
                  <a:pt x="109" y="10"/>
                  <a:pt x="109" y="10"/>
                  <a:pt x="109" y="10"/>
                </a:cubicBezTo>
                <a:cubicBezTo>
                  <a:pt x="110" y="9"/>
                  <a:pt x="111" y="9"/>
                  <a:pt x="112" y="9"/>
                </a:cubicBezTo>
                <a:cubicBezTo>
                  <a:pt x="113" y="9"/>
                  <a:pt x="114" y="9"/>
                  <a:pt x="115" y="10"/>
                </a:cubicBezTo>
                <a:cubicBezTo>
                  <a:pt x="152" y="47"/>
                  <a:pt x="152" y="47"/>
                  <a:pt x="152" y="47"/>
                </a:cubicBezTo>
                <a:cubicBezTo>
                  <a:pt x="153" y="48"/>
                  <a:pt x="153" y="51"/>
                  <a:pt x="152" y="53"/>
                </a:cubicBezTo>
                <a:cubicBezTo>
                  <a:pt x="147" y="57"/>
                  <a:pt x="147" y="57"/>
                  <a:pt x="147" y="57"/>
                </a:cubicBezTo>
                <a:cubicBezTo>
                  <a:pt x="145" y="59"/>
                  <a:pt x="143" y="59"/>
                  <a:pt x="141" y="57"/>
                </a:cubicBezTo>
                <a:cubicBezTo>
                  <a:pt x="104" y="21"/>
                  <a:pt x="104" y="21"/>
                  <a:pt x="104" y="21"/>
                </a:cubicBezTo>
                <a:cubicBezTo>
                  <a:pt x="103" y="19"/>
                  <a:pt x="103" y="16"/>
                  <a:pt x="104" y="15"/>
                </a:cubicBezTo>
                <a:close/>
                <a:moveTo>
                  <a:pt x="88" y="117"/>
                </a:moveTo>
                <a:cubicBezTo>
                  <a:pt x="83" y="121"/>
                  <a:pt x="83" y="121"/>
                  <a:pt x="83" y="121"/>
                </a:cubicBezTo>
                <a:cubicBezTo>
                  <a:pt x="81" y="123"/>
                  <a:pt x="79" y="123"/>
                  <a:pt x="77" y="121"/>
                </a:cubicBezTo>
                <a:cubicBezTo>
                  <a:pt x="40" y="85"/>
                  <a:pt x="40" y="85"/>
                  <a:pt x="40" y="85"/>
                </a:cubicBezTo>
                <a:cubicBezTo>
                  <a:pt x="39" y="83"/>
                  <a:pt x="39" y="80"/>
                  <a:pt x="40" y="79"/>
                </a:cubicBezTo>
                <a:cubicBezTo>
                  <a:pt x="45" y="74"/>
                  <a:pt x="45" y="74"/>
                  <a:pt x="45" y="74"/>
                </a:cubicBezTo>
                <a:cubicBezTo>
                  <a:pt x="46" y="73"/>
                  <a:pt x="47" y="73"/>
                  <a:pt x="48" y="73"/>
                </a:cubicBezTo>
                <a:cubicBezTo>
                  <a:pt x="49" y="73"/>
                  <a:pt x="50" y="73"/>
                  <a:pt x="51" y="74"/>
                </a:cubicBezTo>
                <a:cubicBezTo>
                  <a:pt x="58" y="81"/>
                  <a:pt x="58" y="81"/>
                  <a:pt x="58" y="81"/>
                </a:cubicBezTo>
                <a:cubicBezTo>
                  <a:pt x="58" y="81"/>
                  <a:pt x="58" y="81"/>
                  <a:pt x="58" y="81"/>
                </a:cubicBezTo>
                <a:cubicBezTo>
                  <a:pt x="58" y="81"/>
                  <a:pt x="58" y="81"/>
                  <a:pt x="58" y="81"/>
                </a:cubicBezTo>
                <a:cubicBezTo>
                  <a:pt x="81" y="104"/>
                  <a:pt x="81" y="104"/>
                  <a:pt x="81" y="104"/>
                </a:cubicBezTo>
                <a:cubicBezTo>
                  <a:pt x="81" y="104"/>
                  <a:pt x="81" y="104"/>
                  <a:pt x="81" y="104"/>
                </a:cubicBezTo>
                <a:cubicBezTo>
                  <a:pt x="81" y="104"/>
                  <a:pt x="81" y="104"/>
                  <a:pt x="81" y="104"/>
                </a:cubicBezTo>
                <a:cubicBezTo>
                  <a:pt x="88" y="111"/>
                  <a:pt x="88" y="111"/>
                  <a:pt x="88" y="111"/>
                </a:cubicBezTo>
                <a:cubicBezTo>
                  <a:pt x="89" y="112"/>
                  <a:pt x="89" y="115"/>
                  <a:pt x="88" y="117"/>
                </a:cubicBezTo>
                <a:close/>
                <a:moveTo>
                  <a:pt x="98" y="98"/>
                </a:moveTo>
                <a:cubicBezTo>
                  <a:pt x="95" y="101"/>
                  <a:pt x="90" y="101"/>
                  <a:pt x="86" y="98"/>
                </a:cubicBezTo>
                <a:cubicBezTo>
                  <a:pt x="63" y="75"/>
                  <a:pt x="63" y="75"/>
                  <a:pt x="63" y="75"/>
                </a:cubicBezTo>
                <a:cubicBezTo>
                  <a:pt x="60" y="72"/>
                  <a:pt x="60" y="67"/>
                  <a:pt x="63" y="64"/>
                </a:cubicBezTo>
                <a:cubicBezTo>
                  <a:pt x="94" y="33"/>
                  <a:pt x="94" y="33"/>
                  <a:pt x="94" y="33"/>
                </a:cubicBezTo>
                <a:cubicBezTo>
                  <a:pt x="97" y="30"/>
                  <a:pt x="103" y="30"/>
                  <a:pt x="106" y="33"/>
                </a:cubicBezTo>
                <a:cubicBezTo>
                  <a:pt x="106" y="33"/>
                  <a:pt x="106" y="33"/>
                  <a:pt x="106" y="33"/>
                </a:cubicBezTo>
                <a:cubicBezTo>
                  <a:pt x="129" y="56"/>
                  <a:pt x="129" y="56"/>
                  <a:pt x="129" y="56"/>
                </a:cubicBezTo>
                <a:cubicBezTo>
                  <a:pt x="129" y="56"/>
                  <a:pt x="129" y="56"/>
                  <a:pt x="129" y="56"/>
                </a:cubicBezTo>
                <a:cubicBezTo>
                  <a:pt x="132" y="59"/>
                  <a:pt x="132" y="64"/>
                  <a:pt x="129" y="67"/>
                </a:cubicBezTo>
                <a:cubicBezTo>
                  <a:pt x="119" y="77"/>
                  <a:pt x="119" y="77"/>
                  <a:pt x="119" y="77"/>
                </a:cubicBezTo>
                <a:cubicBezTo>
                  <a:pt x="119" y="77"/>
                  <a:pt x="119" y="77"/>
                  <a:pt x="119" y="77"/>
                </a:cubicBezTo>
                <a:cubicBezTo>
                  <a:pt x="119" y="77"/>
                  <a:pt x="119" y="77"/>
                  <a:pt x="119" y="77"/>
                </a:cubicBezTo>
                <a:lnTo>
                  <a:pt x="98" y="98"/>
                </a:lnTo>
                <a:close/>
                <a:moveTo>
                  <a:pt x="199" y="168"/>
                </a:moveTo>
                <a:cubicBezTo>
                  <a:pt x="197" y="170"/>
                  <a:pt x="194" y="170"/>
                  <a:pt x="192" y="168"/>
                </a:cubicBezTo>
                <a:cubicBezTo>
                  <a:pt x="115" y="92"/>
                  <a:pt x="115" y="92"/>
                  <a:pt x="115" y="92"/>
                </a:cubicBezTo>
                <a:cubicBezTo>
                  <a:pt x="122" y="85"/>
                  <a:pt x="122" y="85"/>
                  <a:pt x="122" y="85"/>
                </a:cubicBezTo>
                <a:cubicBezTo>
                  <a:pt x="199" y="162"/>
                  <a:pt x="199" y="162"/>
                  <a:pt x="199" y="162"/>
                </a:cubicBezTo>
                <a:cubicBezTo>
                  <a:pt x="200" y="164"/>
                  <a:pt x="200" y="167"/>
                  <a:pt x="199" y="168"/>
                </a:cubicBezTo>
                <a:close/>
                <a:moveTo>
                  <a:pt x="51" y="143"/>
                </a:moveTo>
                <a:cubicBezTo>
                  <a:pt x="52" y="143"/>
                  <a:pt x="52" y="143"/>
                  <a:pt x="53" y="143"/>
                </a:cubicBezTo>
                <a:cubicBezTo>
                  <a:pt x="55" y="142"/>
                  <a:pt x="56" y="139"/>
                  <a:pt x="54" y="137"/>
                </a:cubicBezTo>
                <a:cubicBezTo>
                  <a:pt x="48" y="127"/>
                  <a:pt x="48" y="127"/>
                  <a:pt x="48" y="127"/>
                </a:cubicBezTo>
                <a:cubicBezTo>
                  <a:pt x="47" y="125"/>
                  <a:pt x="45" y="125"/>
                  <a:pt x="43" y="126"/>
                </a:cubicBezTo>
                <a:cubicBezTo>
                  <a:pt x="41" y="127"/>
                  <a:pt x="40" y="129"/>
                  <a:pt x="42" y="131"/>
                </a:cubicBezTo>
                <a:cubicBezTo>
                  <a:pt x="48" y="141"/>
                  <a:pt x="48" y="141"/>
                  <a:pt x="48" y="141"/>
                </a:cubicBezTo>
                <a:cubicBezTo>
                  <a:pt x="48" y="143"/>
                  <a:pt x="50" y="143"/>
                  <a:pt x="51" y="143"/>
                </a:cubicBezTo>
                <a:close/>
                <a:moveTo>
                  <a:pt x="29" y="146"/>
                </a:moveTo>
                <a:cubicBezTo>
                  <a:pt x="39" y="152"/>
                  <a:pt x="39" y="152"/>
                  <a:pt x="39" y="152"/>
                </a:cubicBezTo>
                <a:cubicBezTo>
                  <a:pt x="40" y="153"/>
                  <a:pt x="41" y="153"/>
                  <a:pt x="41" y="153"/>
                </a:cubicBezTo>
                <a:cubicBezTo>
                  <a:pt x="43" y="153"/>
                  <a:pt x="44" y="152"/>
                  <a:pt x="45" y="151"/>
                </a:cubicBezTo>
                <a:cubicBezTo>
                  <a:pt x="46" y="149"/>
                  <a:pt x="45" y="147"/>
                  <a:pt x="43" y="146"/>
                </a:cubicBezTo>
                <a:cubicBezTo>
                  <a:pt x="33" y="140"/>
                  <a:pt x="33" y="140"/>
                  <a:pt x="33" y="140"/>
                </a:cubicBezTo>
                <a:cubicBezTo>
                  <a:pt x="31" y="138"/>
                  <a:pt x="29" y="139"/>
                  <a:pt x="28" y="141"/>
                </a:cubicBezTo>
                <a:cubicBezTo>
                  <a:pt x="27" y="143"/>
                  <a:pt x="27" y="145"/>
                  <a:pt x="29" y="146"/>
                </a:cubicBezTo>
                <a:close/>
                <a:moveTo>
                  <a:pt x="87" y="153"/>
                </a:moveTo>
                <a:cubicBezTo>
                  <a:pt x="87" y="153"/>
                  <a:pt x="88" y="153"/>
                  <a:pt x="89" y="152"/>
                </a:cubicBezTo>
                <a:cubicBezTo>
                  <a:pt x="99" y="146"/>
                  <a:pt x="99" y="146"/>
                  <a:pt x="99" y="146"/>
                </a:cubicBezTo>
                <a:cubicBezTo>
                  <a:pt x="101" y="145"/>
                  <a:pt x="101" y="143"/>
                  <a:pt x="100" y="141"/>
                </a:cubicBezTo>
                <a:cubicBezTo>
                  <a:pt x="99" y="139"/>
                  <a:pt x="97" y="138"/>
                  <a:pt x="95" y="140"/>
                </a:cubicBezTo>
                <a:cubicBezTo>
                  <a:pt x="85" y="146"/>
                  <a:pt x="85" y="146"/>
                  <a:pt x="85" y="146"/>
                </a:cubicBezTo>
                <a:cubicBezTo>
                  <a:pt x="83" y="147"/>
                  <a:pt x="82" y="149"/>
                  <a:pt x="83" y="151"/>
                </a:cubicBezTo>
                <a:cubicBezTo>
                  <a:pt x="84" y="152"/>
                  <a:pt x="85" y="153"/>
                  <a:pt x="87" y="153"/>
                </a:cubicBez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33" name="Rektangel: afrundede hjørner 39">
            <a:extLst>
              <a:ext uri="{FF2B5EF4-FFF2-40B4-BE49-F238E27FC236}">
                <a16:creationId xmlns:a16="http://schemas.microsoft.com/office/drawing/2014/main" id="{F2B65237-4AB4-2D8F-58F6-7512997D4AD6}"/>
              </a:ext>
              <a:ext uri="{C183D7F6-B498-43B3-948B-1728B52AA6E4}">
                <adec:decorative xmlns:adec="http://schemas.microsoft.com/office/drawing/2017/decorative" val="1"/>
              </a:ext>
            </a:extLst>
          </p:cNvPr>
          <p:cNvSpPr>
            <a:spLocks/>
          </p:cNvSpPr>
          <p:nvPr/>
        </p:nvSpPr>
        <p:spPr>
          <a:xfrm>
            <a:off x="7242991" y="3495743"/>
            <a:ext cx="2168865" cy="320400"/>
          </a:xfrm>
          <a:prstGeom prst="roundRect">
            <a:avLst>
              <a:gd name="adj" fmla="val 5714"/>
            </a:avLst>
          </a:prstGeom>
          <a:solidFill>
            <a:schemeClr val="tx2">
              <a:lumMod val="90000"/>
              <a:alpha val="20000"/>
            </a:schemeClr>
          </a:solidFill>
          <a:ln>
            <a:solidFill>
              <a:srgbClr val="024D7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4" name="TextBox 27">
            <a:extLst>
              <a:ext uri="{FF2B5EF4-FFF2-40B4-BE49-F238E27FC236}">
                <a16:creationId xmlns:a16="http://schemas.microsoft.com/office/drawing/2014/main" id="{0CFD26FD-BC17-50B3-8702-59CA2BF64427}"/>
              </a:ext>
              <a:ext uri="{C183D7F6-B498-43B3-948B-1728B52AA6E4}">
                <adec:decorative xmlns:adec="http://schemas.microsoft.com/office/drawing/2017/decorative" val="0"/>
              </a:ext>
            </a:extLst>
          </p:cNvPr>
          <p:cNvSpPr txBox="1">
            <a:spLocks/>
          </p:cNvSpPr>
          <p:nvPr/>
        </p:nvSpPr>
        <p:spPr>
          <a:xfrm>
            <a:off x="7526779" y="3516753"/>
            <a:ext cx="1931343" cy="285968"/>
          </a:xfrm>
          <a:prstGeom prst="rect">
            <a:avLst/>
          </a:prstGeom>
          <a:noFill/>
        </p:spPr>
        <p:txBody>
          <a:bodyPr wrap="square" rtlCol="0" anchor="ctr">
            <a:noAutofit/>
          </a:bodyPr>
          <a:lstStyle>
            <a:defPPr>
              <a:defRPr lang="en-US"/>
            </a:defPPr>
            <a:lvl1pPr>
              <a:defRPr sz="600" b="1">
                <a:solidFill>
                  <a:srgbClr val="024D78"/>
                </a:solidFill>
              </a:defRPr>
            </a:lvl1pPr>
          </a:lstStyle>
          <a:p>
            <a:r>
              <a:rPr lang="da-DK" sz="700" noProof="0"/>
              <a:t>04 | Sårbarheder i den digitale forsyningssikkerhed</a:t>
            </a:r>
          </a:p>
        </p:txBody>
      </p:sp>
      <p:sp>
        <p:nvSpPr>
          <p:cNvPr id="36" name="Freeform 8">
            <a:extLst>
              <a:ext uri="{FF2B5EF4-FFF2-40B4-BE49-F238E27FC236}">
                <a16:creationId xmlns:a16="http://schemas.microsoft.com/office/drawing/2014/main" id="{F3C758CC-ED07-BE39-D123-FC02FE3D7F7D}"/>
              </a:ext>
              <a:ext uri="{C183D7F6-B498-43B3-948B-1728B52AA6E4}">
                <adec:decorative xmlns:adec="http://schemas.microsoft.com/office/drawing/2017/decorative" val="1"/>
              </a:ext>
            </a:extLst>
          </p:cNvPr>
          <p:cNvSpPr>
            <a:spLocks noChangeAspect="1" noEditPoints="1"/>
          </p:cNvSpPr>
          <p:nvPr/>
        </p:nvSpPr>
        <p:spPr bwMode="auto">
          <a:xfrm>
            <a:off x="7311666" y="3561636"/>
            <a:ext cx="172795" cy="188615"/>
          </a:xfrm>
          <a:custGeom>
            <a:avLst/>
            <a:gdLst>
              <a:gd name="T0" fmla="*/ 122 w 176"/>
              <a:gd name="T1" fmla="*/ 23 h 192"/>
              <a:gd name="T2" fmla="*/ 118 w 176"/>
              <a:gd name="T3" fmla="*/ 23 h 192"/>
              <a:gd name="T4" fmla="*/ 116 w 176"/>
              <a:gd name="T5" fmla="*/ 26 h 192"/>
              <a:gd name="T6" fmla="*/ 116 w 176"/>
              <a:gd name="T7" fmla="*/ 53 h 192"/>
              <a:gd name="T8" fmla="*/ 118 w 176"/>
              <a:gd name="T9" fmla="*/ 57 h 192"/>
              <a:gd name="T10" fmla="*/ 144 w 176"/>
              <a:gd name="T11" fmla="*/ 104 h 192"/>
              <a:gd name="T12" fmla="*/ 88 w 176"/>
              <a:gd name="T13" fmla="*/ 160 h 192"/>
              <a:gd name="T14" fmla="*/ 32 w 176"/>
              <a:gd name="T15" fmla="*/ 104 h 192"/>
              <a:gd name="T16" fmla="*/ 58 w 176"/>
              <a:gd name="T17" fmla="*/ 57 h 192"/>
              <a:gd name="T18" fmla="*/ 60 w 176"/>
              <a:gd name="T19" fmla="*/ 53 h 192"/>
              <a:gd name="T20" fmla="*/ 60 w 176"/>
              <a:gd name="T21" fmla="*/ 26 h 192"/>
              <a:gd name="T22" fmla="*/ 58 w 176"/>
              <a:gd name="T23" fmla="*/ 23 h 192"/>
              <a:gd name="T24" fmla="*/ 54 w 176"/>
              <a:gd name="T25" fmla="*/ 23 h 192"/>
              <a:gd name="T26" fmla="*/ 0 w 176"/>
              <a:gd name="T27" fmla="*/ 104 h 192"/>
              <a:gd name="T28" fmla="*/ 88 w 176"/>
              <a:gd name="T29" fmla="*/ 192 h 192"/>
              <a:gd name="T30" fmla="*/ 176 w 176"/>
              <a:gd name="T31" fmla="*/ 104 h 192"/>
              <a:gd name="T32" fmla="*/ 122 w 176"/>
              <a:gd name="T33" fmla="*/ 23 h 192"/>
              <a:gd name="T34" fmla="*/ 88 w 176"/>
              <a:gd name="T35" fmla="*/ 184 h 192"/>
              <a:gd name="T36" fmla="*/ 8 w 176"/>
              <a:gd name="T37" fmla="*/ 104 h 192"/>
              <a:gd name="T38" fmla="*/ 52 w 176"/>
              <a:gd name="T39" fmla="*/ 33 h 192"/>
              <a:gd name="T40" fmla="*/ 52 w 176"/>
              <a:gd name="T41" fmla="*/ 51 h 192"/>
              <a:gd name="T42" fmla="*/ 24 w 176"/>
              <a:gd name="T43" fmla="*/ 104 h 192"/>
              <a:gd name="T44" fmla="*/ 88 w 176"/>
              <a:gd name="T45" fmla="*/ 168 h 192"/>
              <a:gd name="T46" fmla="*/ 152 w 176"/>
              <a:gd name="T47" fmla="*/ 104 h 192"/>
              <a:gd name="T48" fmla="*/ 124 w 176"/>
              <a:gd name="T49" fmla="*/ 51 h 192"/>
              <a:gd name="T50" fmla="*/ 124 w 176"/>
              <a:gd name="T51" fmla="*/ 33 h 192"/>
              <a:gd name="T52" fmla="*/ 168 w 176"/>
              <a:gd name="T53" fmla="*/ 104 h 192"/>
              <a:gd name="T54" fmla="*/ 88 w 176"/>
              <a:gd name="T55" fmla="*/ 184 h 192"/>
              <a:gd name="T56" fmla="*/ 88 w 176"/>
              <a:gd name="T57" fmla="*/ 96 h 192"/>
              <a:gd name="T58" fmla="*/ 104 w 176"/>
              <a:gd name="T59" fmla="*/ 80 h 192"/>
              <a:gd name="T60" fmla="*/ 104 w 176"/>
              <a:gd name="T61" fmla="*/ 80 h 192"/>
              <a:gd name="T62" fmla="*/ 104 w 176"/>
              <a:gd name="T63" fmla="*/ 16 h 192"/>
              <a:gd name="T64" fmla="*/ 88 w 176"/>
              <a:gd name="T65" fmla="*/ 0 h 192"/>
              <a:gd name="T66" fmla="*/ 72 w 176"/>
              <a:gd name="T67" fmla="*/ 16 h 192"/>
              <a:gd name="T68" fmla="*/ 72 w 176"/>
              <a:gd name="T69" fmla="*/ 80 h 192"/>
              <a:gd name="T70" fmla="*/ 88 w 176"/>
              <a:gd name="T71" fmla="*/ 96 h 192"/>
              <a:gd name="T72" fmla="*/ 80 w 176"/>
              <a:gd name="T73" fmla="*/ 16 h 192"/>
              <a:gd name="T74" fmla="*/ 88 w 176"/>
              <a:gd name="T75" fmla="*/ 8 h 192"/>
              <a:gd name="T76" fmla="*/ 96 w 176"/>
              <a:gd name="T77" fmla="*/ 16 h 192"/>
              <a:gd name="T78" fmla="*/ 96 w 176"/>
              <a:gd name="T79" fmla="*/ 80 h 192"/>
              <a:gd name="T80" fmla="*/ 88 w 176"/>
              <a:gd name="T81" fmla="*/ 88 h 192"/>
              <a:gd name="T82" fmla="*/ 80 w 176"/>
              <a:gd name="T83" fmla="*/ 80 h 192"/>
              <a:gd name="T84" fmla="*/ 80 w 176"/>
              <a:gd name="T85" fmla="*/ 16 h 1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6" h="192">
                <a:moveTo>
                  <a:pt x="122" y="23"/>
                </a:moveTo>
                <a:cubicBezTo>
                  <a:pt x="120" y="22"/>
                  <a:pt x="119" y="22"/>
                  <a:pt x="118" y="23"/>
                </a:cubicBezTo>
                <a:cubicBezTo>
                  <a:pt x="117" y="24"/>
                  <a:pt x="116" y="25"/>
                  <a:pt x="116" y="26"/>
                </a:cubicBezTo>
                <a:cubicBezTo>
                  <a:pt x="116" y="53"/>
                  <a:pt x="116" y="53"/>
                  <a:pt x="116" y="53"/>
                </a:cubicBezTo>
                <a:cubicBezTo>
                  <a:pt x="116" y="55"/>
                  <a:pt x="117" y="56"/>
                  <a:pt x="118" y="57"/>
                </a:cubicBezTo>
                <a:cubicBezTo>
                  <a:pt x="134" y="67"/>
                  <a:pt x="144" y="84"/>
                  <a:pt x="144" y="104"/>
                </a:cubicBezTo>
                <a:cubicBezTo>
                  <a:pt x="144" y="135"/>
                  <a:pt x="119" y="160"/>
                  <a:pt x="88" y="160"/>
                </a:cubicBezTo>
                <a:cubicBezTo>
                  <a:pt x="57" y="160"/>
                  <a:pt x="32" y="135"/>
                  <a:pt x="32" y="104"/>
                </a:cubicBezTo>
                <a:cubicBezTo>
                  <a:pt x="32" y="84"/>
                  <a:pt x="42" y="67"/>
                  <a:pt x="58" y="57"/>
                </a:cubicBezTo>
                <a:cubicBezTo>
                  <a:pt x="59" y="56"/>
                  <a:pt x="60" y="55"/>
                  <a:pt x="60" y="53"/>
                </a:cubicBezTo>
                <a:cubicBezTo>
                  <a:pt x="60" y="26"/>
                  <a:pt x="60" y="26"/>
                  <a:pt x="60" y="26"/>
                </a:cubicBezTo>
                <a:cubicBezTo>
                  <a:pt x="60" y="25"/>
                  <a:pt x="59" y="24"/>
                  <a:pt x="58" y="23"/>
                </a:cubicBezTo>
                <a:cubicBezTo>
                  <a:pt x="57" y="22"/>
                  <a:pt x="56" y="22"/>
                  <a:pt x="54" y="23"/>
                </a:cubicBezTo>
                <a:cubicBezTo>
                  <a:pt x="23" y="36"/>
                  <a:pt x="0" y="67"/>
                  <a:pt x="0" y="104"/>
                </a:cubicBezTo>
                <a:cubicBezTo>
                  <a:pt x="0" y="153"/>
                  <a:pt x="39" y="192"/>
                  <a:pt x="88" y="192"/>
                </a:cubicBezTo>
                <a:cubicBezTo>
                  <a:pt x="137" y="192"/>
                  <a:pt x="176" y="153"/>
                  <a:pt x="176" y="104"/>
                </a:cubicBezTo>
                <a:cubicBezTo>
                  <a:pt x="176" y="67"/>
                  <a:pt x="153" y="36"/>
                  <a:pt x="122" y="23"/>
                </a:cubicBezTo>
                <a:close/>
                <a:moveTo>
                  <a:pt x="88" y="184"/>
                </a:moveTo>
                <a:cubicBezTo>
                  <a:pt x="44" y="184"/>
                  <a:pt x="8" y="148"/>
                  <a:pt x="8" y="104"/>
                </a:cubicBezTo>
                <a:cubicBezTo>
                  <a:pt x="8" y="73"/>
                  <a:pt x="26" y="46"/>
                  <a:pt x="52" y="33"/>
                </a:cubicBezTo>
                <a:cubicBezTo>
                  <a:pt x="52" y="51"/>
                  <a:pt x="52" y="51"/>
                  <a:pt x="52" y="51"/>
                </a:cubicBezTo>
                <a:cubicBezTo>
                  <a:pt x="35" y="63"/>
                  <a:pt x="24" y="82"/>
                  <a:pt x="24" y="104"/>
                </a:cubicBezTo>
                <a:cubicBezTo>
                  <a:pt x="24" y="139"/>
                  <a:pt x="53" y="168"/>
                  <a:pt x="88" y="168"/>
                </a:cubicBezTo>
                <a:cubicBezTo>
                  <a:pt x="123" y="168"/>
                  <a:pt x="152" y="139"/>
                  <a:pt x="152" y="104"/>
                </a:cubicBezTo>
                <a:cubicBezTo>
                  <a:pt x="152" y="82"/>
                  <a:pt x="141" y="63"/>
                  <a:pt x="124" y="51"/>
                </a:cubicBezTo>
                <a:cubicBezTo>
                  <a:pt x="124" y="33"/>
                  <a:pt x="124" y="33"/>
                  <a:pt x="124" y="33"/>
                </a:cubicBezTo>
                <a:cubicBezTo>
                  <a:pt x="150" y="46"/>
                  <a:pt x="168" y="73"/>
                  <a:pt x="168" y="104"/>
                </a:cubicBezTo>
                <a:cubicBezTo>
                  <a:pt x="168" y="148"/>
                  <a:pt x="132" y="184"/>
                  <a:pt x="88" y="184"/>
                </a:cubicBezTo>
                <a:close/>
                <a:moveTo>
                  <a:pt x="88" y="96"/>
                </a:moveTo>
                <a:cubicBezTo>
                  <a:pt x="97" y="96"/>
                  <a:pt x="104" y="89"/>
                  <a:pt x="104" y="80"/>
                </a:cubicBezTo>
                <a:cubicBezTo>
                  <a:pt x="104" y="80"/>
                  <a:pt x="104" y="80"/>
                  <a:pt x="104" y="80"/>
                </a:cubicBezTo>
                <a:cubicBezTo>
                  <a:pt x="104" y="16"/>
                  <a:pt x="104" y="16"/>
                  <a:pt x="104" y="16"/>
                </a:cubicBezTo>
                <a:cubicBezTo>
                  <a:pt x="104" y="7"/>
                  <a:pt x="97" y="0"/>
                  <a:pt x="88" y="0"/>
                </a:cubicBezTo>
                <a:cubicBezTo>
                  <a:pt x="79" y="0"/>
                  <a:pt x="72" y="7"/>
                  <a:pt x="72" y="16"/>
                </a:cubicBezTo>
                <a:cubicBezTo>
                  <a:pt x="72" y="80"/>
                  <a:pt x="72" y="80"/>
                  <a:pt x="72" y="80"/>
                </a:cubicBezTo>
                <a:cubicBezTo>
                  <a:pt x="72" y="89"/>
                  <a:pt x="79" y="96"/>
                  <a:pt x="88" y="96"/>
                </a:cubicBezTo>
                <a:close/>
                <a:moveTo>
                  <a:pt x="80" y="16"/>
                </a:moveTo>
                <a:cubicBezTo>
                  <a:pt x="80" y="12"/>
                  <a:pt x="84" y="8"/>
                  <a:pt x="88" y="8"/>
                </a:cubicBezTo>
                <a:cubicBezTo>
                  <a:pt x="92" y="8"/>
                  <a:pt x="96" y="12"/>
                  <a:pt x="96" y="16"/>
                </a:cubicBezTo>
                <a:cubicBezTo>
                  <a:pt x="96" y="80"/>
                  <a:pt x="96" y="80"/>
                  <a:pt x="96" y="80"/>
                </a:cubicBezTo>
                <a:cubicBezTo>
                  <a:pt x="96" y="84"/>
                  <a:pt x="92" y="88"/>
                  <a:pt x="88" y="88"/>
                </a:cubicBezTo>
                <a:cubicBezTo>
                  <a:pt x="84" y="88"/>
                  <a:pt x="80" y="84"/>
                  <a:pt x="80" y="80"/>
                </a:cubicBezTo>
                <a:lnTo>
                  <a:pt x="80" y="16"/>
                </a:lnTo>
                <a:close/>
              </a:path>
            </a:pathLst>
          </a:custGeom>
          <a:solidFill>
            <a:srgbClr val="024D78"/>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noProof="0"/>
          </a:p>
        </p:txBody>
      </p:sp>
      <p:sp>
        <p:nvSpPr>
          <p:cNvPr id="96" name="Free-form: Shape 1">
            <a:extLst>
              <a:ext uri="{FF2B5EF4-FFF2-40B4-BE49-F238E27FC236}">
                <a16:creationId xmlns:a16="http://schemas.microsoft.com/office/drawing/2014/main" id="{002ECBDB-A23F-4A14-2AE2-E35D75F3CAA1}"/>
              </a:ext>
              <a:ext uri="{C183D7F6-B498-43B3-948B-1728B52AA6E4}">
                <adec:decorative xmlns:adec="http://schemas.microsoft.com/office/drawing/2017/decorative" val="1"/>
              </a:ext>
            </a:extLst>
          </p:cNvPr>
          <p:cNvSpPr>
            <a:spLocks noChangeAspect="1"/>
          </p:cNvSpPr>
          <p:nvPr/>
        </p:nvSpPr>
        <p:spPr>
          <a:xfrm>
            <a:off x="6732648" y="2670488"/>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64778A"/>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grpSp>
        <p:nvGrpSpPr>
          <p:cNvPr id="14" name="Group 13">
            <a:extLst>
              <a:ext uri="{FF2B5EF4-FFF2-40B4-BE49-F238E27FC236}">
                <a16:creationId xmlns:a16="http://schemas.microsoft.com/office/drawing/2014/main" id="{39C66532-B0B8-3FF6-0D2B-8B655A6F1FEA}"/>
              </a:ext>
              <a:ext uri="{C183D7F6-B498-43B3-948B-1728B52AA6E4}">
                <adec:decorative xmlns:adec="http://schemas.microsoft.com/office/drawing/2017/decorative" val="1"/>
              </a:ext>
            </a:extLst>
          </p:cNvPr>
          <p:cNvGrpSpPr/>
          <p:nvPr/>
        </p:nvGrpSpPr>
        <p:grpSpPr>
          <a:xfrm>
            <a:off x="7282408" y="4086679"/>
            <a:ext cx="4016058" cy="229887"/>
            <a:chOff x="7581703" y="4297728"/>
            <a:chExt cx="4016058" cy="229887"/>
          </a:xfrm>
          <a:solidFill>
            <a:schemeClr val="accent4"/>
          </a:solidFill>
        </p:grpSpPr>
        <p:cxnSp>
          <p:nvCxnSpPr>
            <p:cNvPr id="20" name="Lige forbindelse 40">
              <a:extLst>
                <a:ext uri="{FF2B5EF4-FFF2-40B4-BE49-F238E27FC236}">
                  <a16:creationId xmlns:a16="http://schemas.microsoft.com/office/drawing/2014/main" id="{05E984E4-0B4C-2CE6-4807-97BD07F258AF}"/>
                </a:ext>
              </a:extLst>
            </p:cNvPr>
            <p:cNvCxnSpPr>
              <a:cxnSpLocks/>
            </p:cNvCxnSpPr>
            <p:nvPr/>
          </p:nvCxnSpPr>
          <p:spPr>
            <a:xfrm flipH="1">
              <a:off x="7581703" y="4412672"/>
              <a:ext cx="4016058" cy="0"/>
            </a:xfrm>
            <a:prstGeom prst="line">
              <a:avLst/>
            </a:prstGeom>
            <a:grpFill/>
            <a:ln w="12700">
              <a:solidFill>
                <a:schemeClr val="accent4"/>
              </a:solidFill>
            </a:ln>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A09AED9F-5218-18EA-DA73-57A0E1FEA9B5}"/>
                </a:ext>
              </a:extLst>
            </p:cNvPr>
            <p:cNvGrpSpPr/>
            <p:nvPr/>
          </p:nvGrpSpPr>
          <p:grpSpPr>
            <a:xfrm>
              <a:off x="9481733" y="4297728"/>
              <a:ext cx="216000" cy="229887"/>
              <a:chOff x="9509091" y="4312379"/>
              <a:chExt cx="216000" cy="229887"/>
            </a:xfrm>
            <a:grpFill/>
          </p:grpSpPr>
          <p:sp>
            <p:nvSpPr>
              <p:cNvPr id="23" name="Rutediagram: Forbindelse 41">
                <a:extLst>
                  <a:ext uri="{FF2B5EF4-FFF2-40B4-BE49-F238E27FC236}">
                    <a16:creationId xmlns:a16="http://schemas.microsoft.com/office/drawing/2014/main" id="{3BF6270D-1817-C00E-15A4-8B80F86822D5}"/>
                  </a:ext>
                </a:extLst>
              </p:cNvPr>
              <p:cNvSpPr/>
              <p:nvPr/>
            </p:nvSpPr>
            <p:spPr>
              <a:xfrm rot="5400000">
                <a:off x="9502147" y="4319323"/>
                <a:ext cx="229887" cy="216000"/>
              </a:xfrm>
              <a:prstGeom prst="flowChartConnector">
                <a:avLst/>
              </a:prstGeom>
              <a:grp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sp>
            <p:nvSpPr>
              <p:cNvPr id="54" name="Ligebenet trekant 39">
                <a:extLst>
                  <a:ext uri="{FF2B5EF4-FFF2-40B4-BE49-F238E27FC236}">
                    <a16:creationId xmlns:a16="http://schemas.microsoft.com/office/drawing/2014/main" id="{9952A894-023B-3EAB-3906-7BED2CF2D396}"/>
                  </a:ext>
                </a:extLst>
              </p:cNvPr>
              <p:cNvSpPr/>
              <p:nvPr/>
            </p:nvSpPr>
            <p:spPr>
              <a:xfrm rot="10800000">
                <a:off x="9554010" y="4395412"/>
                <a:ext cx="126160" cy="94431"/>
              </a:xfrm>
              <a:prstGeom prst="triangl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a:ln>
                    <a:noFill/>
                  </a:ln>
                  <a:solidFill>
                    <a:prstClr val="white"/>
                  </a:solidFill>
                  <a:effectLst/>
                  <a:uLnTx/>
                  <a:uFillTx/>
                  <a:latin typeface="KBH Medium"/>
                  <a:ea typeface="+mn-ea"/>
                  <a:cs typeface="+mn-cs"/>
                </a:endParaRPr>
              </a:p>
            </p:txBody>
          </p:sp>
        </p:grpSp>
      </p:grpSp>
      <p:sp>
        <p:nvSpPr>
          <p:cNvPr id="138" name="TextBox 137">
            <a:extLst>
              <a:ext uri="{FF2B5EF4-FFF2-40B4-BE49-F238E27FC236}">
                <a16:creationId xmlns:a16="http://schemas.microsoft.com/office/drawing/2014/main" id="{C95C9BC6-F80B-9DEC-61B3-381309C854D7}"/>
              </a:ext>
            </a:extLst>
          </p:cNvPr>
          <p:cNvSpPr txBox="1"/>
          <p:nvPr/>
        </p:nvSpPr>
        <p:spPr>
          <a:xfrm>
            <a:off x="9469157" y="1874760"/>
            <a:ext cx="1931344" cy="246221"/>
          </a:xfrm>
          <a:prstGeom prst="rect">
            <a:avLst/>
          </a:prstGeom>
          <a:noFill/>
        </p:spPr>
        <p:txBody>
          <a:bodyPr wrap="square" lIns="72000">
            <a:spAutoFit/>
          </a:bodyPr>
          <a:lstStyle/>
          <a:p>
            <a:r>
              <a:rPr lang="da-DK" sz="1000" b="1" noProof="0" dirty="0">
                <a:solidFill>
                  <a:srgbClr val="36465A"/>
                </a:solidFill>
              </a:rPr>
              <a:t>Gevinster</a:t>
            </a:r>
            <a:endParaRPr lang="da-DK" sz="1000" noProof="0" dirty="0">
              <a:solidFill>
                <a:srgbClr val="36465A"/>
              </a:solidFill>
            </a:endParaRPr>
          </a:p>
        </p:txBody>
      </p:sp>
      <p:sp>
        <p:nvSpPr>
          <p:cNvPr id="137" name="TextBox 136">
            <a:extLst>
              <a:ext uri="{FF2B5EF4-FFF2-40B4-BE49-F238E27FC236}">
                <a16:creationId xmlns:a16="http://schemas.microsoft.com/office/drawing/2014/main" id="{6C856505-5874-2574-1AFF-ED9449B28794}"/>
              </a:ext>
            </a:extLst>
          </p:cNvPr>
          <p:cNvSpPr txBox="1"/>
          <p:nvPr/>
        </p:nvSpPr>
        <p:spPr>
          <a:xfrm>
            <a:off x="9857248" y="2233094"/>
            <a:ext cx="1495241"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Øget vidensniveau og opbygning af kapabiliteter på nationalt niveau.</a:t>
            </a:r>
          </a:p>
        </p:txBody>
      </p:sp>
      <p:sp>
        <p:nvSpPr>
          <p:cNvPr id="139" name="TextBox 138">
            <a:extLst>
              <a:ext uri="{FF2B5EF4-FFF2-40B4-BE49-F238E27FC236}">
                <a16:creationId xmlns:a16="http://schemas.microsoft.com/office/drawing/2014/main" id="{E66B85B3-1B6E-9AAB-88BB-0336070D0EFD}"/>
              </a:ext>
            </a:extLst>
          </p:cNvPr>
          <p:cNvSpPr txBox="1"/>
          <p:nvPr/>
        </p:nvSpPr>
        <p:spPr>
          <a:xfrm>
            <a:off x="9857248" y="2789027"/>
            <a:ext cx="1436160" cy="661720"/>
          </a:xfrm>
          <a:prstGeom prst="rect">
            <a:avLst/>
          </a:prstGeom>
          <a:noFill/>
        </p:spPr>
        <p:txBody>
          <a:bodyPr wrap="square" lIns="0" tIns="0" rIns="0">
            <a:spAutoFit/>
          </a:bodyPr>
          <a:lstStyle/>
          <a:p>
            <a:pPr>
              <a:defRPr/>
            </a:pPr>
            <a:r>
              <a:rPr lang="da-DK" sz="1000" noProof="0" dirty="0">
                <a:solidFill>
                  <a:srgbClr val="000000"/>
                </a:solidFill>
                <a:latin typeface="Arial" panose="020B0604020202020204" pitchFamily="34" charset="0"/>
              </a:rPr>
              <a:t>Mulig acceleration af konkrete initiativer hos myndighederne.</a:t>
            </a:r>
          </a:p>
          <a:p>
            <a:pPr marR="0" lvl="0" algn="l" defTabSz="1039307" rtl="0" eaLnBrk="1" fontAlgn="auto" latinLnBrk="0" hangingPunct="1">
              <a:lnSpc>
                <a:spcPct val="100000"/>
              </a:lnSpc>
              <a:spcBef>
                <a:spcPts val="0"/>
              </a:spcBef>
              <a:spcAft>
                <a:spcPts val="0"/>
              </a:spcAft>
              <a:buClrTx/>
              <a:buSzTx/>
              <a:tabLst/>
              <a:defRPr/>
            </a:pPr>
            <a:endPar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
        <p:nvSpPr>
          <p:cNvPr id="146" name="TextBox 145">
            <a:extLst>
              <a:ext uri="{FF2B5EF4-FFF2-40B4-BE49-F238E27FC236}">
                <a16:creationId xmlns:a16="http://schemas.microsoft.com/office/drawing/2014/main" id="{035CEDBC-CFC6-29DD-193A-58944D6ACABE}"/>
              </a:ext>
            </a:extLst>
          </p:cNvPr>
          <p:cNvSpPr txBox="1"/>
          <p:nvPr/>
        </p:nvSpPr>
        <p:spPr>
          <a:xfrm>
            <a:off x="9857248" y="3348603"/>
            <a:ext cx="1436160" cy="507831"/>
          </a:xfrm>
          <a:prstGeom prst="rect">
            <a:avLst/>
          </a:prstGeom>
          <a:noFill/>
        </p:spPr>
        <p:txBody>
          <a:bodyPr wrap="square" lIns="0" tIns="0" rIns="0">
            <a:spAutoFit/>
          </a:bodyPr>
          <a:lstStyle/>
          <a:p>
            <a:pPr marR="0" lvl="0" algn="l" defTabSz="1039307" rtl="0" eaLnBrk="1" fontAlgn="auto" latinLnBrk="0" hangingPunct="1">
              <a:lnSpc>
                <a:spcPct val="100000"/>
              </a:lnSpc>
              <a:spcBef>
                <a:spcPts val="0"/>
              </a:spcBef>
              <a:spcAft>
                <a:spcPts val="0"/>
              </a:spcAft>
              <a:buClrTx/>
              <a:buSzTx/>
              <a:tabLst/>
              <a:defRPr/>
            </a:pPr>
            <a:r>
              <a:rPr kumimoji="0" lang="da-DK" sz="10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Øget strategisk autonomi gennem nationale, transformative indsatser.</a:t>
            </a:r>
          </a:p>
        </p:txBody>
      </p:sp>
      <p:sp>
        <p:nvSpPr>
          <p:cNvPr id="5" name="TextBox 4">
            <a:extLst>
              <a:ext uri="{FF2B5EF4-FFF2-40B4-BE49-F238E27FC236}">
                <a16:creationId xmlns:a16="http://schemas.microsoft.com/office/drawing/2014/main" id="{E4738788-7169-1F0D-F214-275E3A17C0B0}"/>
              </a:ext>
            </a:extLst>
          </p:cNvPr>
          <p:cNvSpPr txBox="1"/>
          <p:nvPr/>
        </p:nvSpPr>
        <p:spPr>
          <a:xfrm>
            <a:off x="7135196" y="4384984"/>
            <a:ext cx="4080640" cy="246221"/>
          </a:xfrm>
          <a:prstGeom prst="rect">
            <a:avLst/>
          </a:prstGeom>
          <a:noFill/>
        </p:spPr>
        <p:txBody>
          <a:bodyPr wrap="square">
            <a:spAutoFit/>
          </a:bodyPr>
          <a:lstStyle/>
          <a:p>
            <a:r>
              <a:rPr lang="da-DK" sz="1000" b="1" noProof="0" dirty="0"/>
              <a:t>Forudsætninger for effektiv implementering</a:t>
            </a:r>
            <a:endParaRPr lang="da-DK" sz="1000" noProof="0" dirty="0"/>
          </a:p>
        </p:txBody>
      </p:sp>
      <p:sp>
        <p:nvSpPr>
          <p:cNvPr id="4" name="Freeform 31">
            <a:extLst>
              <a:ext uri="{FF2B5EF4-FFF2-40B4-BE49-F238E27FC236}">
                <a16:creationId xmlns:a16="http://schemas.microsoft.com/office/drawing/2014/main" id="{5706E2A9-FCBD-C962-D3DF-E5F54EE8C84F}"/>
              </a:ext>
              <a:ext uri="{C183D7F6-B498-43B3-948B-1728B52AA6E4}">
                <adec:decorative xmlns:adec="http://schemas.microsoft.com/office/drawing/2017/decorative" val="1"/>
              </a:ext>
            </a:extLst>
          </p:cNvPr>
          <p:cNvSpPr>
            <a:spLocks noEditPoints="1"/>
          </p:cNvSpPr>
          <p:nvPr/>
        </p:nvSpPr>
        <p:spPr bwMode="auto">
          <a:xfrm>
            <a:off x="11630423" y="245376"/>
            <a:ext cx="361599" cy="336627"/>
          </a:xfrm>
          <a:custGeom>
            <a:avLst/>
            <a:gdLst>
              <a:gd name="T0" fmla="*/ 112 w 224"/>
              <a:gd name="T1" fmla="*/ 32 h 208"/>
              <a:gd name="T2" fmla="*/ 112 w 224"/>
              <a:gd name="T3" fmla="*/ 40 h 208"/>
              <a:gd name="T4" fmla="*/ 100 w 224"/>
              <a:gd name="T5" fmla="*/ 52 h 208"/>
              <a:gd name="T6" fmla="*/ 60 w 224"/>
              <a:gd name="T7" fmla="*/ 52 h 208"/>
              <a:gd name="T8" fmla="*/ 40 w 224"/>
              <a:gd name="T9" fmla="*/ 72 h 208"/>
              <a:gd name="T10" fmla="*/ 40 w 224"/>
              <a:gd name="T11" fmla="*/ 64 h 208"/>
              <a:gd name="T12" fmla="*/ 76 w 224"/>
              <a:gd name="T13" fmla="*/ 40 h 208"/>
              <a:gd name="T14" fmla="*/ 56 w 224"/>
              <a:gd name="T15" fmla="*/ 20 h 208"/>
              <a:gd name="T16" fmla="*/ 88 w 224"/>
              <a:gd name="T17" fmla="*/ 20 h 208"/>
              <a:gd name="T18" fmla="*/ 76 w 224"/>
              <a:gd name="T19" fmla="*/ 8 h 208"/>
              <a:gd name="T20" fmla="*/ 148 w 224"/>
              <a:gd name="T21" fmla="*/ 0 h 208"/>
              <a:gd name="T22" fmla="*/ 148 w 224"/>
              <a:gd name="T23" fmla="*/ 8 h 208"/>
              <a:gd name="T24" fmla="*/ 136 w 224"/>
              <a:gd name="T25" fmla="*/ 20 h 208"/>
              <a:gd name="T26" fmla="*/ 211 w 224"/>
              <a:gd name="T27" fmla="*/ 75 h 208"/>
              <a:gd name="T28" fmla="*/ 184 w 224"/>
              <a:gd name="T29" fmla="*/ 86 h 208"/>
              <a:gd name="T30" fmla="*/ 157 w 224"/>
              <a:gd name="T31" fmla="*/ 75 h 208"/>
              <a:gd name="T32" fmla="*/ 140 w 224"/>
              <a:gd name="T33" fmla="*/ 75 h 208"/>
              <a:gd name="T34" fmla="*/ 125 w 224"/>
              <a:gd name="T35" fmla="*/ 73 h 208"/>
              <a:gd name="T36" fmla="*/ 95 w 224"/>
              <a:gd name="T37" fmla="*/ 72 h 208"/>
              <a:gd name="T38" fmla="*/ 76 w 224"/>
              <a:gd name="T39" fmla="*/ 81 h 208"/>
              <a:gd name="T40" fmla="*/ 57 w 224"/>
              <a:gd name="T41" fmla="*/ 72 h 208"/>
              <a:gd name="T42" fmla="*/ 27 w 224"/>
              <a:gd name="T43" fmla="*/ 73 h 208"/>
              <a:gd name="T44" fmla="*/ 12 w 224"/>
              <a:gd name="T45" fmla="*/ 75 h 208"/>
              <a:gd name="T46" fmla="*/ 16 w 224"/>
              <a:gd name="T47" fmla="*/ 152 h 208"/>
              <a:gd name="T48" fmla="*/ 20 w 224"/>
              <a:gd name="T49" fmla="*/ 208 h 208"/>
              <a:gd name="T50" fmla="*/ 64 w 224"/>
              <a:gd name="T51" fmla="*/ 204 h 208"/>
              <a:gd name="T52" fmla="*/ 88 w 224"/>
              <a:gd name="T53" fmla="*/ 152 h 208"/>
              <a:gd name="T54" fmla="*/ 92 w 224"/>
              <a:gd name="T55" fmla="*/ 208 h 208"/>
              <a:gd name="T56" fmla="*/ 136 w 224"/>
              <a:gd name="T57" fmla="*/ 204 h 208"/>
              <a:gd name="T58" fmla="*/ 160 w 224"/>
              <a:gd name="T59" fmla="*/ 152 h 208"/>
              <a:gd name="T60" fmla="*/ 164 w 224"/>
              <a:gd name="T61" fmla="*/ 208 h 208"/>
              <a:gd name="T62" fmla="*/ 208 w 224"/>
              <a:gd name="T63" fmla="*/ 204 h 208"/>
              <a:gd name="T64" fmla="*/ 224 w 224"/>
              <a:gd name="T65" fmla="*/ 92 h 208"/>
              <a:gd name="T66" fmla="*/ 64 w 224"/>
              <a:gd name="T67" fmla="*/ 143 h 208"/>
              <a:gd name="T68" fmla="*/ 56 w 224"/>
              <a:gd name="T69" fmla="*/ 100 h 208"/>
              <a:gd name="T70" fmla="*/ 44 w 224"/>
              <a:gd name="T71" fmla="*/ 140 h 208"/>
              <a:gd name="T72" fmla="*/ 36 w 224"/>
              <a:gd name="T73" fmla="*/ 200 h 208"/>
              <a:gd name="T74" fmla="*/ 20 w 224"/>
              <a:gd name="T75" fmla="*/ 96 h 208"/>
              <a:gd name="T76" fmla="*/ 8 w 224"/>
              <a:gd name="T77" fmla="*/ 132 h 208"/>
              <a:gd name="T78" fmla="*/ 23 w 224"/>
              <a:gd name="T79" fmla="*/ 80 h 208"/>
              <a:gd name="T80" fmla="*/ 43 w 224"/>
              <a:gd name="T81" fmla="*/ 95 h 208"/>
              <a:gd name="T82" fmla="*/ 72 w 224"/>
              <a:gd name="T83" fmla="*/ 92 h 208"/>
              <a:gd name="T84" fmla="*/ 136 w 224"/>
              <a:gd name="T85" fmla="*/ 143 h 208"/>
              <a:gd name="T86" fmla="*/ 128 w 224"/>
              <a:gd name="T87" fmla="*/ 100 h 208"/>
              <a:gd name="T88" fmla="*/ 116 w 224"/>
              <a:gd name="T89" fmla="*/ 140 h 208"/>
              <a:gd name="T90" fmla="*/ 108 w 224"/>
              <a:gd name="T91" fmla="*/ 200 h 208"/>
              <a:gd name="T92" fmla="*/ 92 w 224"/>
              <a:gd name="T93" fmla="*/ 96 h 208"/>
              <a:gd name="T94" fmla="*/ 80 w 224"/>
              <a:gd name="T95" fmla="*/ 132 h 208"/>
              <a:gd name="T96" fmla="*/ 95 w 224"/>
              <a:gd name="T97" fmla="*/ 80 h 208"/>
              <a:gd name="T98" fmla="*/ 115 w 224"/>
              <a:gd name="T99" fmla="*/ 95 h 208"/>
              <a:gd name="T100" fmla="*/ 144 w 224"/>
              <a:gd name="T101" fmla="*/ 92 h 208"/>
              <a:gd name="T102" fmla="*/ 208 w 224"/>
              <a:gd name="T103" fmla="*/ 100 h 208"/>
              <a:gd name="T104" fmla="*/ 200 w 224"/>
              <a:gd name="T105" fmla="*/ 200 h 208"/>
              <a:gd name="T106" fmla="*/ 184 w 224"/>
              <a:gd name="T107" fmla="*/ 136 h 208"/>
              <a:gd name="T108" fmla="*/ 168 w 224"/>
              <a:gd name="T109" fmla="*/ 200 h 208"/>
              <a:gd name="T110" fmla="*/ 160 w 224"/>
              <a:gd name="T111" fmla="*/ 100 h 208"/>
              <a:gd name="T112" fmla="*/ 152 w 224"/>
              <a:gd name="T113" fmla="*/ 92 h 208"/>
              <a:gd name="T114" fmla="*/ 181 w 224"/>
              <a:gd name="T115" fmla="*/ 95 h 208"/>
              <a:gd name="T116" fmla="*/ 201 w 224"/>
              <a:gd name="T117" fmla="*/ 80 h 208"/>
              <a:gd name="T118" fmla="*/ 216 w 224"/>
              <a:gd name="T119" fmla="*/ 132 h 208"/>
              <a:gd name="T120" fmla="*/ 204 w 224"/>
              <a:gd name="T121" fmla="*/ 52 h 208"/>
              <a:gd name="T122" fmla="*/ 184 w 224"/>
              <a:gd name="T123" fmla="*/ 72 h 208"/>
              <a:gd name="T124" fmla="*/ 184 w 224"/>
              <a:gd name="T125" fmla="*/ 64 h 2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24" h="208">
                <a:moveTo>
                  <a:pt x="112" y="72"/>
                </a:moveTo>
                <a:cubicBezTo>
                  <a:pt x="123" y="72"/>
                  <a:pt x="132" y="63"/>
                  <a:pt x="132" y="52"/>
                </a:cubicBezTo>
                <a:cubicBezTo>
                  <a:pt x="132" y="41"/>
                  <a:pt x="123" y="32"/>
                  <a:pt x="112" y="32"/>
                </a:cubicBezTo>
                <a:cubicBezTo>
                  <a:pt x="101" y="32"/>
                  <a:pt x="92" y="41"/>
                  <a:pt x="92" y="52"/>
                </a:cubicBezTo>
                <a:cubicBezTo>
                  <a:pt x="92" y="63"/>
                  <a:pt x="101" y="72"/>
                  <a:pt x="112" y="72"/>
                </a:cubicBezTo>
                <a:close/>
                <a:moveTo>
                  <a:pt x="112" y="40"/>
                </a:moveTo>
                <a:cubicBezTo>
                  <a:pt x="119" y="40"/>
                  <a:pt x="124" y="45"/>
                  <a:pt x="124" y="52"/>
                </a:cubicBezTo>
                <a:cubicBezTo>
                  <a:pt x="124" y="59"/>
                  <a:pt x="119" y="64"/>
                  <a:pt x="112" y="64"/>
                </a:cubicBezTo>
                <a:cubicBezTo>
                  <a:pt x="105" y="64"/>
                  <a:pt x="100" y="59"/>
                  <a:pt x="100" y="52"/>
                </a:cubicBezTo>
                <a:cubicBezTo>
                  <a:pt x="100" y="45"/>
                  <a:pt x="105" y="40"/>
                  <a:pt x="112" y="40"/>
                </a:cubicBezTo>
                <a:close/>
                <a:moveTo>
                  <a:pt x="40" y="72"/>
                </a:moveTo>
                <a:cubicBezTo>
                  <a:pt x="51" y="72"/>
                  <a:pt x="60" y="63"/>
                  <a:pt x="60" y="52"/>
                </a:cubicBezTo>
                <a:cubicBezTo>
                  <a:pt x="60" y="41"/>
                  <a:pt x="51" y="32"/>
                  <a:pt x="40" y="32"/>
                </a:cubicBezTo>
                <a:cubicBezTo>
                  <a:pt x="29" y="32"/>
                  <a:pt x="20" y="41"/>
                  <a:pt x="20" y="52"/>
                </a:cubicBezTo>
                <a:cubicBezTo>
                  <a:pt x="20" y="63"/>
                  <a:pt x="29" y="72"/>
                  <a:pt x="40" y="72"/>
                </a:cubicBezTo>
                <a:close/>
                <a:moveTo>
                  <a:pt x="40" y="40"/>
                </a:moveTo>
                <a:cubicBezTo>
                  <a:pt x="47" y="40"/>
                  <a:pt x="52" y="45"/>
                  <a:pt x="52" y="52"/>
                </a:cubicBezTo>
                <a:cubicBezTo>
                  <a:pt x="52" y="59"/>
                  <a:pt x="47" y="64"/>
                  <a:pt x="40" y="64"/>
                </a:cubicBezTo>
                <a:cubicBezTo>
                  <a:pt x="33" y="64"/>
                  <a:pt x="28" y="59"/>
                  <a:pt x="28" y="52"/>
                </a:cubicBezTo>
                <a:cubicBezTo>
                  <a:pt x="28" y="45"/>
                  <a:pt x="33" y="40"/>
                  <a:pt x="40" y="40"/>
                </a:cubicBezTo>
                <a:close/>
                <a:moveTo>
                  <a:pt x="76" y="40"/>
                </a:moveTo>
                <a:cubicBezTo>
                  <a:pt x="87" y="40"/>
                  <a:pt x="96" y="31"/>
                  <a:pt x="96" y="20"/>
                </a:cubicBezTo>
                <a:cubicBezTo>
                  <a:pt x="96" y="9"/>
                  <a:pt x="87" y="0"/>
                  <a:pt x="76" y="0"/>
                </a:cubicBezTo>
                <a:cubicBezTo>
                  <a:pt x="65" y="0"/>
                  <a:pt x="56" y="9"/>
                  <a:pt x="56" y="20"/>
                </a:cubicBezTo>
                <a:cubicBezTo>
                  <a:pt x="56" y="31"/>
                  <a:pt x="65" y="40"/>
                  <a:pt x="76" y="40"/>
                </a:cubicBezTo>
                <a:close/>
                <a:moveTo>
                  <a:pt x="76" y="8"/>
                </a:moveTo>
                <a:cubicBezTo>
                  <a:pt x="83" y="8"/>
                  <a:pt x="88" y="13"/>
                  <a:pt x="88" y="20"/>
                </a:cubicBezTo>
                <a:cubicBezTo>
                  <a:pt x="88" y="27"/>
                  <a:pt x="83" y="32"/>
                  <a:pt x="76" y="32"/>
                </a:cubicBezTo>
                <a:cubicBezTo>
                  <a:pt x="69" y="32"/>
                  <a:pt x="64" y="27"/>
                  <a:pt x="64" y="20"/>
                </a:cubicBezTo>
                <a:cubicBezTo>
                  <a:pt x="64" y="13"/>
                  <a:pt x="69" y="8"/>
                  <a:pt x="76" y="8"/>
                </a:cubicBezTo>
                <a:close/>
                <a:moveTo>
                  <a:pt x="148" y="40"/>
                </a:moveTo>
                <a:cubicBezTo>
                  <a:pt x="159" y="40"/>
                  <a:pt x="168" y="31"/>
                  <a:pt x="168" y="20"/>
                </a:cubicBezTo>
                <a:cubicBezTo>
                  <a:pt x="168" y="9"/>
                  <a:pt x="159" y="0"/>
                  <a:pt x="148" y="0"/>
                </a:cubicBezTo>
                <a:cubicBezTo>
                  <a:pt x="137" y="0"/>
                  <a:pt x="128" y="9"/>
                  <a:pt x="128" y="20"/>
                </a:cubicBezTo>
                <a:cubicBezTo>
                  <a:pt x="128" y="31"/>
                  <a:pt x="137" y="40"/>
                  <a:pt x="148" y="40"/>
                </a:cubicBezTo>
                <a:close/>
                <a:moveTo>
                  <a:pt x="148" y="8"/>
                </a:moveTo>
                <a:cubicBezTo>
                  <a:pt x="155" y="8"/>
                  <a:pt x="160" y="13"/>
                  <a:pt x="160" y="20"/>
                </a:cubicBezTo>
                <a:cubicBezTo>
                  <a:pt x="160" y="27"/>
                  <a:pt x="155" y="32"/>
                  <a:pt x="148" y="32"/>
                </a:cubicBezTo>
                <a:cubicBezTo>
                  <a:pt x="141" y="32"/>
                  <a:pt x="136" y="27"/>
                  <a:pt x="136" y="20"/>
                </a:cubicBezTo>
                <a:cubicBezTo>
                  <a:pt x="136" y="13"/>
                  <a:pt x="141" y="8"/>
                  <a:pt x="148" y="8"/>
                </a:cubicBezTo>
                <a:close/>
                <a:moveTo>
                  <a:pt x="212" y="75"/>
                </a:moveTo>
                <a:cubicBezTo>
                  <a:pt x="211" y="75"/>
                  <a:pt x="211" y="75"/>
                  <a:pt x="211" y="75"/>
                </a:cubicBezTo>
                <a:cubicBezTo>
                  <a:pt x="201" y="72"/>
                  <a:pt x="201" y="72"/>
                  <a:pt x="201" y="72"/>
                </a:cubicBezTo>
                <a:cubicBezTo>
                  <a:pt x="200" y="72"/>
                  <a:pt x="198" y="72"/>
                  <a:pt x="197" y="73"/>
                </a:cubicBezTo>
                <a:cubicBezTo>
                  <a:pt x="184" y="86"/>
                  <a:pt x="184" y="86"/>
                  <a:pt x="184" y="86"/>
                </a:cubicBezTo>
                <a:cubicBezTo>
                  <a:pt x="171" y="73"/>
                  <a:pt x="171" y="73"/>
                  <a:pt x="171" y="73"/>
                </a:cubicBezTo>
                <a:cubicBezTo>
                  <a:pt x="170" y="72"/>
                  <a:pt x="168" y="72"/>
                  <a:pt x="167" y="72"/>
                </a:cubicBezTo>
                <a:cubicBezTo>
                  <a:pt x="157" y="75"/>
                  <a:pt x="157" y="75"/>
                  <a:pt x="157" y="75"/>
                </a:cubicBezTo>
                <a:cubicBezTo>
                  <a:pt x="156" y="75"/>
                  <a:pt x="156" y="75"/>
                  <a:pt x="156" y="75"/>
                </a:cubicBezTo>
                <a:cubicBezTo>
                  <a:pt x="153" y="76"/>
                  <a:pt x="150" y="78"/>
                  <a:pt x="148" y="81"/>
                </a:cubicBezTo>
                <a:cubicBezTo>
                  <a:pt x="146" y="78"/>
                  <a:pt x="143" y="76"/>
                  <a:pt x="140" y="75"/>
                </a:cubicBezTo>
                <a:cubicBezTo>
                  <a:pt x="139" y="75"/>
                  <a:pt x="139" y="75"/>
                  <a:pt x="139" y="75"/>
                </a:cubicBezTo>
                <a:cubicBezTo>
                  <a:pt x="129" y="72"/>
                  <a:pt x="129" y="72"/>
                  <a:pt x="129" y="72"/>
                </a:cubicBezTo>
                <a:cubicBezTo>
                  <a:pt x="128" y="72"/>
                  <a:pt x="126" y="72"/>
                  <a:pt x="125" y="73"/>
                </a:cubicBezTo>
                <a:cubicBezTo>
                  <a:pt x="112" y="86"/>
                  <a:pt x="112" y="86"/>
                  <a:pt x="112" y="86"/>
                </a:cubicBezTo>
                <a:cubicBezTo>
                  <a:pt x="99" y="73"/>
                  <a:pt x="99" y="73"/>
                  <a:pt x="99" y="73"/>
                </a:cubicBezTo>
                <a:cubicBezTo>
                  <a:pt x="98" y="72"/>
                  <a:pt x="96" y="72"/>
                  <a:pt x="95" y="72"/>
                </a:cubicBezTo>
                <a:cubicBezTo>
                  <a:pt x="85" y="75"/>
                  <a:pt x="85" y="75"/>
                  <a:pt x="85" y="75"/>
                </a:cubicBezTo>
                <a:cubicBezTo>
                  <a:pt x="84" y="75"/>
                  <a:pt x="84" y="75"/>
                  <a:pt x="84" y="75"/>
                </a:cubicBezTo>
                <a:cubicBezTo>
                  <a:pt x="81" y="76"/>
                  <a:pt x="78" y="78"/>
                  <a:pt x="76" y="81"/>
                </a:cubicBezTo>
                <a:cubicBezTo>
                  <a:pt x="74" y="78"/>
                  <a:pt x="71" y="76"/>
                  <a:pt x="68" y="75"/>
                </a:cubicBezTo>
                <a:cubicBezTo>
                  <a:pt x="67" y="75"/>
                  <a:pt x="67" y="75"/>
                  <a:pt x="67" y="75"/>
                </a:cubicBezTo>
                <a:cubicBezTo>
                  <a:pt x="57" y="72"/>
                  <a:pt x="57" y="72"/>
                  <a:pt x="57" y="72"/>
                </a:cubicBezTo>
                <a:cubicBezTo>
                  <a:pt x="56" y="72"/>
                  <a:pt x="54" y="72"/>
                  <a:pt x="53" y="73"/>
                </a:cubicBezTo>
                <a:cubicBezTo>
                  <a:pt x="40" y="86"/>
                  <a:pt x="40" y="86"/>
                  <a:pt x="40" y="86"/>
                </a:cubicBezTo>
                <a:cubicBezTo>
                  <a:pt x="27" y="73"/>
                  <a:pt x="27" y="73"/>
                  <a:pt x="27" y="73"/>
                </a:cubicBezTo>
                <a:cubicBezTo>
                  <a:pt x="26" y="72"/>
                  <a:pt x="24" y="72"/>
                  <a:pt x="23" y="72"/>
                </a:cubicBezTo>
                <a:cubicBezTo>
                  <a:pt x="13" y="75"/>
                  <a:pt x="13" y="75"/>
                  <a:pt x="13" y="75"/>
                </a:cubicBezTo>
                <a:cubicBezTo>
                  <a:pt x="12" y="75"/>
                  <a:pt x="12" y="75"/>
                  <a:pt x="12" y="75"/>
                </a:cubicBezTo>
                <a:cubicBezTo>
                  <a:pt x="5" y="77"/>
                  <a:pt x="0" y="84"/>
                  <a:pt x="0" y="92"/>
                </a:cubicBezTo>
                <a:cubicBezTo>
                  <a:pt x="0" y="132"/>
                  <a:pt x="0" y="132"/>
                  <a:pt x="0" y="132"/>
                </a:cubicBezTo>
                <a:cubicBezTo>
                  <a:pt x="0" y="142"/>
                  <a:pt x="7" y="150"/>
                  <a:pt x="16" y="152"/>
                </a:cubicBezTo>
                <a:cubicBezTo>
                  <a:pt x="16" y="204"/>
                  <a:pt x="16" y="204"/>
                  <a:pt x="16" y="204"/>
                </a:cubicBezTo>
                <a:cubicBezTo>
                  <a:pt x="16" y="205"/>
                  <a:pt x="16" y="206"/>
                  <a:pt x="17" y="207"/>
                </a:cubicBezTo>
                <a:cubicBezTo>
                  <a:pt x="18" y="208"/>
                  <a:pt x="19" y="208"/>
                  <a:pt x="20" y="208"/>
                </a:cubicBezTo>
                <a:cubicBezTo>
                  <a:pt x="60" y="208"/>
                  <a:pt x="60" y="208"/>
                  <a:pt x="60" y="208"/>
                </a:cubicBezTo>
                <a:cubicBezTo>
                  <a:pt x="61" y="208"/>
                  <a:pt x="62" y="208"/>
                  <a:pt x="63" y="207"/>
                </a:cubicBezTo>
                <a:cubicBezTo>
                  <a:pt x="64" y="206"/>
                  <a:pt x="64" y="205"/>
                  <a:pt x="64" y="204"/>
                </a:cubicBezTo>
                <a:cubicBezTo>
                  <a:pt x="64" y="152"/>
                  <a:pt x="64" y="152"/>
                  <a:pt x="64" y="152"/>
                </a:cubicBezTo>
                <a:cubicBezTo>
                  <a:pt x="69" y="151"/>
                  <a:pt x="73" y="148"/>
                  <a:pt x="76" y="144"/>
                </a:cubicBezTo>
                <a:cubicBezTo>
                  <a:pt x="79" y="148"/>
                  <a:pt x="83" y="151"/>
                  <a:pt x="88" y="152"/>
                </a:cubicBezTo>
                <a:cubicBezTo>
                  <a:pt x="88" y="204"/>
                  <a:pt x="88" y="204"/>
                  <a:pt x="88" y="204"/>
                </a:cubicBezTo>
                <a:cubicBezTo>
                  <a:pt x="88" y="205"/>
                  <a:pt x="88" y="206"/>
                  <a:pt x="89" y="207"/>
                </a:cubicBezTo>
                <a:cubicBezTo>
                  <a:pt x="90" y="208"/>
                  <a:pt x="91" y="208"/>
                  <a:pt x="92" y="208"/>
                </a:cubicBezTo>
                <a:cubicBezTo>
                  <a:pt x="132" y="208"/>
                  <a:pt x="132" y="208"/>
                  <a:pt x="132" y="208"/>
                </a:cubicBezTo>
                <a:cubicBezTo>
                  <a:pt x="133" y="208"/>
                  <a:pt x="134" y="208"/>
                  <a:pt x="135" y="207"/>
                </a:cubicBezTo>
                <a:cubicBezTo>
                  <a:pt x="136" y="206"/>
                  <a:pt x="136" y="205"/>
                  <a:pt x="136" y="204"/>
                </a:cubicBezTo>
                <a:cubicBezTo>
                  <a:pt x="136" y="152"/>
                  <a:pt x="136" y="152"/>
                  <a:pt x="136" y="152"/>
                </a:cubicBezTo>
                <a:cubicBezTo>
                  <a:pt x="141" y="151"/>
                  <a:pt x="145" y="148"/>
                  <a:pt x="148" y="144"/>
                </a:cubicBezTo>
                <a:cubicBezTo>
                  <a:pt x="151" y="148"/>
                  <a:pt x="155" y="151"/>
                  <a:pt x="160" y="152"/>
                </a:cubicBezTo>
                <a:cubicBezTo>
                  <a:pt x="160" y="204"/>
                  <a:pt x="160" y="204"/>
                  <a:pt x="160" y="204"/>
                </a:cubicBezTo>
                <a:cubicBezTo>
                  <a:pt x="160" y="205"/>
                  <a:pt x="160" y="206"/>
                  <a:pt x="161" y="207"/>
                </a:cubicBezTo>
                <a:cubicBezTo>
                  <a:pt x="162" y="208"/>
                  <a:pt x="163" y="208"/>
                  <a:pt x="164" y="208"/>
                </a:cubicBezTo>
                <a:cubicBezTo>
                  <a:pt x="204" y="208"/>
                  <a:pt x="204" y="208"/>
                  <a:pt x="204" y="208"/>
                </a:cubicBezTo>
                <a:cubicBezTo>
                  <a:pt x="205" y="208"/>
                  <a:pt x="206" y="208"/>
                  <a:pt x="207" y="207"/>
                </a:cubicBezTo>
                <a:cubicBezTo>
                  <a:pt x="208" y="206"/>
                  <a:pt x="208" y="205"/>
                  <a:pt x="208" y="204"/>
                </a:cubicBezTo>
                <a:cubicBezTo>
                  <a:pt x="208" y="152"/>
                  <a:pt x="208" y="152"/>
                  <a:pt x="208" y="152"/>
                </a:cubicBezTo>
                <a:cubicBezTo>
                  <a:pt x="217" y="150"/>
                  <a:pt x="224" y="142"/>
                  <a:pt x="224" y="132"/>
                </a:cubicBezTo>
                <a:cubicBezTo>
                  <a:pt x="224" y="92"/>
                  <a:pt x="224" y="92"/>
                  <a:pt x="224" y="92"/>
                </a:cubicBezTo>
                <a:cubicBezTo>
                  <a:pt x="224" y="84"/>
                  <a:pt x="219" y="77"/>
                  <a:pt x="212" y="75"/>
                </a:cubicBezTo>
                <a:close/>
                <a:moveTo>
                  <a:pt x="72" y="132"/>
                </a:moveTo>
                <a:cubicBezTo>
                  <a:pt x="72" y="137"/>
                  <a:pt x="69" y="142"/>
                  <a:pt x="64" y="143"/>
                </a:cubicBezTo>
                <a:cubicBezTo>
                  <a:pt x="64" y="100"/>
                  <a:pt x="64" y="100"/>
                  <a:pt x="64" y="100"/>
                </a:cubicBezTo>
                <a:cubicBezTo>
                  <a:pt x="64" y="98"/>
                  <a:pt x="62" y="96"/>
                  <a:pt x="60" y="96"/>
                </a:cubicBezTo>
                <a:cubicBezTo>
                  <a:pt x="58" y="96"/>
                  <a:pt x="56" y="98"/>
                  <a:pt x="56" y="100"/>
                </a:cubicBezTo>
                <a:cubicBezTo>
                  <a:pt x="56" y="200"/>
                  <a:pt x="56" y="200"/>
                  <a:pt x="56" y="200"/>
                </a:cubicBezTo>
                <a:cubicBezTo>
                  <a:pt x="44" y="200"/>
                  <a:pt x="44" y="200"/>
                  <a:pt x="44" y="200"/>
                </a:cubicBezTo>
                <a:cubicBezTo>
                  <a:pt x="44" y="140"/>
                  <a:pt x="44" y="140"/>
                  <a:pt x="44" y="140"/>
                </a:cubicBezTo>
                <a:cubicBezTo>
                  <a:pt x="44" y="138"/>
                  <a:pt x="42" y="136"/>
                  <a:pt x="40" y="136"/>
                </a:cubicBezTo>
                <a:cubicBezTo>
                  <a:pt x="38" y="136"/>
                  <a:pt x="36" y="138"/>
                  <a:pt x="36" y="140"/>
                </a:cubicBezTo>
                <a:cubicBezTo>
                  <a:pt x="36" y="200"/>
                  <a:pt x="36" y="200"/>
                  <a:pt x="36" y="200"/>
                </a:cubicBezTo>
                <a:cubicBezTo>
                  <a:pt x="24" y="200"/>
                  <a:pt x="24" y="200"/>
                  <a:pt x="24" y="200"/>
                </a:cubicBezTo>
                <a:cubicBezTo>
                  <a:pt x="24" y="100"/>
                  <a:pt x="24" y="100"/>
                  <a:pt x="24" y="100"/>
                </a:cubicBezTo>
                <a:cubicBezTo>
                  <a:pt x="24" y="98"/>
                  <a:pt x="22" y="96"/>
                  <a:pt x="20" y="96"/>
                </a:cubicBezTo>
                <a:cubicBezTo>
                  <a:pt x="18" y="96"/>
                  <a:pt x="16" y="98"/>
                  <a:pt x="16" y="100"/>
                </a:cubicBezTo>
                <a:cubicBezTo>
                  <a:pt x="16" y="143"/>
                  <a:pt x="16" y="143"/>
                  <a:pt x="16" y="143"/>
                </a:cubicBezTo>
                <a:cubicBezTo>
                  <a:pt x="11" y="142"/>
                  <a:pt x="8" y="137"/>
                  <a:pt x="8" y="132"/>
                </a:cubicBezTo>
                <a:cubicBezTo>
                  <a:pt x="8" y="92"/>
                  <a:pt x="8" y="92"/>
                  <a:pt x="8" y="92"/>
                </a:cubicBezTo>
                <a:cubicBezTo>
                  <a:pt x="8" y="88"/>
                  <a:pt x="11" y="84"/>
                  <a:pt x="15" y="82"/>
                </a:cubicBezTo>
                <a:cubicBezTo>
                  <a:pt x="23" y="80"/>
                  <a:pt x="23" y="80"/>
                  <a:pt x="23" y="80"/>
                </a:cubicBezTo>
                <a:cubicBezTo>
                  <a:pt x="37" y="95"/>
                  <a:pt x="37" y="95"/>
                  <a:pt x="37" y="95"/>
                </a:cubicBezTo>
                <a:cubicBezTo>
                  <a:pt x="38" y="96"/>
                  <a:pt x="39" y="96"/>
                  <a:pt x="40" y="96"/>
                </a:cubicBezTo>
                <a:cubicBezTo>
                  <a:pt x="41" y="96"/>
                  <a:pt x="42" y="96"/>
                  <a:pt x="43" y="95"/>
                </a:cubicBezTo>
                <a:cubicBezTo>
                  <a:pt x="57" y="80"/>
                  <a:pt x="57" y="80"/>
                  <a:pt x="57" y="80"/>
                </a:cubicBezTo>
                <a:cubicBezTo>
                  <a:pt x="65" y="82"/>
                  <a:pt x="65" y="82"/>
                  <a:pt x="65" y="82"/>
                </a:cubicBezTo>
                <a:cubicBezTo>
                  <a:pt x="69" y="84"/>
                  <a:pt x="72" y="88"/>
                  <a:pt x="72" y="92"/>
                </a:cubicBezTo>
                <a:lnTo>
                  <a:pt x="72" y="132"/>
                </a:lnTo>
                <a:close/>
                <a:moveTo>
                  <a:pt x="144" y="132"/>
                </a:moveTo>
                <a:cubicBezTo>
                  <a:pt x="144" y="137"/>
                  <a:pt x="141" y="142"/>
                  <a:pt x="136" y="143"/>
                </a:cubicBezTo>
                <a:cubicBezTo>
                  <a:pt x="136" y="100"/>
                  <a:pt x="136" y="100"/>
                  <a:pt x="136" y="100"/>
                </a:cubicBezTo>
                <a:cubicBezTo>
                  <a:pt x="136" y="98"/>
                  <a:pt x="134" y="96"/>
                  <a:pt x="132" y="96"/>
                </a:cubicBezTo>
                <a:cubicBezTo>
                  <a:pt x="130" y="96"/>
                  <a:pt x="128" y="98"/>
                  <a:pt x="128" y="100"/>
                </a:cubicBezTo>
                <a:cubicBezTo>
                  <a:pt x="128" y="200"/>
                  <a:pt x="128" y="200"/>
                  <a:pt x="128" y="200"/>
                </a:cubicBezTo>
                <a:cubicBezTo>
                  <a:pt x="116" y="200"/>
                  <a:pt x="116" y="200"/>
                  <a:pt x="116" y="200"/>
                </a:cubicBezTo>
                <a:cubicBezTo>
                  <a:pt x="116" y="140"/>
                  <a:pt x="116" y="140"/>
                  <a:pt x="116" y="140"/>
                </a:cubicBezTo>
                <a:cubicBezTo>
                  <a:pt x="116" y="138"/>
                  <a:pt x="114" y="136"/>
                  <a:pt x="112" y="136"/>
                </a:cubicBezTo>
                <a:cubicBezTo>
                  <a:pt x="110" y="136"/>
                  <a:pt x="108" y="138"/>
                  <a:pt x="108" y="140"/>
                </a:cubicBezTo>
                <a:cubicBezTo>
                  <a:pt x="108" y="200"/>
                  <a:pt x="108" y="200"/>
                  <a:pt x="108" y="200"/>
                </a:cubicBezTo>
                <a:cubicBezTo>
                  <a:pt x="96" y="200"/>
                  <a:pt x="96" y="200"/>
                  <a:pt x="96" y="200"/>
                </a:cubicBezTo>
                <a:cubicBezTo>
                  <a:pt x="96" y="100"/>
                  <a:pt x="96" y="100"/>
                  <a:pt x="96" y="100"/>
                </a:cubicBezTo>
                <a:cubicBezTo>
                  <a:pt x="96" y="98"/>
                  <a:pt x="94" y="96"/>
                  <a:pt x="92" y="96"/>
                </a:cubicBezTo>
                <a:cubicBezTo>
                  <a:pt x="90" y="96"/>
                  <a:pt x="88" y="98"/>
                  <a:pt x="88" y="100"/>
                </a:cubicBezTo>
                <a:cubicBezTo>
                  <a:pt x="88" y="143"/>
                  <a:pt x="88" y="143"/>
                  <a:pt x="88" y="143"/>
                </a:cubicBezTo>
                <a:cubicBezTo>
                  <a:pt x="83" y="142"/>
                  <a:pt x="80" y="137"/>
                  <a:pt x="80" y="132"/>
                </a:cubicBezTo>
                <a:cubicBezTo>
                  <a:pt x="80" y="92"/>
                  <a:pt x="80" y="92"/>
                  <a:pt x="80" y="92"/>
                </a:cubicBezTo>
                <a:cubicBezTo>
                  <a:pt x="80" y="88"/>
                  <a:pt x="83" y="84"/>
                  <a:pt x="87" y="82"/>
                </a:cubicBezTo>
                <a:cubicBezTo>
                  <a:pt x="95" y="80"/>
                  <a:pt x="95" y="80"/>
                  <a:pt x="95" y="80"/>
                </a:cubicBezTo>
                <a:cubicBezTo>
                  <a:pt x="109" y="95"/>
                  <a:pt x="109" y="95"/>
                  <a:pt x="109" y="95"/>
                </a:cubicBezTo>
                <a:cubicBezTo>
                  <a:pt x="110" y="96"/>
                  <a:pt x="111" y="96"/>
                  <a:pt x="112" y="96"/>
                </a:cubicBezTo>
                <a:cubicBezTo>
                  <a:pt x="113" y="96"/>
                  <a:pt x="114" y="96"/>
                  <a:pt x="115" y="95"/>
                </a:cubicBezTo>
                <a:cubicBezTo>
                  <a:pt x="129" y="80"/>
                  <a:pt x="129" y="80"/>
                  <a:pt x="129" y="80"/>
                </a:cubicBezTo>
                <a:cubicBezTo>
                  <a:pt x="137" y="82"/>
                  <a:pt x="137" y="82"/>
                  <a:pt x="137" y="82"/>
                </a:cubicBezTo>
                <a:cubicBezTo>
                  <a:pt x="141" y="84"/>
                  <a:pt x="144" y="88"/>
                  <a:pt x="144" y="92"/>
                </a:cubicBezTo>
                <a:lnTo>
                  <a:pt x="144" y="132"/>
                </a:lnTo>
                <a:close/>
                <a:moveTo>
                  <a:pt x="208" y="143"/>
                </a:moveTo>
                <a:cubicBezTo>
                  <a:pt x="208" y="100"/>
                  <a:pt x="208" y="100"/>
                  <a:pt x="208" y="100"/>
                </a:cubicBezTo>
                <a:cubicBezTo>
                  <a:pt x="208" y="98"/>
                  <a:pt x="206" y="96"/>
                  <a:pt x="204" y="96"/>
                </a:cubicBezTo>
                <a:cubicBezTo>
                  <a:pt x="202" y="96"/>
                  <a:pt x="200" y="98"/>
                  <a:pt x="200" y="100"/>
                </a:cubicBezTo>
                <a:cubicBezTo>
                  <a:pt x="200" y="200"/>
                  <a:pt x="200" y="200"/>
                  <a:pt x="200" y="200"/>
                </a:cubicBezTo>
                <a:cubicBezTo>
                  <a:pt x="188" y="200"/>
                  <a:pt x="188" y="200"/>
                  <a:pt x="188" y="200"/>
                </a:cubicBezTo>
                <a:cubicBezTo>
                  <a:pt x="188" y="140"/>
                  <a:pt x="188" y="140"/>
                  <a:pt x="188" y="140"/>
                </a:cubicBezTo>
                <a:cubicBezTo>
                  <a:pt x="188" y="138"/>
                  <a:pt x="186" y="136"/>
                  <a:pt x="184" y="136"/>
                </a:cubicBezTo>
                <a:cubicBezTo>
                  <a:pt x="182" y="136"/>
                  <a:pt x="180" y="138"/>
                  <a:pt x="180" y="140"/>
                </a:cubicBezTo>
                <a:cubicBezTo>
                  <a:pt x="180" y="200"/>
                  <a:pt x="180" y="200"/>
                  <a:pt x="180" y="200"/>
                </a:cubicBezTo>
                <a:cubicBezTo>
                  <a:pt x="168" y="200"/>
                  <a:pt x="168" y="200"/>
                  <a:pt x="168" y="200"/>
                </a:cubicBezTo>
                <a:cubicBezTo>
                  <a:pt x="168" y="100"/>
                  <a:pt x="168" y="100"/>
                  <a:pt x="168" y="100"/>
                </a:cubicBezTo>
                <a:cubicBezTo>
                  <a:pt x="168" y="98"/>
                  <a:pt x="166" y="96"/>
                  <a:pt x="164" y="96"/>
                </a:cubicBezTo>
                <a:cubicBezTo>
                  <a:pt x="162" y="96"/>
                  <a:pt x="160" y="98"/>
                  <a:pt x="160" y="100"/>
                </a:cubicBezTo>
                <a:cubicBezTo>
                  <a:pt x="160" y="143"/>
                  <a:pt x="160" y="143"/>
                  <a:pt x="160" y="143"/>
                </a:cubicBezTo>
                <a:cubicBezTo>
                  <a:pt x="155" y="142"/>
                  <a:pt x="152" y="137"/>
                  <a:pt x="152" y="132"/>
                </a:cubicBezTo>
                <a:cubicBezTo>
                  <a:pt x="152" y="92"/>
                  <a:pt x="152" y="92"/>
                  <a:pt x="152" y="92"/>
                </a:cubicBezTo>
                <a:cubicBezTo>
                  <a:pt x="152" y="88"/>
                  <a:pt x="155" y="84"/>
                  <a:pt x="159" y="82"/>
                </a:cubicBezTo>
                <a:cubicBezTo>
                  <a:pt x="167" y="80"/>
                  <a:pt x="167" y="80"/>
                  <a:pt x="167" y="80"/>
                </a:cubicBezTo>
                <a:cubicBezTo>
                  <a:pt x="181" y="95"/>
                  <a:pt x="181" y="95"/>
                  <a:pt x="181" y="95"/>
                </a:cubicBezTo>
                <a:cubicBezTo>
                  <a:pt x="182" y="96"/>
                  <a:pt x="183" y="96"/>
                  <a:pt x="184" y="96"/>
                </a:cubicBezTo>
                <a:cubicBezTo>
                  <a:pt x="185" y="96"/>
                  <a:pt x="186" y="96"/>
                  <a:pt x="187" y="95"/>
                </a:cubicBezTo>
                <a:cubicBezTo>
                  <a:pt x="201" y="80"/>
                  <a:pt x="201" y="80"/>
                  <a:pt x="201" y="80"/>
                </a:cubicBezTo>
                <a:cubicBezTo>
                  <a:pt x="209" y="82"/>
                  <a:pt x="209" y="82"/>
                  <a:pt x="209" y="82"/>
                </a:cubicBezTo>
                <a:cubicBezTo>
                  <a:pt x="213" y="84"/>
                  <a:pt x="216" y="88"/>
                  <a:pt x="216" y="92"/>
                </a:cubicBezTo>
                <a:cubicBezTo>
                  <a:pt x="216" y="132"/>
                  <a:pt x="216" y="132"/>
                  <a:pt x="216" y="132"/>
                </a:cubicBezTo>
                <a:cubicBezTo>
                  <a:pt x="216" y="137"/>
                  <a:pt x="213" y="142"/>
                  <a:pt x="208" y="143"/>
                </a:cubicBezTo>
                <a:close/>
                <a:moveTo>
                  <a:pt x="184" y="72"/>
                </a:moveTo>
                <a:cubicBezTo>
                  <a:pt x="195" y="72"/>
                  <a:pt x="204" y="63"/>
                  <a:pt x="204" y="52"/>
                </a:cubicBezTo>
                <a:cubicBezTo>
                  <a:pt x="204" y="41"/>
                  <a:pt x="195" y="32"/>
                  <a:pt x="184" y="32"/>
                </a:cubicBezTo>
                <a:cubicBezTo>
                  <a:pt x="173" y="32"/>
                  <a:pt x="164" y="41"/>
                  <a:pt x="164" y="52"/>
                </a:cubicBezTo>
                <a:cubicBezTo>
                  <a:pt x="164" y="63"/>
                  <a:pt x="173" y="72"/>
                  <a:pt x="184" y="72"/>
                </a:cubicBezTo>
                <a:close/>
                <a:moveTo>
                  <a:pt x="184" y="40"/>
                </a:moveTo>
                <a:cubicBezTo>
                  <a:pt x="191" y="40"/>
                  <a:pt x="196" y="45"/>
                  <a:pt x="196" y="52"/>
                </a:cubicBezTo>
                <a:cubicBezTo>
                  <a:pt x="196" y="59"/>
                  <a:pt x="191" y="64"/>
                  <a:pt x="184" y="64"/>
                </a:cubicBezTo>
                <a:cubicBezTo>
                  <a:pt x="177" y="64"/>
                  <a:pt x="172" y="59"/>
                  <a:pt x="172" y="52"/>
                </a:cubicBezTo>
                <a:cubicBezTo>
                  <a:pt x="172" y="45"/>
                  <a:pt x="177" y="40"/>
                  <a:pt x="184" y="40"/>
                </a:cubicBezTo>
                <a:close/>
              </a:path>
            </a:pathLst>
          </a:custGeom>
          <a:solidFill>
            <a:srgbClr val="EE2F66"/>
          </a:solidFill>
          <a:ln>
            <a:noFill/>
          </a:ln>
        </p:spPr>
        <p:txBody>
          <a:bodyPr vert="horz" wrap="square" lIns="91440" tIns="45720" rIns="91440" bIns="45720" numCol="1" anchor="t" anchorCtr="0" compatLnSpc="1">
            <a:prstTxWarp prst="textNoShape">
              <a:avLst/>
            </a:prstTxWarp>
          </a:bodyPr>
          <a:lstStyle/>
          <a:p>
            <a:endParaRPr lang="da-DK" noProof="0"/>
          </a:p>
        </p:txBody>
      </p:sp>
      <p:sp>
        <p:nvSpPr>
          <p:cNvPr id="114" name="Left Brace 113">
            <a:extLst>
              <a:ext uri="{FF2B5EF4-FFF2-40B4-BE49-F238E27FC236}">
                <a16:creationId xmlns:a16="http://schemas.microsoft.com/office/drawing/2014/main" id="{AEFE7FA8-98E4-0E78-5999-E7B9A2C44ECD}"/>
              </a:ext>
              <a:ext uri="{C183D7F6-B498-43B3-948B-1728B52AA6E4}">
                <adec:decorative xmlns:adec="http://schemas.microsoft.com/office/drawing/2017/decorative" val="1"/>
              </a:ext>
            </a:extLst>
          </p:cNvPr>
          <p:cNvSpPr/>
          <p:nvPr/>
        </p:nvSpPr>
        <p:spPr>
          <a:xfrm>
            <a:off x="4424363" y="4682682"/>
            <a:ext cx="334361" cy="1548094"/>
          </a:xfrm>
          <a:prstGeom prst="leftBrace">
            <a:avLst>
              <a:gd name="adj1" fmla="val 8333"/>
              <a:gd name="adj2" fmla="val 15209"/>
            </a:avLst>
          </a:prstGeom>
          <a:ln>
            <a:solidFill>
              <a:srgbClr val="EE2F6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noProof="0"/>
          </a:p>
        </p:txBody>
      </p:sp>
      <p:sp>
        <p:nvSpPr>
          <p:cNvPr id="118" name="Rounded Rectangle 127">
            <a:extLst>
              <a:ext uri="{FF2B5EF4-FFF2-40B4-BE49-F238E27FC236}">
                <a16:creationId xmlns:a16="http://schemas.microsoft.com/office/drawing/2014/main" id="{8A6F3EFB-6189-98E1-8F0F-25B368675DB7}"/>
              </a:ext>
            </a:extLst>
          </p:cNvPr>
          <p:cNvSpPr/>
          <p:nvPr/>
        </p:nvSpPr>
        <p:spPr>
          <a:xfrm>
            <a:off x="7282806" y="4788835"/>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r>
              <a:rPr lang="da-DK" sz="1000" noProof="0">
                <a:solidFill>
                  <a:schemeClr val="tx1"/>
                </a:solidFill>
                <a:latin typeface="Arial" panose="020B0604020202020204" pitchFamily="34" charset="0"/>
              </a:rPr>
              <a:t>Fællesoffentlig handleplan og principper for digital suverænitet, som kan rammesætte arbejdet.</a:t>
            </a:r>
          </a:p>
        </p:txBody>
      </p:sp>
      <p:grpSp>
        <p:nvGrpSpPr>
          <p:cNvPr id="119" name="Group 118">
            <a:extLst>
              <a:ext uri="{FF2B5EF4-FFF2-40B4-BE49-F238E27FC236}">
                <a16:creationId xmlns:a16="http://schemas.microsoft.com/office/drawing/2014/main" id="{3490FAFB-DC78-0900-C0B6-83C162908EC8}"/>
              </a:ext>
              <a:ext uri="{C183D7F6-B498-43B3-948B-1728B52AA6E4}">
                <adec:decorative xmlns:adec="http://schemas.microsoft.com/office/drawing/2017/decorative" val="1"/>
              </a:ext>
            </a:extLst>
          </p:cNvPr>
          <p:cNvGrpSpPr>
            <a:grpSpLocks noChangeAspect="1"/>
          </p:cNvGrpSpPr>
          <p:nvPr/>
        </p:nvGrpSpPr>
        <p:grpSpPr>
          <a:xfrm>
            <a:off x="7180927" y="4892217"/>
            <a:ext cx="203761" cy="203761"/>
            <a:chOff x="5195750" y="7234813"/>
            <a:chExt cx="234271" cy="234271"/>
          </a:xfrm>
        </p:grpSpPr>
        <p:sp>
          <p:nvSpPr>
            <p:cNvPr id="120" name="Oval 119">
              <a:extLst>
                <a:ext uri="{FF2B5EF4-FFF2-40B4-BE49-F238E27FC236}">
                  <a16:creationId xmlns:a16="http://schemas.microsoft.com/office/drawing/2014/main" id="{F8E3E7DF-2803-4876-31E7-CA0F3A4D6C3E}"/>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21" name="Oval 120">
              <a:extLst>
                <a:ext uri="{FF2B5EF4-FFF2-40B4-BE49-F238E27FC236}">
                  <a16:creationId xmlns:a16="http://schemas.microsoft.com/office/drawing/2014/main" id="{385B235A-7691-0FB6-6231-BF57CE7A0223}"/>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23" name="Rounded Rectangle 127">
            <a:extLst>
              <a:ext uri="{FF2B5EF4-FFF2-40B4-BE49-F238E27FC236}">
                <a16:creationId xmlns:a16="http://schemas.microsoft.com/office/drawing/2014/main" id="{F3E0CC7E-8232-4324-6A90-DBCBC8153B15}"/>
              </a:ext>
            </a:extLst>
          </p:cNvPr>
          <p:cNvSpPr/>
          <p:nvPr/>
        </p:nvSpPr>
        <p:spPr>
          <a:xfrm>
            <a:off x="7282806" y="5297851"/>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Afklaring af strategisk ambition, fokus, nødvendige kapabiliteter samt finansieringsniveau.</a:t>
            </a:r>
          </a:p>
        </p:txBody>
      </p:sp>
      <p:grpSp>
        <p:nvGrpSpPr>
          <p:cNvPr id="124" name="Group 123">
            <a:extLst>
              <a:ext uri="{FF2B5EF4-FFF2-40B4-BE49-F238E27FC236}">
                <a16:creationId xmlns:a16="http://schemas.microsoft.com/office/drawing/2014/main" id="{BA816AE5-7147-BDE8-0C8E-E983602C0EA9}"/>
              </a:ext>
              <a:ext uri="{C183D7F6-B498-43B3-948B-1728B52AA6E4}">
                <adec:decorative xmlns:adec="http://schemas.microsoft.com/office/drawing/2017/decorative" val="1"/>
              </a:ext>
            </a:extLst>
          </p:cNvPr>
          <p:cNvGrpSpPr>
            <a:grpSpLocks noChangeAspect="1"/>
          </p:cNvGrpSpPr>
          <p:nvPr/>
        </p:nvGrpSpPr>
        <p:grpSpPr>
          <a:xfrm>
            <a:off x="7180927" y="5401233"/>
            <a:ext cx="203761" cy="203761"/>
            <a:chOff x="5195750" y="7234813"/>
            <a:chExt cx="234271" cy="234271"/>
          </a:xfrm>
        </p:grpSpPr>
        <p:sp>
          <p:nvSpPr>
            <p:cNvPr id="125" name="Oval 124">
              <a:extLst>
                <a:ext uri="{FF2B5EF4-FFF2-40B4-BE49-F238E27FC236}">
                  <a16:creationId xmlns:a16="http://schemas.microsoft.com/office/drawing/2014/main" id="{A33CF583-3C4B-835D-9659-841A52842891}"/>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26" name="Oval 125">
              <a:extLst>
                <a:ext uri="{FF2B5EF4-FFF2-40B4-BE49-F238E27FC236}">
                  <a16:creationId xmlns:a16="http://schemas.microsoft.com/office/drawing/2014/main" id="{60148E06-50AE-1416-4C1C-FEC52076264B}"/>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sp>
        <p:nvSpPr>
          <p:cNvPr id="128" name="Rounded Rectangle 127">
            <a:extLst>
              <a:ext uri="{FF2B5EF4-FFF2-40B4-BE49-F238E27FC236}">
                <a16:creationId xmlns:a16="http://schemas.microsoft.com/office/drawing/2014/main" id="{C0F70131-3A4F-92C8-A169-CFB9FE3117EA}"/>
              </a:ext>
            </a:extLst>
          </p:cNvPr>
          <p:cNvSpPr/>
          <p:nvPr/>
        </p:nvSpPr>
        <p:spPr>
          <a:xfrm>
            <a:off x="7282806" y="5797723"/>
            <a:ext cx="4010601" cy="410525"/>
          </a:xfrm>
          <a:prstGeom prst="roundRect">
            <a:avLst/>
          </a:prstGeom>
          <a:solidFill>
            <a:schemeClr val="bg1"/>
          </a:solidFill>
          <a:ln w="19050">
            <a:noFill/>
            <a:prstDash val="solid"/>
          </a:ln>
        </p:spPr>
        <p:style>
          <a:lnRef idx="2">
            <a:schemeClr val="accent1">
              <a:shade val="50000"/>
            </a:schemeClr>
          </a:lnRef>
          <a:fillRef idx="1">
            <a:schemeClr val="accent1"/>
          </a:fillRef>
          <a:effectRef idx="0">
            <a:schemeClr val="accent1"/>
          </a:effectRef>
          <a:fontRef idx="minor">
            <a:schemeClr val="lt1"/>
          </a:fontRef>
        </p:style>
        <p:txBody>
          <a:bodyPr lIns="180000" rtlCol="0" anchor="ctr"/>
          <a:lstStyle/>
          <a:p>
            <a:pPr>
              <a:defRPr/>
            </a:pPr>
            <a:r>
              <a:rPr lang="da-DK" sz="1000" noProof="0">
                <a:solidFill>
                  <a:schemeClr val="tx1"/>
                </a:solidFill>
                <a:latin typeface="Arial" panose="020B0604020202020204" pitchFamily="34" charset="0"/>
              </a:rPr>
              <a:t>Afklaring af organisationsform, mandat, kapabiliteter og </a:t>
            </a:r>
            <a:r>
              <a:rPr lang="da-DK" sz="1000" noProof="0" err="1">
                <a:solidFill>
                  <a:schemeClr val="tx1"/>
                </a:solidFill>
                <a:latin typeface="Arial" panose="020B0604020202020204" pitchFamily="34" charset="0"/>
              </a:rPr>
              <a:t>governance</a:t>
            </a:r>
            <a:r>
              <a:rPr lang="da-DK" sz="1000" noProof="0">
                <a:solidFill>
                  <a:schemeClr val="tx1"/>
                </a:solidFill>
                <a:latin typeface="Arial" panose="020B0604020202020204" pitchFamily="34" charset="0"/>
              </a:rPr>
              <a:t>.</a:t>
            </a:r>
          </a:p>
        </p:txBody>
      </p:sp>
      <p:grpSp>
        <p:nvGrpSpPr>
          <p:cNvPr id="129" name="Group 128">
            <a:extLst>
              <a:ext uri="{FF2B5EF4-FFF2-40B4-BE49-F238E27FC236}">
                <a16:creationId xmlns:a16="http://schemas.microsoft.com/office/drawing/2014/main" id="{81764DA3-C21D-AB99-593F-EE43A8DC650D}"/>
              </a:ext>
              <a:ext uri="{C183D7F6-B498-43B3-948B-1728B52AA6E4}">
                <adec:decorative xmlns:adec="http://schemas.microsoft.com/office/drawing/2017/decorative" val="1"/>
              </a:ext>
            </a:extLst>
          </p:cNvPr>
          <p:cNvGrpSpPr>
            <a:grpSpLocks noChangeAspect="1"/>
          </p:cNvGrpSpPr>
          <p:nvPr/>
        </p:nvGrpSpPr>
        <p:grpSpPr>
          <a:xfrm>
            <a:off x="7180927" y="5901105"/>
            <a:ext cx="203761" cy="203761"/>
            <a:chOff x="5195750" y="7234813"/>
            <a:chExt cx="234271" cy="234271"/>
          </a:xfrm>
        </p:grpSpPr>
        <p:sp>
          <p:nvSpPr>
            <p:cNvPr id="130" name="Oval 129">
              <a:extLst>
                <a:ext uri="{FF2B5EF4-FFF2-40B4-BE49-F238E27FC236}">
                  <a16:creationId xmlns:a16="http://schemas.microsoft.com/office/drawing/2014/main" id="{82AFA2A8-7B2E-9799-7AAE-C5DD07DD9579}"/>
                </a:ext>
              </a:extLst>
            </p:cNvPr>
            <p:cNvSpPr>
              <a:spLocks noChangeAspect="1"/>
            </p:cNvSpPr>
            <p:nvPr/>
          </p:nvSpPr>
          <p:spPr>
            <a:xfrm>
              <a:off x="5195750" y="7234813"/>
              <a:ext cx="234271" cy="234271"/>
            </a:xfrm>
            <a:prstGeom prst="ellipse">
              <a:avLst/>
            </a:prstGeom>
            <a:solidFill>
              <a:schemeClr val="accent4"/>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latin typeface="KBH Tekst" panose="00000500000000000000" pitchFamily="2" charset="0"/>
              </a:endParaRPr>
            </a:p>
          </p:txBody>
        </p:sp>
        <p:sp>
          <p:nvSpPr>
            <p:cNvPr id="131" name="Oval 130">
              <a:extLst>
                <a:ext uri="{FF2B5EF4-FFF2-40B4-BE49-F238E27FC236}">
                  <a16:creationId xmlns:a16="http://schemas.microsoft.com/office/drawing/2014/main" id="{510950A2-F20E-1DAD-EE35-C6B4C54B284E}"/>
                </a:ext>
              </a:extLst>
            </p:cNvPr>
            <p:cNvSpPr>
              <a:spLocks noChangeAspect="1"/>
            </p:cNvSpPr>
            <p:nvPr/>
          </p:nvSpPr>
          <p:spPr>
            <a:xfrm>
              <a:off x="5230890" y="7269953"/>
              <a:ext cx="163990" cy="163990"/>
            </a:xfrm>
            <a:prstGeom prst="ellipse">
              <a:avLst/>
            </a:prstGeom>
            <a:solidFill>
              <a:schemeClr val="bg1"/>
            </a:solidFill>
            <a:ln>
              <a:solidFill>
                <a:schemeClr val="accent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400" b="1" noProof="0">
                <a:solidFill>
                  <a:schemeClr val="tx1"/>
                </a:solidFill>
              </a:endParaRPr>
            </a:p>
          </p:txBody>
        </p:sp>
      </p:grpSp>
      <p:grpSp>
        <p:nvGrpSpPr>
          <p:cNvPr id="140" name="Group 139">
            <a:extLst>
              <a:ext uri="{FF2B5EF4-FFF2-40B4-BE49-F238E27FC236}">
                <a16:creationId xmlns:a16="http://schemas.microsoft.com/office/drawing/2014/main" id="{71A939BD-AFDB-C56D-8CC6-DB7BC1D480FA}"/>
              </a:ext>
              <a:ext uri="{C183D7F6-B498-43B3-948B-1728B52AA6E4}">
                <adec:decorative xmlns:adec="http://schemas.microsoft.com/office/drawing/2017/decorative" val="1"/>
              </a:ext>
            </a:extLst>
          </p:cNvPr>
          <p:cNvGrpSpPr/>
          <p:nvPr/>
        </p:nvGrpSpPr>
        <p:grpSpPr>
          <a:xfrm>
            <a:off x="9565600" y="2233094"/>
            <a:ext cx="218250" cy="210236"/>
            <a:chOff x="9564973" y="2233094"/>
            <a:chExt cx="218250" cy="210236"/>
          </a:xfrm>
        </p:grpSpPr>
        <p:sp>
          <p:nvSpPr>
            <p:cNvPr id="141" name="Oval 140">
              <a:extLst>
                <a:ext uri="{FF2B5EF4-FFF2-40B4-BE49-F238E27FC236}">
                  <a16:creationId xmlns:a16="http://schemas.microsoft.com/office/drawing/2014/main" id="{18AD2974-4722-0E0E-EC8B-4A6617813E85}"/>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2" name="Freeform 24">
              <a:extLst>
                <a:ext uri="{FF2B5EF4-FFF2-40B4-BE49-F238E27FC236}">
                  <a16:creationId xmlns:a16="http://schemas.microsoft.com/office/drawing/2014/main" id="{0FEC968F-9354-A327-E557-55170D315593}"/>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143" name="Group 142">
            <a:extLst>
              <a:ext uri="{FF2B5EF4-FFF2-40B4-BE49-F238E27FC236}">
                <a16:creationId xmlns:a16="http://schemas.microsoft.com/office/drawing/2014/main" id="{29DBC6BD-B4C8-44F6-11D4-6178322327D6}"/>
              </a:ext>
              <a:ext uri="{C183D7F6-B498-43B3-948B-1728B52AA6E4}">
                <adec:decorative xmlns:adec="http://schemas.microsoft.com/office/drawing/2017/decorative" val="1"/>
              </a:ext>
            </a:extLst>
          </p:cNvPr>
          <p:cNvGrpSpPr/>
          <p:nvPr/>
        </p:nvGrpSpPr>
        <p:grpSpPr>
          <a:xfrm>
            <a:off x="9565600" y="2789027"/>
            <a:ext cx="218250" cy="210236"/>
            <a:chOff x="9564973" y="2233094"/>
            <a:chExt cx="218250" cy="210236"/>
          </a:xfrm>
        </p:grpSpPr>
        <p:sp>
          <p:nvSpPr>
            <p:cNvPr id="144" name="Oval 143">
              <a:extLst>
                <a:ext uri="{FF2B5EF4-FFF2-40B4-BE49-F238E27FC236}">
                  <a16:creationId xmlns:a16="http://schemas.microsoft.com/office/drawing/2014/main" id="{62D3DE82-1C0F-3AF5-77DA-619365BB1624}"/>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5" name="Freeform 24">
              <a:extLst>
                <a:ext uri="{FF2B5EF4-FFF2-40B4-BE49-F238E27FC236}">
                  <a16:creationId xmlns:a16="http://schemas.microsoft.com/office/drawing/2014/main" id="{1D1445E1-73D6-1067-8D62-233CC8E8533D}"/>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grpSp>
        <p:nvGrpSpPr>
          <p:cNvPr id="147" name="Group 146">
            <a:extLst>
              <a:ext uri="{FF2B5EF4-FFF2-40B4-BE49-F238E27FC236}">
                <a16:creationId xmlns:a16="http://schemas.microsoft.com/office/drawing/2014/main" id="{BB2337A8-4A4C-5808-8969-483965117073}"/>
              </a:ext>
              <a:ext uri="{C183D7F6-B498-43B3-948B-1728B52AA6E4}">
                <adec:decorative xmlns:adec="http://schemas.microsoft.com/office/drawing/2017/decorative" val="1"/>
              </a:ext>
            </a:extLst>
          </p:cNvPr>
          <p:cNvGrpSpPr/>
          <p:nvPr/>
        </p:nvGrpSpPr>
        <p:grpSpPr>
          <a:xfrm>
            <a:off x="9565600" y="3348603"/>
            <a:ext cx="218250" cy="210236"/>
            <a:chOff x="9564973" y="2233094"/>
            <a:chExt cx="218250" cy="210236"/>
          </a:xfrm>
        </p:grpSpPr>
        <p:sp>
          <p:nvSpPr>
            <p:cNvPr id="148" name="Oval 147">
              <a:extLst>
                <a:ext uri="{FF2B5EF4-FFF2-40B4-BE49-F238E27FC236}">
                  <a16:creationId xmlns:a16="http://schemas.microsoft.com/office/drawing/2014/main" id="{B5EDA305-3E1D-1C38-14FF-40D69DF188D9}"/>
                </a:ext>
              </a:extLst>
            </p:cNvPr>
            <p:cNvSpPr/>
            <p:nvPr/>
          </p:nvSpPr>
          <p:spPr>
            <a:xfrm>
              <a:off x="9564973" y="2233094"/>
              <a:ext cx="218250" cy="210236"/>
            </a:xfrm>
            <a:prstGeom prst="ellipse">
              <a:avLst/>
            </a:prstGeom>
            <a:solidFill>
              <a:srgbClr val="D5ECC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49" name="Freeform 24">
              <a:extLst>
                <a:ext uri="{FF2B5EF4-FFF2-40B4-BE49-F238E27FC236}">
                  <a16:creationId xmlns:a16="http://schemas.microsoft.com/office/drawing/2014/main" id="{F44EC68E-2DF9-8AF2-4B40-8877BB613410}"/>
                </a:ext>
              </a:extLst>
            </p:cNvPr>
            <p:cNvSpPr>
              <a:spLocks noEditPoints="1"/>
            </p:cNvSpPr>
            <p:nvPr/>
          </p:nvSpPr>
          <p:spPr bwMode="auto">
            <a:xfrm>
              <a:off x="9598786" y="2262728"/>
              <a:ext cx="150624" cy="150969"/>
            </a:xfrm>
            <a:custGeom>
              <a:avLst/>
              <a:gdLst>
                <a:gd name="T0" fmla="*/ 169 w 209"/>
                <a:gd name="T1" fmla="*/ 105 h 209"/>
                <a:gd name="T2" fmla="*/ 41 w 209"/>
                <a:gd name="T3" fmla="*/ 105 h 209"/>
                <a:gd name="T4" fmla="*/ 109 w 209"/>
                <a:gd name="T5" fmla="*/ 37 h 209"/>
                <a:gd name="T6" fmla="*/ 33 w 209"/>
                <a:gd name="T7" fmla="*/ 105 h 209"/>
                <a:gd name="T8" fmla="*/ 177 w 209"/>
                <a:gd name="T9" fmla="*/ 105 h 209"/>
                <a:gd name="T10" fmla="*/ 209 w 209"/>
                <a:gd name="T11" fmla="*/ 130 h 209"/>
                <a:gd name="T12" fmla="*/ 209 w 209"/>
                <a:gd name="T13" fmla="*/ 80 h 209"/>
                <a:gd name="T14" fmla="*/ 185 w 209"/>
                <a:gd name="T15" fmla="*/ 61 h 209"/>
                <a:gd name="T16" fmla="*/ 183 w 209"/>
                <a:gd name="T17" fmla="*/ 25 h 209"/>
                <a:gd name="T18" fmla="*/ 177 w 209"/>
                <a:gd name="T19" fmla="*/ 28 h 209"/>
                <a:gd name="T20" fmla="*/ 135 w 209"/>
                <a:gd name="T21" fmla="*/ 3 h 209"/>
                <a:gd name="T22" fmla="*/ 105 w 209"/>
                <a:gd name="T23" fmla="*/ 14 h 209"/>
                <a:gd name="T24" fmla="*/ 75 w 209"/>
                <a:gd name="T25" fmla="*/ 3 h 209"/>
                <a:gd name="T26" fmla="*/ 32 w 209"/>
                <a:gd name="T27" fmla="*/ 28 h 209"/>
                <a:gd name="T28" fmla="*/ 26 w 209"/>
                <a:gd name="T29" fmla="*/ 60 h 209"/>
                <a:gd name="T30" fmla="*/ 1 w 209"/>
                <a:gd name="T31" fmla="*/ 80 h 209"/>
                <a:gd name="T32" fmla="*/ 1 w 209"/>
                <a:gd name="T33" fmla="*/ 130 h 209"/>
                <a:gd name="T34" fmla="*/ 26 w 209"/>
                <a:gd name="T35" fmla="*/ 150 h 209"/>
                <a:gd name="T36" fmla="*/ 32 w 209"/>
                <a:gd name="T37" fmla="*/ 182 h 209"/>
                <a:gd name="T38" fmla="*/ 75 w 209"/>
                <a:gd name="T39" fmla="*/ 207 h 209"/>
                <a:gd name="T40" fmla="*/ 105 w 209"/>
                <a:gd name="T41" fmla="*/ 196 h 209"/>
                <a:gd name="T42" fmla="*/ 132 w 209"/>
                <a:gd name="T43" fmla="*/ 209 h 209"/>
                <a:gd name="T44" fmla="*/ 150 w 209"/>
                <a:gd name="T45" fmla="*/ 184 h 209"/>
                <a:gd name="T46" fmla="*/ 182 w 209"/>
                <a:gd name="T47" fmla="*/ 178 h 209"/>
                <a:gd name="T48" fmla="*/ 207 w 209"/>
                <a:gd name="T49" fmla="*/ 135 h 209"/>
                <a:gd name="T50" fmla="*/ 177 w 209"/>
                <a:gd name="T51" fmla="*/ 39 h 209"/>
                <a:gd name="T52" fmla="*/ 105 w 209"/>
                <a:gd name="T53" fmla="*/ 131 h 209"/>
                <a:gd name="T54" fmla="*/ 81 w 209"/>
                <a:gd name="T55" fmla="*/ 87 h 209"/>
                <a:gd name="T56" fmla="*/ 105 w 209"/>
                <a:gd name="T57" fmla="*/ 109 h 209"/>
                <a:gd name="T58" fmla="*/ 177 w 209"/>
                <a:gd name="T59" fmla="*/ 39 h 209"/>
                <a:gd name="T60" fmla="*/ 176 w 209"/>
                <a:gd name="T61" fmla="*/ 148 h 209"/>
                <a:gd name="T62" fmla="*/ 148 w 209"/>
                <a:gd name="T63" fmla="*/ 176 h 209"/>
                <a:gd name="T64" fmla="*/ 130 w 209"/>
                <a:gd name="T65" fmla="*/ 200 h 209"/>
                <a:gd name="T66" fmla="*/ 103 w 209"/>
                <a:gd name="T67" fmla="*/ 188 h 209"/>
                <a:gd name="T68" fmla="*/ 65 w 209"/>
                <a:gd name="T69" fmla="*/ 178 h 209"/>
                <a:gd name="T70" fmla="*/ 36 w 209"/>
                <a:gd name="T71" fmla="*/ 174 h 209"/>
                <a:gd name="T72" fmla="*/ 32 w 209"/>
                <a:gd name="T73" fmla="*/ 145 h 209"/>
                <a:gd name="T74" fmla="*/ 22 w 209"/>
                <a:gd name="T75" fmla="*/ 107 h 209"/>
                <a:gd name="T76" fmla="*/ 10 w 209"/>
                <a:gd name="T77" fmla="*/ 80 h 209"/>
                <a:gd name="T78" fmla="*/ 34 w 209"/>
                <a:gd name="T79" fmla="*/ 62 h 209"/>
                <a:gd name="T80" fmla="*/ 62 w 209"/>
                <a:gd name="T81" fmla="*/ 34 h 209"/>
                <a:gd name="T82" fmla="*/ 80 w 209"/>
                <a:gd name="T83" fmla="*/ 10 h 209"/>
                <a:gd name="T84" fmla="*/ 107 w 209"/>
                <a:gd name="T85" fmla="*/ 22 h 209"/>
                <a:gd name="T86" fmla="*/ 145 w 209"/>
                <a:gd name="T87" fmla="*/ 32 h 209"/>
                <a:gd name="T88" fmla="*/ 169 w 209"/>
                <a:gd name="T89" fmla="*/ 35 h 209"/>
                <a:gd name="T90" fmla="*/ 84 w 209"/>
                <a:gd name="T91" fmla="*/ 78 h 209"/>
                <a:gd name="T92" fmla="*/ 62 w 209"/>
                <a:gd name="T93" fmla="*/ 94 h 209"/>
                <a:gd name="T94" fmla="*/ 102 w 209"/>
                <a:gd name="T95" fmla="*/ 140 h 209"/>
                <a:gd name="T96" fmla="*/ 108 w 209"/>
                <a:gd name="T97" fmla="*/ 140 h 209"/>
                <a:gd name="T98" fmla="*/ 200 w 209"/>
                <a:gd name="T99" fmla="*/ 80 h 209"/>
                <a:gd name="T100" fmla="*/ 188 w 209"/>
                <a:gd name="T101" fmla="*/ 107 h 209"/>
                <a:gd name="T102" fmla="*/ 178 w 209"/>
                <a:gd name="T103" fmla="*/ 145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09" h="209">
                  <a:moveTo>
                    <a:pt x="173" y="101"/>
                  </a:moveTo>
                  <a:cubicBezTo>
                    <a:pt x="171" y="101"/>
                    <a:pt x="169" y="103"/>
                    <a:pt x="169" y="105"/>
                  </a:cubicBezTo>
                  <a:cubicBezTo>
                    <a:pt x="169" y="140"/>
                    <a:pt x="140" y="169"/>
                    <a:pt x="105" y="169"/>
                  </a:cubicBezTo>
                  <a:cubicBezTo>
                    <a:pt x="70" y="169"/>
                    <a:pt x="41" y="140"/>
                    <a:pt x="41" y="105"/>
                  </a:cubicBezTo>
                  <a:cubicBezTo>
                    <a:pt x="41" y="70"/>
                    <a:pt x="70" y="41"/>
                    <a:pt x="105" y="41"/>
                  </a:cubicBezTo>
                  <a:cubicBezTo>
                    <a:pt x="107" y="41"/>
                    <a:pt x="109" y="39"/>
                    <a:pt x="109" y="37"/>
                  </a:cubicBezTo>
                  <a:cubicBezTo>
                    <a:pt x="109" y="35"/>
                    <a:pt x="107" y="33"/>
                    <a:pt x="105" y="33"/>
                  </a:cubicBezTo>
                  <a:cubicBezTo>
                    <a:pt x="65" y="33"/>
                    <a:pt x="33" y="65"/>
                    <a:pt x="33" y="105"/>
                  </a:cubicBezTo>
                  <a:cubicBezTo>
                    <a:pt x="33" y="145"/>
                    <a:pt x="65" y="177"/>
                    <a:pt x="105" y="177"/>
                  </a:cubicBezTo>
                  <a:cubicBezTo>
                    <a:pt x="145" y="177"/>
                    <a:pt x="177" y="145"/>
                    <a:pt x="177" y="105"/>
                  </a:cubicBezTo>
                  <a:cubicBezTo>
                    <a:pt x="177" y="103"/>
                    <a:pt x="175" y="101"/>
                    <a:pt x="173" y="101"/>
                  </a:cubicBezTo>
                  <a:close/>
                  <a:moveTo>
                    <a:pt x="209" y="130"/>
                  </a:moveTo>
                  <a:cubicBezTo>
                    <a:pt x="196" y="105"/>
                    <a:pt x="196" y="105"/>
                    <a:pt x="196" y="105"/>
                  </a:cubicBezTo>
                  <a:cubicBezTo>
                    <a:pt x="209" y="80"/>
                    <a:pt x="209" y="80"/>
                    <a:pt x="209" y="80"/>
                  </a:cubicBezTo>
                  <a:cubicBezTo>
                    <a:pt x="209" y="78"/>
                    <a:pt x="209" y="76"/>
                    <a:pt x="207" y="75"/>
                  </a:cubicBezTo>
                  <a:cubicBezTo>
                    <a:pt x="185" y="61"/>
                    <a:pt x="185" y="61"/>
                    <a:pt x="185" y="61"/>
                  </a:cubicBezTo>
                  <a:cubicBezTo>
                    <a:pt x="185" y="29"/>
                    <a:pt x="185" y="29"/>
                    <a:pt x="185" y="29"/>
                  </a:cubicBezTo>
                  <a:cubicBezTo>
                    <a:pt x="185" y="27"/>
                    <a:pt x="184" y="26"/>
                    <a:pt x="183" y="25"/>
                  </a:cubicBezTo>
                  <a:cubicBezTo>
                    <a:pt x="181" y="25"/>
                    <a:pt x="179" y="25"/>
                    <a:pt x="178" y="26"/>
                  </a:cubicBezTo>
                  <a:cubicBezTo>
                    <a:pt x="177" y="28"/>
                    <a:pt x="177" y="28"/>
                    <a:pt x="177" y="28"/>
                  </a:cubicBezTo>
                  <a:cubicBezTo>
                    <a:pt x="150" y="26"/>
                    <a:pt x="150" y="26"/>
                    <a:pt x="150" y="26"/>
                  </a:cubicBezTo>
                  <a:cubicBezTo>
                    <a:pt x="135" y="3"/>
                    <a:pt x="135" y="3"/>
                    <a:pt x="135" y="3"/>
                  </a:cubicBezTo>
                  <a:cubicBezTo>
                    <a:pt x="134" y="1"/>
                    <a:pt x="132" y="0"/>
                    <a:pt x="130" y="1"/>
                  </a:cubicBezTo>
                  <a:cubicBezTo>
                    <a:pt x="105" y="14"/>
                    <a:pt x="105" y="14"/>
                    <a:pt x="105" y="14"/>
                  </a:cubicBezTo>
                  <a:cubicBezTo>
                    <a:pt x="80" y="1"/>
                    <a:pt x="80" y="1"/>
                    <a:pt x="80" y="1"/>
                  </a:cubicBezTo>
                  <a:cubicBezTo>
                    <a:pt x="78" y="0"/>
                    <a:pt x="76" y="1"/>
                    <a:pt x="75" y="3"/>
                  </a:cubicBezTo>
                  <a:cubicBezTo>
                    <a:pt x="60" y="26"/>
                    <a:pt x="60" y="26"/>
                    <a:pt x="60" y="26"/>
                  </a:cubicBezTo>
                  <a:cubicBezTo>
                    <a:pt x="32" y="28"/>
                    <a:pt x="32" y="28"/>
                    <a:pt x="32" y="28"/>
                  </a:cubicBezTo>
                  <a:cubicBezTo>
                    <a:pt x="30" y="28"/>
                    <a:pt x="28" y="30"/>
                    <a:pt x="28" y="32"/>
                  </a:cubicBezTo>
                  <a:cubicBezTo>
                    <a:pt x="26" y="60"/>
                    <a:pt x="26" y="60"/>
                    <a:pt x="26" y="60"/>
                  </a:cubicBezTo>
                  <a:cubicBezTo>
                    <a:pt x="3" y="75"/>
                    <a:pt x="3" y="75"/>
                    <a:pt x="3" y="75"/>
                  </a:cubicBezTo>
                  <a:cubicBezTo>
                    <a:pt x="1" y="76"/>
                    <a:pt x="0" y="78"/>
                    <a:pt x="1" y="80"/>
                  </a:cubicBezTo>
                  <a:cubicBezTo>
                    <a:pt x="14" y="105"/>
                    <a:pt x="14" y="105"/>
                    <a:pt x="14" y="105"/>
                  </a:cubicBezTo>
                  <a:cubicBezTo>
                    <a:pt x="1" y="130"/>
                    <a:pt x="1" y="130"/>
                    <a:pt x="1" y="130"/>
                  </a:cubicBezTo>
                  <a:cubicBezTo>
                    <a:pt x="0" y="132"/>
                    <a:pt x="1" y="134"/>
                    <a:pt x="3" y="135"/>
                  </a:cubicBezTo>
                  <a:cubicBezTo>
                    <a:pt x="26" y="150"/>
                    <a:pt x="26" y="150"/>
                    <a:pt x="26" y="150"/>
                  </a:cubicBezTo>
                  <a:cubicBezTo>
                    <a:pt x="28" y="178"/>
                    <a:pt x="28" y="178"/>
                    <a:pt x="28" y="178"/>
                  </a:cubicBezTo>
                  <a:cubicBezTo>
                    <a:pt x="28" y="180"/>
                    <a:pt x="30" y="182"/>
                    <a:pt x="32" y="182"/>
                  </a:cubicBezTo>
                  <a:cubicBezTo>
                    <a:pt x="60" y="184"/>
                    <a:pt x="60" y="184"/>
                    <a:pt x="60" y="184"/>
                  </a:cubicBezTo>
                  <a:cubicBezTo>
                    <a:pt x="75" y="207"/>
                    <a:pt x="75" y="207"/>
                    <a:pt x="75" y="207"/>
                  </a:cubicBezTo>
                  <a:cubicBezTo>
                    <a:pt x="76" y="209"/>
                    <a:pt x="78" y="209"/>
                    <a:pt x="80" y="209"/>
                  </a:cubicBezTo>
                  <a:cubicBezTo>
                    <a:pt x="105" y="196"/>
                    <a:pt x="105" y="196"/>
                    <a:pt x="105" y="196"/>
                  </a:cubicBezTo>
                  <a:cubicBezTo>
                    <a:pt x="130" y="209"/>
                    <a:pt x="130" y="209"/>
                    <a:pt x="130" y="209"/>
                  </a:cubicBezTo>
                  <a:cubicBezTo>
                    <a:pt x="131" y="209"/>
                    <a:pt x="131" y="209"/>
                    <a:pt x="132" y="209"/>
                  </a:cubicBezTo>
                  <a:cubicBezTo>
                    <a:pt x="133" y="209"/>
                    <a:pt x="134" y="208"/>
                    <a:pt x="135" y="207"/>
                  </a:cubicBezTo>
                  <a:cubicBezTo>
                    <a:pt x="150" y="184"/>
                    <a:pt x="150" y="184"/>
                    <a:pt x="150" y="184"/>
                  </a:cubicBezTo>
                  <a:cubicBezTo>
                    <a:pt x="178" y="182"/>
                    <a:pt x="178" y="182"/>
                    <a:pt x="178" y="182"/>
                  </a:cubicBezTo>
                  <a:cubicBezTo>
                    <a:pt x="180" y="182"/>
                    <a:pt x="182" y="180"/>
                    <a:pt x="182" y="178"/>
                  </a:cubicBezTo>
                  <a:cubicBezTo>
                    <a:pt x="184" y="150"/>
                    <a:pt x="184" y="150"/>
                    <a:pt x="184" y="150"/>
                  </a:cubicBezTo>
                  <a:cubicBezTo>
                    <a:pt x="207" y="135"/>
                    <a:pt x="207" y="135"/>
                    <a:pt x="207" y="135"/>
                  </a:cubicBezTo>
                  <a:cubicBezTo>
                    <a:pt x="209" y="134"/>
                    <a:pt x="209" y="132"/>
                    <a:pt x="209" y="130"/>
                  </a:cubicBezTo>
                  <a:close/>
                  <a:moveTo>
                    <a:pt x="177" y="39"/>
                  </a:moveTo>
                  <a:cubicBezTo>
                    <a:pt x="177" y="59"/>
                    <a:pt x="177" y="59"/>
                    <a:pt x="177" y="59"/>
                  </a:cubicBezTo>
                  <a:cubicBezTo>
                    <a:pt x="105" y="131"/>
                    <a:pt x="105" y="131"/>
                    <a:pt x="105" y="131"/>
                  </a:cubicBezTo>
                  <a:cubicBezTo>
                    <a:pt x="71" y="97"/>
                    <a:pt x="71" y="97"/>
                    <a:pt x="71" y="97"/>
                  </a:cubicBezTo>
                  <a:cubicBezTo>
                    <a:pt x="81" y="87"/>
                    <a:pt x="81" y="87"/>
                    <a:pt x="81" y="87"/>
                  </a:cubicBezTo>
                  <a:cubicBezTo>
                    <a:pt x="102" y="108"/>
                    <a:pt x="102" y="108"/>
                    <a:pt x="102" y="108"/>
                  </a:cubicBezTo>
                  <a:cubicBezTo>
                    <a:pt x="103" y="109"/>
                    <a:pt x="104" y="109"/>
                    <a:pt x="105" y="109"/>
                  </a:cubicBezTo>
                  <a:cubicBezTo>
                    <a:pt x="106" y="109"/>
                    <a:pt x="107" y="109"/>
                    <a:pt x="108" y="108"/>
                  </a:cubicBezTo>
                  <a:lnTo>
                    <a:pt x="177" y="39"/>
                  </a:lnTo>
                  <a:close/>
                  <a:moveTo>
                    <a:pt x="178" y="145"/>
                  </a:moveTo>
                  <a:cubicBezTo>
                    <a:pt x="176" y="145"/>
                    <a:pt x="176" y="147"/>
                    <a:pt x="176" y="148"/>
                  </a:cubicBezTo>
                  <a:cubicBezTo>
                    <a:pt x="174" y="174"/>
                    <a:pt x="174" y="174"/>
                    <a:pt x="174" y="174"/>
                  </a:cubicBezTo>
                  <a:cubicBezTo>
                    <a:pt x="148" y="176"/>
                    <a:pt x="148" y="176"/>
                    <a:pt x="148" y="176"/>
                  </a:cubicBezTo>
                  <a:cubicBezTo>
                    <a:pt x="147" y="176"/>
                    <a:pt x="145" y="176"/>
                    <a:pt x="145" y="178"/>
                  </a:cubicBezTo>
                  <a:cubicBezTo>
                    <a:pt x="130" y="200"/>
                    <a:pt x="130" y="200"/>
                    <a:pt x="130" y="200"/>
                  </a:cubicBezTo>
                  <a:cubicBezTo>
                    <a:pt x="107" y="188"/>
                    <a:pt x="107" y="188"/>
                    <a:pt x="107" y="188"/>
                  </a:cubicBezTo>
                  <a:cubicBezTo>
                    <a:pt x="106" y="187"/>
                    <a:pt x="104" y="187"/>
                    <a:pt x="103" y="188"/>
                  </a:cubicBezTo>
                  <a:cubicBezTo>
                    <a:pt x="80" y="200"/>
                    <a:pt x="80" y="200"/>
                    <a:pt x="80" y="200"/>
                  </a:cubicBezTo>
                  <a:cubicBezTo>
                    <a:pt x="65" y="178"/>
                    <a:pt x="65" y="178"/>
                    <a:pt x="65" y="178"/>
                  </a:cubicBezTo>
                  <a:cubicBezTo>
                    <a:pt x="65" y="176"/>
                    <a:pt x="63" y="176"/>
                    <a:pt x="62" y="176"/>
                  </a:cubicBezTo>
                  <a:cubicBezTo>
                    <a:pt x="36" y="174"/>
                    <a:pt x="36" y="174"/>
                    <a:pt x="36" y="174"/>
                  </a:cubicBezTo>
                  <a:cubicBezTo>
                    <a:pt x="34" y="148"/>
                    <a:pt x="34" y="148"/>
                    <a:pt x="34" y="148"/>
                  </a:cubicBezTo>
                  <a:cubicBezTo>
                    <a:pt x="34" y="147"/>
                    <a:pt x="34" y="145"/>
                    <a:pt x="32" y="145"/>
                  </a:cubicBezTo>
                  <a:cubicBezTo>
                    <a:pt x="10" y="130"/>
                    <a:pt x="10" y="130"/>
                    <a:pt x="10" y="130"/>
                  </a:cubicBezTo>
                  <a:cubicBezTo>
                    <a:pt x="22" y="107"/>
                    <a:pt x="22" y="107"/>
                    <a:pt x="22" y="107"/>
                  </a:cubicBezTo>
                  <a:cubicBezTo>
                    <a:pt x="23" y="106"/>
                    <a:pt x="23" y="104"/>
                    <a:pt x="22" y="103"/>
                  </a:cubicBezTo>
                  <a:cubicBezTo>
                    <a:pt x="10" y="80"/>
                    <a:pt x="10" y="80"/>
                    <a:pt x="10" y="80"/>
                  </a:cubicBezTo>
                  <a:cubicBezTo>
                    <a:pt x="32" y="65"/>
                    <a:pt x="32" y="65"/>
                    <a:pt x="32" y="65"/>
                  </a:cubicBezTo>
                  <a:cubicBezTo>
                    <a:pt x="34" y="65"/>
                    <a:pt x="34" y="63"/>
                    <a:pt x="34" y="62"/>
                  </a:cubicBezTo>
                  <a:cubicBezTo>
                    <a:pt x="36" y="36"/>
                    <a:pt x="36" y="36"/>
                    <a:pt x="36" y="36"/>
                  </a:cubicBezTo>
                  <a:cubicBezTo>
                    <a:pt x="62" y="34"/>
                    <a:pt x="62" y="34"/>
                    <a:pt x="62" y="34"/>
                  </a:cubicBezTo>
                  <a:cubicBezTo>
                    <a:pt x="63" y="34"/>
                    <a:pt x="65" y="34"/>
                    <a:pt x="65" y="32"/>
                  </a:cubicBezTo>
                  <a:cubicBezTo>
                    <a:pt x="80" y="10"/>
                    <a:pt x="80" y="10"/>
                    <a:pt x="80" y="10"/>
                  </a:cubicBezTo>
                  <a:cubicBezTo>
                    <a:pt x="103" y="22"/>
                    <a:pt x="103" y="22"/>
                    <a:pt x="103" y="22"/>
                  </a:cubicBezTo>
                  <a:cubicBezTo>
                    <a:pt x="104" y="23"/>
                    <a:pt x="106" y="23"/>
                    <a:pt x="107" y="22"/>
                  </a:cubicBezTo>
                  <a:cubicBezTo>
                    <a:pt x="130" y="10"/>
                    <a:pt x="130" y="10"/>
                    <a:pt x="130" y="10"/>
                  </a:cubicBezTo>
                  <a:cubicBezTo>
                    <a:pt x="145" y="32"/>
                    <a:pt x="145" y="32"/>
                    <a:pt x="145" y="32"/>
                  </a:cubicBezTo>
                  <a:cubicBezTo>
                    <a:pt x="145" y="34"/>
                    <a:pt x="147" y="34"/>
                    <a:pt x="148" y="34"/>
                  </a:cubicBezTo>
                  <a:cubicBezTo>
                    <a:pt x="169" y="35"/>
                    <a:pt x="169" y="35"/>
                    <a:pt x="169" y="35"/>
                  </a:cubicBezTo>
                  <a:cubicBezTo>
                    <a:pt x="105" y="99"/>
                    <a:pt x="105" y="99"/>
                    <a:pt x="105" y="99"/>
                  </a:cubicBezTo>
                  <a:cubicBezTo>
                    <a:pt x="84" y="78"/>
                    <a:pt x="84" y="78"/>
                    <a:pt x="84" y="78"/>
                  </a:cubicBezTo>
                  <a:cubicBezTo>
                    <a:pt x="82" y="77"/>
                    <a:pt x="80" y="77"/>
                    <a:pt x="78" y="78"/>
                  </a:cubicBezTo>
                  <a:cubicBezTo>
                    <a:pt x="62" y="94"/>
                    <a:pt x="62" y="94"/>
                    <a:pt x="62" y="94"/>
                  </a:cubicBezTo>
                  <a:cubicBezTo>
                    <a:pt x="61" y="96"/>
                    <a:pt x="61" y="98"/>
                    <a:pt x="62" y="100"/>
                  </a:cubicBezTo>
                  <a:cubicBezTo>
                    <a:pt x="102" y="140"/>
                    <a:pt x="102" y="140"/>
                    <a:pt x="102" y="140"/>
                  </a:cubicBezTo>
                  <a:cubicBezTo>
                    <a:pt x="103" y="141"/>
                    <a:pt x="104" y="141"/>
                    <a:pt x="105" y="141"/>
                  </a:cubicBezTo>
                  <a:cubicBezTo>
                    <a:pt x="106" y="141"/>
                    <a:pt x="107" y="141"/>
                    <a:pt x="108" y="140"/>
                  </a:cubicBezTo>
                  <a:cubicBezTo>
                    <a:pt x="181" y="67"/>
                    <a:pt x="181" y="67"/>
                    <a:pt x="181" y="67"/>
                  </a:cubicBezTo>
                  <a:cubicBezTo>
                    <a:pt x="200" y="80"/>
                    <a:pt x="200" y="80"/>
                    <a:pt x="200" y="80"/>
                  </a:cubicBezTo>
                  <a:cubicBezTo>
                    <a:pt x="188" y="103"/>
                    <a:pt x="188" y="103"/>
                    <a:pt x="188" y="103"/>
                  </a:cubicBezTo>
                  <a:cubicBezTo>
                    <a:pt x="187" y="104"/>
                    <a:pt x="187" y="106"/>
                    <a:pt x="188" y="107"/>
                  </a:cubicBezTo>
                  <a:cubicBezTo>
                    <a:pt x="200" y="130"/>
                    <a:pt x="200" y="130"/>
                    <a:pt x="200" y="130"/>
                  </a:cubicBezTo>
                  <a:lnTo>
                    <a:pt x="178" y="145"/>
                  </a:lnTo>
                  <a:close/>
                </a:path>
              </a:pathLst>
            </a:custGeom>
            <a:solidFill>
              <a:srgbClr val="36465A"/>
            </a:solidFill>
            <a:ln>
              <a:noFill/>
            </a:ln>
          </p:spPr>
          <p:txBody>
            <a:bodyPr vert="horz" wrap="square" lIns="91440" tIns="45720" rIns="91440" bIns="45720" numCol="1" anchor="t" anchorCtr="0" compatLnSpc="1">
              <a:prstTxWarp prst="textNoShape">
                <a:avLst/>
              </a:prstTxWarp>
            </a:bodyPr>
            <a:lstStyle/>
            <a:p>
              <a:endParaRPr lang="da-DK" noProof="0"/>
            </a:p>
          </p:txBody>
        </p:sp>
      </p:grpSp>
    </p:spTree>
    <p:extLst>
      <p:ext uri="{BB962C8B-B14F-4D97-AF65-F5344CB8AC3E}">
        <p14:creationId xmlns:p14="http://schemas.microsoft.com/office/powerpoint/2010/main" val="2719341977"/>
      </p:ext>
    </p:extLst>
  </p:cSld>
  <p:clrMapOvr>
    <a:masterClrMapping/>
  </p:clrMapOvr>
  <p:transition>
    <p:fade/>
  </p:transition>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8789C3C-DC13-CC72-186D-14B6AC984A40}"/>
              </a:ext>
            </a:extLst>
          </p:cNvPr>
          <p:cNvSpPr>
            <a:spLocks noGrp="1"/>
          </p:cNvSpPr>
          <p:nvPr>
            <p:ph type="title"/>
          </p:nvPr>
        </p:nvSpPr>
        <p:spPr>
          <a:xfrm>
            <a:off x="552450" y="512763"/>
            <a:ext cx="11090275" cy="792465"/>
          </a:xfrm>
        </p:spPr>
        <p:txBody>
          <a:bodyPr/>
          <a:lstStyle/>
          <a:p>
            <a:r>
              <a:rPr lang="da-DK" sz="2200" noProof="0" dirty="0"/>
              <a:t>PA anbefaler risikovurdering, krav til digital suverænitet, koordinerede cloud-indkøb og et nationalt udviklingscenter der kan sikre øget digital suverænitet og innovation (1/2)</a:t>
            </a:r>
          </a:p>
        </p:txBody>
      </p:sp>
      <p:sp>
        <p:nvSpPr>
          <p:cNvPr id="5" name="TextBox 4">
            <a:extLst>
              <a:ext uri="{FF2B5EF4-FFF2-40B4-BE49-F238E27FC236}">
                <a16:creationId xmlns:a16="http://schemas.microsoft.com/office/drawing/2014/main" id="{08B92B6E-013A-2FBB-A838-40B6D4333CDC}"/>
              </a:ext>
            </a:extLst>
          </p:cNvPr>
          <p:cNvSpPr txBox="1"/>
          <p:nvPr/>
        </p:nvSpPr>
        <p:spPr>
          <a:xfrm>
            <a:off x="554354" y="1547581"/>
            <a:ext cx="11118721" cy="461665"/>
          </a:xfrm>
          <a:prstGeom prst="rect">
            <a:avLst/>
          </a:prstGeom>
          <a:noFill/>
        </p:spPr>
        <p:txBody>
          <a:bodyPr wrap="square" lIns="0" rIns="0">
            <a:spAutoFit/>
          </a:bodyPr>
          <a:lstStyle/>
          <a:p>
            <a:r>
              <a:rPr lang="da-DK" sz="1200" b="1" noProof="0" dirty="0">
                <a:solidFill>
                  <a:schemeClr val="accent3"/>
                </a:solidFill>
              </a:rPr>
              <a:t>PA anbefaler fire tiltag, hvor det vil være mest oplagt at starte og hvor der forventeligt kan skabes størst mulig effekt. Anbefalingerne retter sig direkte imod fire af de 12 foreslåede indsatser, men vil i praksis kunne absorbere øvrige indsatsforslag, for at skabe størst mulig værdi. </a:t>
            </a:r>
            <a:endParaRPr lang="da-DK" sz="1200" b="1" noProof="0" dirty="0">
              <a:solidFill>
                <a:schemeClr val="accent3"/>
              </a:solidFill>
              <a:highlight>
                <a:srgbClr val="FFFF00"/>
              </a:highlight>
            </a:endParaRPr>
          </a:p>
        </p:txBody>
      </p:sp>
      <p:sp>
        <p:nvSpPr>
          <p:cNvPr id="92" name="Rounded Rectangle 91">
            <a:extLst>
              <a:ext uri="{FF2B5EF4-FFF2-40B4-BE49-F238E27FC236}">
                <a16:creationId xmlns:a16="http://schemas.microsoft.com/office/drawing/2014/main" id="{88126377-6FE7-0407-F11D-C29E0C2279F3}"/>
              </a:ext>
            </a:extLst>
          </p:cNvPr>
          <p:cNvSpPr/>
          <p:nvPr/>
        </p:nvSpPr>
        <p:spPr>
          <a:xfrm>
            <a:off x="9292281" y="2202962"/>
            <a:ext cx="2241112" cy="4149440"/>
          </a:xfrm>
          <a:prstGeom prst="roundRect">
            <a:avLst>
              <a:gd name="adj" fmla="val 4409"/>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tIns="36000" rtlCol="0" anchor="t"/>
          <a:lstStyle/>
          <a:p>
            <a:pPr algn="ctr" defTabSz="1039203"/>
            <a:r>
              <a:rPr lang="da-DK" sz="1200" b="1" noProof="0" dirty="0">
                <a:solidFill>
                  <a:schemeClr val="bg1"/>
                </a:solidFill>
                <a:latin typeface="Arial" panose="020B0604020202020204"/>
              </a:rPr>
              <a:t>Effekter</a:t>
            </a:r>
          </a:p>
        </p:txBody>
      </p:sp>
      <p:sp>
        <p:nvSpPr>
          <p:cNvPr id="93" name="Rounded Rectangle 92">
            <a:extLst>
              <a:ext uri="{FF2B5EF4-FFF2-40B4-BE49-F238E27FC236}">
                <a16:creationId xmlns:a16="http://schemas.microsoft.com/office/drawing/2014/main" id="{68FF7C2F-3A3D-C462-C623-1C18F30E11AB}"/>
              </a:ext>
            </a:extLst>
          </p:cNvPr>
          <p:cNvSpPr/>
          <p:nvPr/>
        </p:nvSpPr>
        <p:spPr>
          <a:xfrm>
            <a:off x="4259767" y="2202962"/>
            <a:ext cx="4929214" cy="4149440"/>
          </a:xfrm>
          <a:prstGeom prst="roundRect">
            <a:avLst>
              <a:gd name="adj" fmla="val 2819"/>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tIns="36000" rtlCol="0" anchor="t"/>
          <a:lstStyle/>
          <a:p>
            <a:pPr algn="ctr" defTabSz="1039203"/>
            <a:r>
              <a:rPr lang="da-DK" sz="1200" b="1" noProof="0">
                <a:solidFill>
                  <a:schemeClr val="bg1"/>
                </a:solidFill>
                <a:latin typeface="Arial" panose="020B0604020202020204"/>
              </a:rPr>
              <a:t>Rationale</a:t>
            </a:r>
          </a:p>
        </p:txBody>
      </p:sp>
      <p:sp>
        <p:nvSpPr>
          <p:cNvPr id="2" name="Rounded Rectangle 106">
            <a:extLst>
              <a:ext uri="{FF2B5EF4-FFF2-40B4-BE49-F238E27FC236}">
                <a16:creationId xmlns:a16="http://schemas.microsoft.com/office/drawing/2014/main" id="{CBB8D903-142B-D59D-8489-1219C272A708}"/>
              </a:ext>
              <a:ext uri="{C183D7F6-B498-43B3-948B-1728B52AA6E4}">
                <adec:decorative xmlns:adec="http://schemas.microsoft.com/office/drawing/2017/decorative" val="1"/>
              </a:ext>
            </a:extLst>
          </p:cNvPr>
          <p:cNvSpPr/>
          <p:nvPr/>
        </p:nvSpPr>
        <p:spPr>
          <a:xfrm>
            <a:off x="513908" y="2495423"/>
            <a:ext cx="11118721" cy="1816366"/>
          </a:xfrm>
          <a:prstGeom prst="roundRect">
            <a:avLst>
              <a:gd name="adj" fmla="val 9012"/>
            </a:avLst>
          </a:prstGeom>
          <a:solidFill>
            <a:schemeClr val="bg1"/>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a:solidFill>
                <a:schemeClr val="accent3"/>
              </a:solidFill>
              <a:latin typeface="Arial" panose="020B0604020202020204"/>
            </a:endParaRPr>
          </a:p>
        </p:txBody>
      </p:sp>
      <p:sp>
        <p:nvSpPr>
          <p:cNvPr id="107" name="Rounded Rectangle 106">
            <a:extLst>
              <a:ext uri="{FF2B5EF4-FFF2-40B4-BE49-F238E27FC236}">
                <a16:creationId xmlns:a16="http://schemas.microsoft.com/office/drawing/2014/main" id="{3C72E37D-7EFC-B40C-7184-8ADD795A7216}"/>
              </a:ext>
              <a:ext uri="{C183D7F6-B498-43B3-948B-1728B52AA6E4}">
                <adec:decorative xmlns:adec="http://schemas.microsoft.com/office/drawing/2017/decorative" val="1"/>
              </a:ext>
            </a:extLst>
          </p:cNvPr>
          <p:cNvSpPr/>
          <p:nvPr/>
        </p:nvSpPr>
        <p:spPr>
          <a:xfrm>
            <a:off x="513908" y="4388774"/>
            <a:ext cx="11118721" cy="1816366"/>
          </a:xfrm>
          <a:prstGeom prst="roundRect">
            <a:avLst/>
          </a:prstGeom>
          <a:solidFill>
            <a:schemeClr val="bg1"/>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a:solidFill>
                <a:schemeClr val="accent3"/>
              </a:solidFill>
              <a:latin typeface="Arial" panose="020B0604020202020204"/>
            </a:endParaRPr>
          </a:p>
        </p:txBody>
      </p:sp>
      <p:sp>
        <p:nvSpPr>
          <p:cNvPr id="114" name="TextBox 113">
            <a:extLst>
              <a:ext uri="{FF2B5EF4-FFF2-40B4-BE49-F238E27FC236}">
                <a16:creationId xmlns:a16="http://schemas.microsoft.com/office/drawing/2014/main" id="{E2BEB253-1B05-8711-1161-14CD0FBFE997}"/>
              </a:ext>
            </a:extLst>
          </p:cNvPr>
          <p:cNvSpPr txBox="1"/>
          <p:nvPr/>
        </p:nvSpPr>
        <p:spPr>
          <a:xfrm>
            <a:off x="1193378" y="2508321"/>
            <a:ext cx="3055419" cy="1733191"/>
          </a:xfrm>
          <a:prstGeom prst="rect">
            <a:avLst/>
          </a:prstGeom>
          <a:noFill/>
        </p:spPr>
        <p:txBody>
          <a:bodyPr wrap="square" tIns="72000" rtlCol="0" anchor="t">
            <a:noAutofit/>
          </a:bodyPr>
          <a:lstStyle/>
          <a:p>
            <a:r>
              <a:rPr lang="da-DK" sz="1400" b="1" noProof="0" dirty="0">
                <a:solidFill>
                  <a:schemeClr val="accent3"/>
                </a:solidFill>
              </a:rPr>
              <a:t>A. Prioriter risikovurdering af digitale løsninger </a:t>
            </a:r>
          </a:p>
          <a:p>
            <a:endParaRPr lang="da-DK" sz="1100" noProof="0" dirty="0">
              <a:solidFill>
                <a:schemeClr val="accent3"/>
              </a:solidFill>
            </a:endParaRPr>
          </a:p>
          <a:p>
            <a:r>
              <a:rPr lang="da-DK" sz="1100" b="1" i="1" noProof="0" dirty="0">
                <a:solidFill>
                  <a:schemeClr val="accent3"/>
                </a:solidFill>
              </a:rPr>
              <a:t>Skab overblik over kritiske afhængigheder og sårbarheder på tværs af den samlede teknologistak hos den enkelte myndighed, for at kunne prioritere indsatser.</a:t>
            </a:r>
          </a:p>
          <a:p>
            <a:endParaRPr lang="da-DK" sz="1100" i="1" noProof="0" dirty="0">
              <a:solidFill>
                <a:schemeClr val="accent3"/>
              </a:solidFill>
              <a:highlight>
                <a:srgbClr val="FFFF00"/>
              </a:highlight>
            </a:endParaRPr>
          </a:p>
        </p:txBody>
      </p:sp>
      <p:sp>
        <p:nvSpPr>
          <p:cNvPr id="115" name="TextBox 114">
            <a:extLst>
              <a:ext uri="{FF2B5EF4-FFF2-40B4-BE49-F238E27FC236}">
                <a16:creationId xmlns:a16="http://schemas.microsoft.com/office/drawing/2014/main" id="{987D9146-245D-B852-353F-56DE855479C2}"/>
              </a:ext>
            </a:extLst>
          </p:cNvPr>
          <p:cNvSpPr txBox="1"/>
          <p:nvPr/>
        </p:nvSpPr>
        <p:spPr>
          <a:xfrm>
            <a:off x="4259767" y="2508732"/>
            <a:ext cx="4929214" cy="1732780"/>
          </a:xfrm>
          <a:prstGeom prst="rect">
            <a:avLst/>
          </a:prstGeom>
          <a:noFill/>
        </p:spPr>
        <p:txBody>
          <a:bodyPr wrap="square" lIns="108000" tIns="72000" rIns="72000" bIns="45720" rtlCol="0" anchor="t">
            <a:noAutofit/>
          </a:bodyPr>
          <a:lstStyle/>
          <a:p>
            <a:pPr fontAlgn="t">
              <a:lnSpc>
                <a:spcPts val="1500"/>
              </a:lnSpc>
            </a:pPr>
            <a:r>
              <a:rPr lang="da-DK" sz="1100" noProof="0" dirty="0">
                <a:solidFill>
                  <a:schemeClr val="accent3"/>
                </a:solidFill>
              </a:rPr>
              <a:t>Risikovurdering er et effektivt første skridt mod øget digital suverænitet. Et fælles værktøj til risikovurdering på sektorniveau (stat, region, kommuner) eller fællesoffentligt vil sikre ensartethed og reducere kompleksitet. Indsatsen kan kobles til et fælles nationalt center for digital suverænitet, men vil i så fald skulle afvente etablering. På baggrund af risikovurderingen vil det være naturligt, at </a:t>
            </a:r>
            <a:r>
              <a:rPr lang="da-DK" sz="1100" noProof="0" dirty="0" err="1">
                <a:solidFill>
                  <a:schemeClr val="accent3"/>
                </a:solidFill>
              </a:rPr>
              <a:t>myndigherne</a:t>
            </a:r>
            <a:r>
              <a:rPr lang="da-DK" sz="1100" noProof="0" dirty="0">
                <a:solidFill>
                  <a:schemeClr val="accent3"/>
                </a:solidFill>
              </a:rPr>
              <a:t> som </a:t>
            </a:r>
            <a:r>
              <a:rPr lang="da-DK" sz="1100" noProof="0" dirty="0" err="1">
                <a:solidFill>
                  <a:schemeClr val="accent3"/>
                </a:solidFill>
              </a:rPr>
              <a:t>minumum</a:t>
            </a:r>
            <a:r>
              <a:rPr lang="da-DK" sz="1100" noProof="0" dirty="0">
                <a:solidFill>
                  <a:schemeClr val="accent3"/>
                </a:solidFill>
              </a:rPr>
              <a:t> overvejer exit-strategier og beredskabsplaner.</a:t>
            </a:r>
          </a:p>
          <a:p>
            <a:pPr marL="171450" indent="-171450" fontAlgn="t">
              <a:lnSpc>
                <a:spcPts val="1500"/>
              </a:lnSpc>
              <a:buFont typeface="Arial" panose="020B0604020202020204" pitchFamily="34" charset="0"/>
              <a:buChar char="•"/>
            </a:pPr>
            <a:endParaRPr lang="da-DK" sz="1100" noProof="0" dirty="0">
              <a:solidFill>
                <a:schemeClr val="accent3"/>
              </a:solidFill>
              <a:cs typeface="Arial"/>
            </a:endParaRPr>
          </a:p>
        </p:txBody>
      </p:sp>
      <p:sp>
        <p:nvSpPr>
          <p:cNvPr id="49" name="TextBox 48">
            <a:extLst>
              <a:ext uri="{FF2B5EF4-FFF2-40B4-BE49-F238E27FC236}">
                <a16:creationId xmlns:a16="http://schemas.microsoft.com/office/drawing/2014/main" id="{F66E31EC-0CD3-A3DB-F041-B00015051246}"/>
              </a:ext>
            </a:extLst>
          </p:cNvPr>
          <p:cNvSpPr txBox="1"/>
          <p:nvPr/>
        </p:nvSpPr>
        <p:spPr>
          <a:xfrm>
            <a:off x="9288217" y="2508938"/>
            <a:ext cx="2216793" cy="1732573"/>
          </a:xfrm>
          <a:prstGeom prst="rect">
            <a:avLst/>
          </a:prstGeom>
          <a:noFill/>
        </p:spPr>
        <p:txBody>
          <a:bodyPr wrap="square" lIns="108000" tIns="72000" rIns="72000" rtlCol="0" anchor="t">
            <a:noAutofit/>
          </a:bodyPr>
          <a:lstStyle/>
          <a:p>
            <a:pPr fontAlgn="t">
              <a:lnSpc>
                <a:spcPts val="1500"/>
              </a:lnSpc>
            </a:pPr>
            <a:r>
              <a:rPr lang="da-DK" sz="1100" noProof="0" dirty="0">
                <a:solidFill>
                  <a:schemeClr val="accent3"/>
                </a:solidFill>
              </a:rPr>
              <a:t>Øget transparens og robusthed, bedre prioritering af risikoreducerende tiltag og investeringer, samt styrket beredskab mod kritiske hændelser.</a:t>
            </a:r>
          </a:p>
          <a:p>
            <a:pPr marL="171450" indent="-171450">
              <a:buFont typeface="Arial" panose="020B0604020202020204" pitchFamily="34" charset="0"/>
              <a:buChar char="•"/>
            </a:pPr>
            <a:endParaRPr lang="da-DK" sz="1100" noProof="0" dirty="0">
              <a:solidFill>
                <a:schemeClr val="accent3"/>
              </a:solidFill>
            </a:endParaRPr>
          </a:p>
        </p:txBody>
      </p:sp>
      <p:sp>
        <p:nvSpPr>
          <p:cNvPr id="108" name="TextBox 107">
            <a:extLst>
              <a:ext uri="{FF2B5EF4-FFF2-40B4-BE49-F238E27FC236}">
                <a16:creationId xmlns:a16="http://schemas.microsoft.com/office/drawing/2014/main" id="{77234E3D-C8D9-77E4-EC23-CD2A93773FE6}"/>
              </a:ext>
            </a:extLst>
          </p:cNvPr>
          <p:cNvSpPr txBox="1"/>
          <p:nvPr/>
        </p:nvSpPr>
        <p:spPr>
          <a:xfrm>
            <a:off x="1193378" y="4403435"/>
            <a:ext cx="3123436" cy="917999"/>
          </a:xfrm>
          <a:prstGeom prst="rect">
            <a:avLst/>
          </a:prstGeom>
          <a:noFill/>
        </p:spPr>
        <p:txBody>
          <a:bodyPr wrap="square" tIns="72000" rtlCol="0" anchor="t">
            <a:noAutofit/>
          </a:bodyPr>
          <a:lstStyle/>
          <a:p>
            <a:r>
              <a:rPr lang="da-DK" sz="1400" b="1" noProof="0" dirty="0">
                <a:solidFill>
                  <a:schemeClr val="accent3"/>
                </a:solidFill>
              </a:rPr>
              <a:t>B. Stil krav om digital suverænitet </a:t>
            </a:r>
          </a:p>
          <a:p>
            <a:endParaRPr lang="da-DK" sz="1100" i="1" noProof="0" dirty="0">
              <a:solidFill>
                <a:schemeClr val="accent3"/>
              </a:solidFill>
            </a:endParaRPr>
          </a:p>
          <a:p>
            <a:r>
              <a:rPr lang="da-DK" sz="1100" b="1" i="1" noProof="0" dirty="0">
                <a:solidFill>
                  <a:schemeClr val="accent3"/>
                </a:solidFill>
              </a:rPr>
              <a:t>Udarbejd en fælles “suverænitetspakke” med klare krav til offentlige it-udbud og SKI-aftaler for at indarbejde risikoreducerende tiltag i kontrakter og løsninger. </a:t>
            </a:r>
          </a:p>
        </p:txBody>
      </p:sp>
      <p:sp>
        <p:nvSpPr>
          <p:cNvPr id="109" name="TextBox 108">
            <a:extLst>
              <a:ext uri="{FF2B5EF4-FFF2-40B4-BE49-F238E27FC236}">
                <a16:creationId xmlns:a16="http://schemas.microsoft.com/office/drawing/2014/main" id="{DC07D51E-AC57-DDA9-296B-A76B50733B3E}"/>
              </a:ext>
            </a:extLst>
          </p:cNvPr>
          <p:cNvSpPr txBox="1"/>
          <p:nvPr/>
        </p:nvSpPr>
        <p:spPr>
          <a:xfrm>
            <a:off x="4259767" y="4403846"/>
            <a:ext cx="4929214" cy="1801294"/>
          </a:xfrm>
          <a:prstGeom prst="rect">
            <a:avLst/>
          </a:prstGeom>
          <a:noFill/>
        </p:spPr>
        <p:txBody>
          <a:bodyPr wrap="square" lIns="108000" tIns="72000" rIns="72000" rtlCol="0" anchor="t">
            <a:noAutofit/>
          </a:bodyPr>
          <a:lstStyle/>
          <a:p>
            <a:pPr fontAlgn="t">
              <a:lnSpc>
                <a:spcPts val="1500"/>
              </a:lnSpc>
            </a:pPr>
            <a:r>
              <a:rPr lang="da-DK" sz="1100" noProof="0" dirty="0">
                <a:solidFill>
                  <a:schemeClr val="accent3"/>
                </a:solidFill>
              </a:rPr>
              <a:t>Krav skal stilles fælles for at have effekt og sende et tydeligt signal til markedet. Det skaber incitament for leverandører til at udvikle løsninger, der understøtter suverænitet. Leverandører og indkøbsaktører kan med fordel involveres i en forudgående markedsafdækning og mobiliseringsproces for at sikre ejerskab og markedsparathed.</a:t>
            </a:r>
          </a:p>
          <a:p>
            <a:pPr fontAlgn="t">
              <a:lnSpc>
                <a:spcPts val="1500"/>
              </a:lnSpc>
            </a:pPr>
            <a:endParaRPr lang="da-DK" sz="1100" noProof="0" dirty="0">
              <a:solidFill>
                <a:schemeClr val="accent3"/>
              </a:solidFill>
            </a:endParaRPr>
          </a:p>
          <a:p>
            <a:pPr marL="171450" indent="-171450" fontAlgn="t">
              <a:lnSpc>
                <a:spcPts val="1500"/>
              </a:lnSpc>
              <a:buFont typeface="Arial" panose="020B0604020202020204" pitchFamily="34" charset="0"/>
              <a:buChar char="•"/>
            </a:pPr>
            <a:endParaRPr lang="da-DK" sz="1100" noProof="0" dirty="0">
              <a:solidFill>
                <a:schemeClr val="accent3"/>
              </a:solidFill>
            </a:endParaRPr>
          </a:p>
        </p:txBody>
      </p:sp>
      <p:sp>
        <p:nvSpPr>
          <p:cNvPr id="110" name="TextBox 109">
            <a:extLst>
              <a:ext uri="{FF2B5EF4-FFF2-40B4-BE49-F238E27FC236}">
                <a16:creationId xmlns:a16="http://schemas.microsoft.com/office/drawing/2014/main" id="{E315A29A-ECDC-E420-D3DE-79448907131A}"/>
              </a:ext>
            </a:extLst>
          </p:cNvPr>
          <p:cNvSpPr txBox="1"/>
          <p:nvPr/>
        </p:nvSpPr>
        <p:spPr>
          <a:xfrm>
            <a:off x="9288653" y="4402788"/>
            <a:ext cx="2219405" cy="1802352"/>
          </a:xfrm>
          <a:prstGeom prst="rect">
            <a:avLst/>
          </a:prstGeom>
          <a:noFill/>
        </p:spPr>
        <p:txBody>
          <a:bodyPr wrap="square" lIns="108000" tIns="72000" rIns="72000" rtlCol="0" anchor="t">
            <a:noAutofit/>
          </a:bodyPr>
          <a:lstStyle/>
          <a:p>
            <a:pPr fontAlgn="t">
              <a:lnSpc>
                <a:spcPts val="1500"/>
              </a:lnSpc>
            </a:pPr>
            <a:r>
              <a:rPr lang="da-DK" sz="1100" noProof="0" dirty="0">
                <a:solidFill>
                  <a:schemeClr val="accent3"/>
                </a:solidFill>
              </a:rPr>
              <a:t>Ensartede krav på tværs af myndigheder, øget gennemsigtighed og forudsigelighed i udbud, styrket konkurrence og innovation.</a:t>
            </a:r>
          </a:p>
          <a:p>
            <a:pPr fontAlgn="t">
              <a:lnSpc>
                <a:spcPts val="1500"/>
              </a:lnSpc>
            </a:pPr>
            <a:endParaRPr lang="da-DK" sz="1100" noProof="0" dirty="0">
              <a:solidFill>
                <a:schemeClr val="accent3"/>
              </a:solidFill>
              <a:latin typeface="Segoe UI" panose="020B0502040204020203" pitchFamily="34" charset="0"/>
            </a:endParaRPr>
          </a:p>
        </p:txBody>
      </p:sp>
      <p:pic>
        <p:nvPicPr>
          <p:cNvPr id="119" name="Graphic 118">
            <a:extLst>
              <a:ext uri="{FF2B5EF4-FFF2-40B4-BE49-F238E27FC236}">
                <a16:creationId xmlns:a16="http://schemas.microsoft.com/office/drawing/2014/main" id="{4081DD17-967C-23AF-379E-AE17753C5D08}"/>
              </a:ext>
              <a:ext uri="{C183D7F6-B498-43B3-948B-1728B52AA6E4}">
                <adec:decorative xmlns:adec="http://schemas.microsoft.com/office/drawing/2017/decorative" val="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71611" y="4422430"/>
            <a:ext cx="663431" cy="663431"/>
          </a:xfrm>
          <a:prstGeom prst="rect">
            <a:avLst/>
          </a:prstGeom>
        </p:spPr>
      </p:pic>
      <p:pic>
        <p:nvPicPr>
          <p:cNvPr id="125" name="Graphic 124">
            <a:extLst>
              <a:ext uri="{FF2B5EF4-FFF2-40B4-BE49-F238E27FC236}">
                <a16:creationId xmlns:a16="http://schemas.microsoft.com/office/drawing/2014/main" id="{7B09C774-174F-14F2-CAC0-68AF365DBBE5}"/>
              </a:ext>
              <a:ext uri="{C183D7F6-B498-43B3-948B-1728B52AA6E4}">
                <adec:decorative xmlns:adec="http://schemas.microsoft.com/office/drawing/2017/decorative" val="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70223" y="2570444"/>
            <a:ext cx="641492" cy="641492"/>
          </a:xfrm>
          <a:prstGeom prst="rect">
            <a:avLst/>
          </a:prstGeom>
        </p:spPr>
      </p:pic>
    </p:spTree>
    <p:extLst>
      <p:ext uri="{BB962C8B-B14F-4D97-AF65-F5344CB8AC3E}">
        <p14:creationId xmlns:p14="http://schemas.microsoft.com/office/powerpoint/2010/main" val="3518152938"/>
      </p:ext>
    </p:extLst>
  </p:cSld>
  <p:clrMapOvr>
    <a:masterClrMapping/>
  </p:clrMapOvr>
  <p:transition>
    <p:fade/>
  </p:transition>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C3D12B1-D5D6-1B72-E86D-6DBAF706F6CB}"/>
            </a:ext>
          </a:extLst>
        </p:cNvPr>
        <p:cNvGrpSpPr/>
        <p:nvPr/>
      </p:nvGrpSpPr>
      <p:grpSpPr>
        <a:xfrm>
          <a:off x="0" y="0"/>
          <a:ext cx="0" cy="0"/>
          <a:chOff x="0" y="0"/>
          <a:chExt cx="0" cy="0"/>
        </a:xfrm>
      </p:grpSpPr>
      <p:sp useBgFill="1">
        <p:nvSpPr>
          <p:cNvPr id="3" name="Title 2">
            <a:extLst>
              <a:ext uri="{FF2B5EF4-FFF2-40B4-BE49-F238E27FC236}">
                <a16:creationId xmlns:a16="http://schemas.microsoft.com/office/drawing/2014/main" id="{5B85C046-9814-F373-B028-359F587BC5BB}"/>
              </a:ext>
            </a:extLst>
          </p:cNvPr>
          <p:cNvSpPr>
            <a:spLocks noGrp="1"/>
          </p:cNvSpPr>
          <p:nvPr>
            <p:ph type="title"/>
          </p:nvPr>
        </p:nvSpPr>
        <p:spPr>
          <a:xfrm>
            <a:off x="552450" y="512763"/>
            <a:ext cx="11090275" cy="792465"/>
          </a:xfrm>
        </p:spPr>
        <p:txBody>
          <a:bodyPr/>
          <a:lstStyle/>
          <a:p>
            <a:r>
              <a:rPr lang="da-DK" sz="2200" noProof="0" dirty="0"/>
              <a:t>PA anbefaler risikovurdering, krav til digital suverænitet, koordinerede cloud-indkøb og et nationalt udviklingscenter der kan sikre øget digital suverænitet og innovation (2/2)</a:t>
            </a:r>
          </a:p>
        </p:txBody>
      </p:sp>
      <p:sp>
        <p:nvSpPr>
          <p:cNvPr id="5" name="TextBox 4">
            <a:extLst>
              <a:ext uri="{FF2B5EF4-FFF2-40B4-BE49-F238E27FC236}">
                <a16:creationId xmlns:a16="http://schemas.microsoft.com/office/drawing/2014/main" id="{29ADD3EC-7D4B-6E02-3DDA-58579F0C293C}"/>
              </a:ext>
            </a:extLst>
          </p:cNvPr>
          <p:cNvSpPr txBox="1"/>
          <p:nvPr/>
        </p:nvSpPr>
        <p:spPr>
          <a:xfrm>
            <a:off x="554354" y="1547581"/>
            <a:ext cx="11118721" cy="461665"/>
          </a:xfrm>
          <a:prstGeom prst="rect">
            <a:avLst/>
          </a:prstGeom>
          <a:noFill/>
        </p:spPr>
        <p:txBody>
          <a:bodyPr wrap="square" lIns="0" rIns="0">
            <a:spAutoFit/>
          </a:bodyPr>
          <a:lstStyle/>
          <a:p>
            <a:r>
              <a:rPr lang="da-DK" sz="1200" b="1" noProof="0" dirty="0">
                <a:solidFill>
                  <a:schemeClr val="accent3"/>
                </a:solidFill>
              </a:rPr>
              <a:t>PA anbefaler fire tiltag, hvor det vil være mest oplagt at starte og hvor der forventeligt kan skabes størst mulig effekt. Anbefalingerne retter sig direkte imod fire af de 12 foreslåede indsatser, men vil i praksis kunne absorbere øvrige indsatsforslag, for at skabe størst mulig værdi. </a:t>
            </a:r>
            <a:endParaRPr lang="da-DK" sz="1200" b="1" noProof="0" dirty="0">
              <a:solidFill>
                <a:schemeClr val="accent3"/>
              </a:solidFill>
              <a:highlight>
                <a:srgbClr val="FFFF00"/>
              </a:highlight>
            </a:endParaRPr>
          </a:p>
        </p:txBody>
      </p:sp>
      <p:sp>
        <p:nvSpPr>
          <p:cNvPr id="92" name="Rounded Rectangle 91">
            <a:extLst>
              <a:ext uri="{FF2B5EF4-FFF2-40B4-BE49-F238E27FC236}">
                <a16:creationId xmlns:a16="http://schemas.microsoft.com/office/drawing/2014/main" id="{C9EA1D5F-58E2-F99C-89BC-FD28BF2B58E3}"/>
              </a:ext>
            </a:extLst>
          </p:cNvPr>
          <p:cNvSpPr/>
          <p:nvPr/>
        </p:nvSpPr>
        <p:spPr>
          <a:xfrm>
            <a:off x="9267567" y="2202962"/>
            <a:ext cx="2265825" cy="4149440"/>
          </a:xfrm>
          <a:prstGeom prst="roundRect">
            <a:avLst>
              <a:gd name="adj" fmla="val 4409"/>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tIns="36000" rtlCol="0" anchor="t"/>
          <a:lstStyle/>
          <a:p>
            <a:pPr algn="ctr" defTabSz="1039203"/>
            <a:r>
              <a:rPr lang="da-DK" sz="1200" b="1" noProof="0" dirty="0">
                <a:solidFill>
                  <a:schemeClr val="bg1"/>
                </a:solidFill>
                <a:latin typeface="Arial" panose="020B0604020202020204"/>
              </a:rPr>
              <a:t>Effekter</a:t>
            </a:r>
            <a:endParaRPr lang="da-DK" sz="1200" b="1" noProof="0">
              <a:solidFill>
                <a:schemeClr val="bg1"/>
              </a:solidFill>
              <a:latin typeface="Arial" panose="020B0604020202020204"/>
            </a:endParaRPr>
          </a:p>
        </p:txBody>
      </p:sp>
      <p:sp>
        <p:nvSpPr>
          <p:cNvPr id="93" name="Rounded Rectangle 92">
            <a:extLst>
              <a:ext uri="{FF2B5EF4-FFF2-40B4-BE49-F238E27FC236}">
                <a16:creationId xmlns:a16="http://schemas.microsoft.com/office/drawing/2014/main" id="{9472CC4C-93D6-D7BD-1F1C-8937D3701DE2}"/>
              </a:ext>
            </a:extLst>
          </p:cNvPr>
          <p:cNvSpPr/>
          <p:nvPr/>
        </p:nvSpPr>
        <p:spPr>
          <a:xfrm>
            <a:off x="4259767" y="2202962"/>
            <a:ext cx="4904768" cy="4149440"/>
          </a:xfrm>
          <a:prstGeom prst="roundRect">
            <a:avLst>
              <a:gd name="adj" fmla="val 2819"/>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tIns="36000" rtlCol="0" anchor="t"/>
          <a:lstStyle/>
          <a:p>
            <a:pPr algn="ctr" defTabSz="1039203"/>
            <a:r>
              <a:rPr lang="da-DK" sz="1200" b="1" noProof="0">
                <a:solidFill>
                  <a:schemeClr val="bg1"/>
                </a:solidFill>
                <a:latin typeface="Arial" panose="020B0604020202020204"/>
              </a:rPr>
              <a:t>Rationale</a:t>
            </a:r>
          </a:p>
        </p:txBody>
      </p:sp>
      <p:sp>
        <p:nvSpPr>
          <p:cNvPr id="2" name="Rounded Rectangle 106">
            <a:extLst>
              <a:ext uri="{FF2B5EF4-FFF2-40B4-BE49-F238E27FC236}">
                <a16:creationId xmlns:a16="http://schemas.microsoft.com/office/drawing/2014/main" id="{7D6B2720-AA16-02F3-4202-69639F4CA94A}"/>
              </a:ext>
              <a:ext uri="{C183D7F6-B498-43B3-948B-1728B52AA6E4}">
                <adec:decorative xmlns:adec="http://schemas.microsoft.com/office/drawing/2017/decorative" val="1"/>
              </a:ext>
            </a:extLst>
          </p:cNvPr>
          <p:cNvSpPr/>
          <p:nvPr/>
        </p:nvSpPr>
        <p:spPr>
          <a:xfrm>
            <a:off x="513908" y="2495423"/>
            <a:ext cx="11118721" cy="1816366"/>
          </a:xfrm>
          <a:prstGeom prst="roundRect">
            <a:avLst>
              <a:gd name="adj" fmla="val 9012"/>
            </a:avLst>
          </a:prstGeom>
          <a:solidFill>
            <a:schemeClr val="bg1"/>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a:solidFill>
                <a:schemeClr val="accent3"/>
              </a:solidFill>
              <a:latin typeface="Arial" panose="020B0604020202020204"/>
            </a:endParaRPr>
          </a:p>
        </p:txBody>
      </p:sp>
      <p:sp>
        <p:nvSpPr>
          <p:cNvPr id="107" name="Rounded Rectangle 106">
            <a:extLst>
              <a:ext uri="{FF2B5EF4-FFF2-40B4-BE49-F238E27FC236}">
                <a16:creationId xmlns:a16="http://schemas.microsoft.com/office/drawing/2014/main" id="{8D4D9B51-057C-C597-356B-869E835ECB57}"/>
              </a:ext>
              <a:ext uri="{C183D7F6-B498-43B3-948B-1728B52AA6E4}">
                <adec:decorative xmlns:adec="http://schemas.microsoft.com/office/drawing/2017/decorative" val="1"/>
              </a:ext>
            </a:extLst>
          </p:cNvPr>
          <p:cNvSpPr/>
          <p:nvPr/>
        </p:nvSpPr>
        <p:spPr>
          <a:xfrm>
            <a:off x="513908" y="4388774"/>
            <a:ext cx="11118721" cy="1816366"/>
          </a:xfrm>
          <a:prstGeom prst="roundRect">
            <a:avLst/>
          </a:prstGeom>
          <a:solidFill>
            <a:schemeClr val="bg1"/>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1039203"/>
            <a:endParaRPr lang="da-DK" sz="1400" noProof="0">
              <a:solidFill>
                <a:schemeClr val="accent3"/>
              </a:solidFill>
              <a:latin typeface="Arial" panose="020B0604020202020204"/>
            </a:endParaRPr>
          </a:p>
        </p:txBody>
      </p:sp>
      <p:sp>
        <p:nvSpPr>
          <p:cNvPr id="114" name="TextBox 113">
            <a:extLst>
              <a:ext uri="{FF2B5EF4-FFF2-40B4-BE49-F238E27FC236}">
                <a16:creationId xmlns:a16="http://schemas.microsoft.com/office/drawing/2014/main" id="{CBE6FEB5-57F0-0436-846E-09A3BE3AD10F}"/>
              </a:ext>
            </a:extLst>
          </p:cNvPr>
          <p:cNvSpPr txBox="1"/>
          <p:nvPr/>
        </p:nvSpPr>
        <p:spPr>
          <a:xfrm>
            <a:off x="1193378" y="2508321"/>
            <a:ext cx="3055419" cy="1733191"/>
          </a:xfrm>
          <a:prstGeom prst="rect">
            <a:avLst/>
          </a:prstGeom>
          <a:noFill/>
        </p:spPr>
        <p:txBody>
          <a:bodyPr wrap="square" tIns="72000" rtlCol="0" anchor="t">
            <a:noAutofit/>
          </a:bodyPr>
          <a:lstStyle/>
          <a:p>
            <a:pPr>
              <a:defRPr/>
            </a:pPr>
            <a:r>
              <a:rPr lang="da-DK" sz="1400" b="1" noProof="0" dirty="0">
                <a:solidFill>
                  <a:schemeClr val="accent3"/>
                </a:solidFill>
              </a:rPr>
              <a:t>C. Koordinerede ”sektor-indkøb” af suveræne clouds</a:t>
            </a:r>
          </a:p>
          <a:p>
            <a:pPr>
              <a:defRPr/>
            </a:pPr>
            <a:endParaRPr lang="da-DK" sz="1100" i="1" noProof="0" dirty="0">
              <a:solidFill>
                <a:schemeClr val="accent3"/>
              </a:solidFill>
            </a:endParaRPr>
          </a:p>
          <a:p>
            <a:pPr>
              <a:defRPr/>
            </a:pPr>
            <a:r>
              <a:rPr lang="da-DK" sz="1100" b="1" i="1" noProof="0" dirty="0">
                <a:solidFill>
                  <a:schemeClr val="accent3"/>
                </a:solidFill>
              </a:rPr>
              <a:t>Gennemfør koordinerede sektorudbud af suveræne cloud-løsninger for at opnå stordriftsfordele og sikre fuld kontrol med myndighedernes data.</a:t>
            </a:r>
            <a:br>
              <a:rPr lang="da-DK" sz="1100" b="1" i="1" noProof="0" dirty="0">
                <a:solidFill>
                  <a:schemeClr val="accent3"/>
                </a:solidFill>
              </a:rPr>
            </a:br>
            <a:endParaRPr lang="da-DK" sz="1100" b="1" i="1" noProof="0" dirty="0">
              <a:solidFill>
                <a:schemeClr val="accent3"/>
              </a:solidFill>
            </a:endParaRPr>
          </a:p>
        </p:txBody>
      </p:sp>
      <p:sp>
        <p:nvSpPr>
          <p:cNvPr id="115" name="TextBox 114">
            <a:extLst>
              <a:ext uri="{FF2B5EF4-FFF2-40B4-BE49-F238E27FC236}">
                <a16:creationId xmlns:a16="http://schemas.microsoft.com/office/drawing/2014/main" id="{E7444918-268F-EAF3-A7FE-54EC7CA52F7F}"/>
              </a:ext>
            </a:extLst>
          </p:cNvPr>
          <p:cNvSpPr txBox="1"/>
          <p:nvPr/>
        </p:nvSpPr>
        <p:spPr>
          <a:xfrm>
            <a:off x="4259767" y="2508732"/>
            <a:ext cx="4904768" cy="1732780"/>
          </a:xfrm>
          <a:prstGeom prst="rect">
            <a:avLst/>
          </a:prstGeom>
          <a:noFill/>
        </p:spPr>
        <p:txBody>
          <a:bodyPr wrap="square" lIns="108000" tIns="72000" rIns="72000" bIns="45720" rtlCol="0" anchor="t">
            <a:noAutofit/>
          </a:bodyPr>
          <a:lstStyle/>
          <a:p>
            <a:pPr fontAlgn="t">
              <a:lnSpc>
                <a:spcPts val="1500"/>
              </a:lnSpc>
            </a:pPr>
            <a:r>
              <a:rPr lang="da-DK" sz="1100" noProof="0" dirty="0">
                <a:solidFill>
                  <a:schemeClr val="accent3"/>
                </a:solidFill>
              </a:rPr>
              <a:t>Adgang til og kontrol over data er kritisk – især med stigende AI-anvendelse. Koordinerede indkøb er realistiske, attraktive for markedet og skaber tillid til databrug og træning af AI-løsninger. Fælles indkøb og ensartede krav reducerer fragmentering og gør det muligt for leverandører at udvikle og skalere suveræne cloud‑løsninger, som kan anvendes bredt. Endelig kan indsatsen fremme udvikling af AI og cloud-løsninger tilpasset offentlige behov.</a:t>
            </a:r>
          </a:p>
          <a:p>
            <a:pPr fontAlgn="t">
              <a:lnSpc>
                <a:spcPts val="1500"/>
              </a:lnSpc>
            </a:pPr>
            <a:endParaRPr lang="da-DK" sz="1100" noProof="0" dirty="0">
              <a:solidFill>
                <a:schemeClr val="accent3"/>
              </a:solidFill>
              <a:cs typeface="Arial"/>
            </a:endParaRPr>
          </a:p>
        </p:txBody>
      </p:sp>
      <p:sp>
        <p:nvSpPr>
          <p:cNvPr id="49" name="TextBox 48">
            <a:extLst>
              <a:ext uri="{FF2B5EF4-FFF2-40B4-BE49-F238E27FC236}">
                <a16:creationId xmlns:a16="http://schemas.microsoft.com/office/drawing/2014/main" id="{0B446093-AB52-514F-A8BA-64CED2AE5C44}"/>
              </a:ext>
            </a:extLst>
          </p:cNvPr>
          <p:cNvSpPr txBox="1"/>
          <p:nvPr/>
        </p:nvSpPr>
        <p:spPr>
          <a:xfrm>
            <a:off x="9263772" y="2508938"/>
            <a:ext cx="2241238" cy="1732573"/>
          </a:xfrm>
          <a:prstGeom prst="rect">
            <a:avLst/>
          </a:prstGeom>
          <a:noFill/>
        </p:spPr>
        <p:txBody>
          <a:bodyPr wrap="square" lIns="108000" tIns="72000" rIns="72000" rtlCol="0" anchor="t">
            <a:noAutofit/>
          </a:bodyPr>
          <a:lstStyle/>
          <a:p>
            <a:pPr fontAlgn="t">
              <a:lnSpc>
                <a:spcPts val="1500"/>
              </a:lnSpc>
            </a:pPr>
            <a:r>
              <a:rPr lang="da-DK" sz="1100" noProof="0" dirty="0">
                <a:solidFill>
                  <a:schemeClr val="accent3"/>
                </a:solidFill>
              </a:rPr>
              <a:t>Understøtter hybrid cloud og valgfrihed, sikker datalagring og robuste infrastrukturer til AI-udvikling. Stimulerer det europæiske og danske cloud-marked. </a:t>
            </a:r>
          </a:p>
          <a:p>
            <a:pPr marL="171450" indent="-171450">
              <a:buFont typeface="Arial" panose="020B0604020202020204" pitchFamily="34" charset="0"/>
              <a:buChar char="•"/>
            </a:pPr>
            <a:endParaRPr lang="da-DK" sz="1100" noProof="0" dirty="0">
              <a:solidFill>
                <a:schemeClr val="accent3"/>
              </a:solidFill>
            </a:endParaRPr>
          </a:p>
        </p:txBody>
      </p:sp>
      <p:sp>
        <p:nvSpPr>
          <p:cNvPr id="108" name="TextBox 107">
            <a:extLst>
              <a:ext uri="{FF2B5EF4-FFF2-40B4-BE49-F238E27FC236}">
                <a16:creationId xmlns:a16="http://schemas.microsoft.com/office/drawing/2014/main" id="{F52EEC4F-FB1B-3CC8-B160-6D52F5F092AE}"/>
              </a:ext>
            </a:extLst>
          </p:cNvPr>
          <p:cNvSpPr txBox="1"/>
          <p:nvPr/>
        </p:nvSpPr>
        <p:spPr>
          <a:xfrm>
            <a:off x="1193378" y="4403435"/>
            <a:ext cx="3123436" cy="917999"/>
          </a:xfrm>
          <a:prstGeom prst="rect">
            <a:avLst/>
          </a:prstGeom>
          <a:noFill/>
        </p:spPr>
        <p:txBody>
          <a:bodyPr wrap="square" tIns="72000" rtlCol="0" anchor="t">
            <a:noAutofit/>
          </a:bodyPr>
          <a:lstStyle/>
          <a:p>
            <a:r>
              <a:rPr lang="da-DK" sz="1400" b="1" noProof="0" dirty="0">
                <a:solidFill>
                  <a:schemeClr val="accent3"/>
                </a:solidFill>
              </a:rPr>
              <a:t>D. Etabler et nationalt center for digital suverænitet og innovation  </a:t>
            </a:r>
            <a:endParaRPr lang="da-DK" sz="1100" b="1" noProof="0" dirty="0">
              <a:solidFill>
                <a:schemeClr val="accent3"/>
              </a:solidFill>
            </a:endParaRPr>
          </a:p>
          <a:p>
            <a:endParaRPr lang="da-DK" sz="1100" b="1" i="1" noProof="0" dirty="0">
              <a:solidFill>
                <a:schemeClr val="accent3"/>
              </a:solidFill>
            </a:endParaRPr>
          </a:p>
          <a:p>
            <a:r>
              <a:rPr lang="da-DK" sz="1100" b="1" i="1" noProof="0" dirty="0">
                <a:solidFill>
                  <a:schemeClr val="accent3"/>
                </a:solidFill>
              </a:rPr>
              <a:t>Skab en fælles og central drivkraft for accelereret udvikling og implementering af digitale alternativer.</a:t>
            </a:r>
            <a:br>
              <a:rPr lang="da-DK" sz="1100" b="1" i="1" noProof="0" dirty="0">
                <a:solidFill>
                  <a:schemeClr val="accent3"/>
                </a:solidFill>
              </a:rPr>
            </a:br>
            <a:endParaRPr lang="da-DK" sz="1100" b="1" i="1" noProof="0" dirty="0">
              <a:solidFill>
                <a:schemeClr val="accent3"/>
              </a:solidFill>
              <a:highlight>
                <a:srgbClr val="FFFF00"/>
              </a:highlight>
            </a:endParaRPr>
          </a:p>
        </p:txBody>
      </p:sp>
      <p:sp>
        <p:nvSpPr>
          <p:cNvPr id="109" name="TextBox 108">
            <a:extLst>
              <a:ext uri="{FF2B5EF4-FFF2-40B4-BE49-F238E27FC236}">
                <a16:creationId xmlns:a16="http://schemas.microsoft.com/office/drawing/2014/main" id="{9F806CC9-1922-3308-E385-40A0FD4E41FC}"/>
              </a:ext>
            </a:extLst>
          </p:cNvPr>
          <p:cNvSpPr txBox="1"/>
          <p:nvPr/>
        </p:nvSpPr>
        <p:spPr>
          <a:xfrm>
            <a:off x="4259767" y="4403845"/>
            <a:ext cx="4904768" cy="1961865"/>
          </a:xfrm>
          <a:prstGeom prst="rect">
            <a:avLst/>
          </a:prstGeom>
          <a:noFill/>
        </p:spPr>
        <p:txBody>
          <a:bodyPr wrap="square" lIns="108000" tIns="72000" rIns="72000" rtlCol="0" anchor="t">
            <a:noAutofit/>
          </a:bodyPr>
          <a:lstStyle/>
          <a:p>
            <a:pPr fontAlgn="t">
              <a:lnSpc>
                <a:spcPts val="1500"/>
              </a:lnSpc>
            </a:pPr>
            <a:r>
              <a:rPr lang="da-DK" sz="1100" noProof="0" dirty="0">
                <a:solidFill>
                  <a:schemeClr val="accent3"/>
                </a:solidFill>
              </a:rPr>
              <a:t>Et nationalt center kan sætte retning og skabe rammer for strategiske alliancer, indkøbspuljer og </a:t>
            </a:r>
            <a:r>
              <a:rPr lang="da-DK" sz="1100" noProof="0" dirty="0" err="1">
                <a:solidFill>
                  <a:schemeClr val="accent3"/>
                </a:solidFill>
              </a:rPr>
              <a:t>kravstillelse</a:t>
            </a:r>
            <a:r>
              <a:rPr lang="da-DK" sz="1100" noProof="0" dirty="0">
                <a:solidFill>
                  <a:schemeClr val="accent3"/>
                </a:solidFill>
              </a:rPr>
              <a:t>. Investeringspuljer kan have en virkning som isoleret forslag, men vil have større effekt i kombination med strategiske tiltag og fælles samarbejdsmodeller. Centret kan etableres som en taskforce drevet af offentlige aktører (fx som taskforcen for AI) med fokus på at understøtte udviklingen mod digital suverænitet – uden selv at bygge løsninger. Alternativt kan det oprettes som et offentlig-privat selskab eller partnerskab, der understøtter udviklingen af konkrete digitale alternativer.</a:t>
            </a:r>
            <a:br>
              <a:rPr lang="da-DK" sz="1100" noProof="0" dirty="0">
                <a:solidFill>
                  <a:schemeClr val="accent3"/>
                </a:solidFill>
              </a:rPr>
            </a:br>
            <a:endParaRPr lang="da-DK" sz="1100" noProof="0" dirty="0">
              <a:solidFill>
                <a:schemeClr val="accent3"/>
              </a:solidFill>
            </a:endParaRPr>
          </a:p>
          <a:p>
            <a:pPr marL="171450" indent="-171450" fontAlgn="t">
              <a:lnSpc>
                <a:spcPts val="1500"/>
              </a:lnSpc>
              <a:buFont typeface="Arial" panose="020B0604020202020204" pitchFamily="34" charset="0"/>
              <a:buChar char="•"/>
            </a:pPr>
            <a:endParaRPr lang="da-DK" sz="1100" noProof="0" dirty="0">
              <a:solidFill>
                <a:schemeClr val="accent3"/>
              </a:solidFill>
            </a:endParaRPr>
          </a:p>
        </p:txBody>
      </p:sp>
      <p:sp>
        <p:nvSpPr>
          <p:cNvPr id="110" name="TextBox 109">
            <a:extLst>
              <a:ext uri="{FF2B5EF4-FFF2-40B4-BE49-F238E27FC236}">
                <a16:creationId xmlns:a16="http://schemas.microsoft.com/office/drawing/2014/main" id="{6545D76B-D095-C0BB-A145-D77F322EB130}"/>
              </a:ext>
            </a:extLst>
          </p:cNvPr>
          <p:cNvSpPr txBox="1"/>
          <p:nvPr/>
        </p:nvSpPr>
        <p:spPr>
          <a:xfrm>
            <a:off x="9264180" y="4402788"/>
            <a:ext cx="2243878" cy="1802352"/>
          </a:xfrm>
          <a:prstGeom prst="rect">
            <a:avLst/>
          </a:prstGeom>
          <a:noFill/>
        </p:spPr>
        <p:txBody>
          <a:bodyPr wrap="square" lIns="108000" tIns="72000" rIns="72000" rtlCol="0" anchor="t">
            <a:noAutofit/>
          </a:bodyPr>
          <a:lstStyle/>
          <a:p>
            <a:pPr fontAlgn="t">
              <a:lnSpc>
                <a:spcPts val="1500"/>
              </a:lnSpc>
            </a:pPr>
            <a:r>
              <a:rPr lang="da-DK" sz="1100" noProof="0" dirty="0">
                <a:solidFill>
                  <a:schemeClr val="accent3"/>
                </a:solidFill>
              </a:rPr>
              <a:t>Faciliterer samarbejde og (med)udvikling af sikre digitale teknologier, som styrker innovation og kompetenceopbygning, og accelererer implementering af suveræne løsninger i den offentlige sektor.</a:t>
            </a:r>
          </a:p>
          <a:p>
            <a:pPr fontAlgn="t">
              <a:lnSpc>
                <a:spcPts val="1500"/>
              </a:lnSpc>
            </a:pPr>
            <a:endParaRPr lang="da-DK" sz="1100" noProof="0" dirty="0">
              <a:solidFill>
                <a:schemeClr val="accent3"/>
              </a:solidFill>
              <a:latin typeface="Segoe UI" panose="020B0502040204020203" pitchFamily="34" charset="0"/>
            </a:endParaRPr>
          </a:p>
        </p:txBody>
      </p:sp>
      <p:pic>
        <p:nvPicPr>
          <p:cNvPr id="4" name="Graphic 3">
            <a:extLst>
              <a:ext uri="{FF2B5EF4-FFF2-40B4-BE49-F238E27FC236}">
                <a16:creationId xmlns:a16="http://schemas.microsoft.com/office/drawing/2014/main" id="{750BEBD1-8967-A078-6CA5-C3D623880DC9}"/>
              </a:ext>
              <a:ext uri="{C183D7F6-B498-43B3-948B-1728B52AA6E4}">
                <adec:decorative xmlns:adec="http://schemas.microsoft.com/office/drawing/2017/decorative" val="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27088" y="4333232"/>
            <a:ext cx="727762" cy="727762"/>
          </a:xfrm>
          <a:prstGeom prst="rect">
            <a:avLst/>
          </a:prstGeom>
        </p:spPr>
      </p:pic>
      <p:pic>
        <p:nvPicPr>
          <p:cNvPr id="6" name="Graphic 5">
            <a:extLst>
              <a:ext uri="{FF2B5EF4-FFF2-40B4-BE49-F238E27FC236}">
                <a16:creationId xmlns:a16="http://schemas.microsoft.com/office/drawing/2014/main" id="{C6FA4BE2-78FC-E26C-52E4-07D12035C827}"/>
              </a:ext>
              <a:ext uri="{C183D7F6-B498-43B3-948B-1728B52AA6E4}">
                <adec:decorative xmlns:adec="http://schemas.microsoft.com/office/drawing/2017/decorative" val="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84673" y="2499919"/>
            <a:ext cx="612592" cy="612592"/>
          </a:xfrm>
          <a:prstGeom prst="rect">
            <a:avLst/>
          </a:prstGeom>
        </p:spPr>
      </p:pic>
    </p:spTree>
    <p:extLst>
      <p:ext uri="{BB962C8B-B14F-4D97-AF65-F5344CB8AC3E}">
        <p14:creationId xmlns:p14="http://schemas.microsoft.com/office/powerpoint/2010/main" val="3759908978"/>
      </p:ext>
    </p:extLst>
  </p:cSld>
  <p:clrMapOvr>
    <a:masterClrMapping/>
  </p:clrMapOvr>
  <p:transition>
    <p:fade/>
  </p:transition>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4401087-258C-DBAA-C688-F8AE195A4BB6}"/>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CA181F72-B0D4-DBD9-D5D8-5B862A3E186C}"/>
              </a:ext>
            </a:extLst>
          </p:cNvPr>
          <p:cNvSpPr>
            <a:spLocks noGrp="1"/>
          </p:cNvSpPr>
          <p:nvPr>
            <p:ph type="title" idx="4294967295"/>
          </p:nvPr>
        </p:nvSpPr>
        <p:spPr>
          <a:xfrm>
            <a:off x="558800" y="958850"/>
            <a:ext cx="3487738" cy="2398713"/>
          </a:xfrm>
          <a:prstGeom prst="rect">
            <a:avLst/>
          </a:prstGeom>
          <a:noFill/>
          <a:ln>
            <a:noFill/>
            <a:prstDash/>
          </a:ln>
          <a:effectLst/>
        </p:spPr>
        <p:txBody>
          <a:bodyPr rot="0" spcFirstLastPara="0" vertOverflow="overflow" horzOverflow="overflow" vert="horz" wrap="square" lIns="0" tIns="0" rIns="0" bIns="0" numCol="1" spcCol="0" rtlCol="0" fromWordArt="0" anchor="b" anchorCtr="0" forceAA="0" compatLnSpc="1">
            <a:prstTxWarp prst="textNoShape">
              <a:avLst/>
            </a:prstTxWarp>
            <a:noAutofit/>
          </a:bodyPr>
          <a:lstStyle/>
          <a:p>
            <a:pPr marL="0" marR="0" lvl="0" indent="0" algn="l" defTabSz="203892"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da-DK" sz="4800" b="0" i="0" u="none" strike="noStrike" kern="1200" cap="none" spc="0" normalizeH="0" baseline="0" noProof="0" dirty="0">
                <a:ln>
                  <a:noFill/>
                </a:ln>
                <a:solidFill>
                  <a:schemeClr val="accent4"/>
                </a:solidFill>
                <a:effectLst/>
                <a:uLnTx/>
                <a:uFillTx/>
                <a:latin typeface="+mj-lt"/>
                <a:ea typeface="+mn-ea"/>
                <a:cs typeface="+mn-cs"/>
              </a:rPr>
              <a:t>Bilag </a:t>
            </a:r>
          </a:p>
        </p:txBody>
      </p:sp>
      <p:sp>
        <p:nvSpPr>
          <p:cNvPr id="4" name="Text Placeholder 3">
            <a:extLst>
              <a:ext uri="{FF2B5EF4-FFF2-40B4-BE49-F238E27FC236}">
                <a16:creationId xmlns:a16="http://schemas.microsoft.com/office/drawing/2014/main" id="{37E9F72F-BAF2-4DAE-F221-74DDD755946A}"/>
              </a:ext>
            </a:extLst>
          </p:cNvPr>
          <p:cNvSpPr>
            <a:spLocks noGrp="1"/>
          </p:cNvSpPr>
          <p:nvPr>
            <p:ph type="body" sz="quarter" idx="13"/>
          </p:nvPr>
        </p:nvSpPr>
        <p:spPr/>
        <p:txBody>
          <a:bodyPr/>
          <a:lstStyle/>
          <a:p>
            <a:r>
              <a:rPr lang="da-DK" sz="2200" noProof="0" dirty="0"/>
              <a:t>Analysens metode og datagrundlag</a:t>
            </a:r>
          </a:p>
        </p:txBody>
      </p:sp>
      <p:sp>
        <p:nvSpPr>
          <p:cNvPr id="6" name="Diagonal Stripe 5">
            <a:extLst>
              <a:ext uri="{FF2B5EF4-FFF2-40B4-BE49-F238E27FC236}">
                <a16:creationId xmlns:a16="http://schemas.microsoft.com/office/drawing/2014/main" id="{CD4B26E7-9E7F-875F-DDE8-D2BF3C297FDD}"/>
              </a:ext>
              <a:ext uri="{C183D7F6-B498-43B3-948B-1728B52AA6E4}">
                <adec:decorative xmlns:adec="http://schemas.microsoft.com/office/drawing/2017/decorative" val="1"/>
              </a:ext>
            </a:extLst>
          </p:cNvPr>
          <p:cNvSpPr/>
          <p:nvPr/>
        </p:nvSpPr>
        <p:spPr>
          <a:xfrm flipH="1">
            <a:off x="9735754" y="0"/>
            <a:ext cx="2459421" cy="1240221"/>
          </a:xfrm>
          <a:prstGeom prst="diagStripe">
            <a:avLst>
              <a:gd name="adj" fmla="val 55085"/>
            </a:avLst>
          </a:prstGeom>
          <a:solidFill>
            <a:srgbClr val="FFE18E"/>
          </a:solidFill>
          <a:ln>
            <a:solidFill>
              <a:srgbClr val="FFC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200" b="1" noProof="0">
                <a:solidFill>
                  <a:schemeClr val="tx1"/>
                </a:solidFill>
              </a:rPr>
              <a:t>UDKAST</a:t>
            </a:r>
          </a:p>
        </p:txBody>
      </p:sp>
      <p:pic>
        <p:nvPicPr>
          <p:cNvPr id="11" name="Picture Placeholder 10">
            <a:extLst>
              <a:ext uri="{FF2B5EF4-FFF2-40B4-BE49-F238E27FC236}">
                <a16:creationId xmlns:a16="http://schemas.microsoft.com/office/drawing/2014/main" id="{4674B0CC-68E8-C485-AD1E-D79E58D9AD93}"/>
              </a:ext>
              <a:ext uri="{C183D7F6-B498-43B3-948B-1728B52AA6E4}">
                <adec:decorative xmlns:adec="http://schemas.microsoft.com/office/drawing/2017/decorative" val="1"/>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11469" r="11469"/>
          <a:stretch>
            <a:fillRect/>
          </a:stretch>
        </p:blipFill>
        <p:spPr/>
      </p:pic>
      <p:sp>
        <p:nvSpPr>
          <p:cNvPr id="2" name="TextBox 1">
            <a:extLst>
              <a:ext uri="{FF2B5EF4-FFF2-40B4-BE49-F238E27FC236}">
                <a16:creationId xmlns:a16="http://schemas.microsoft.com/office/drawing/2014/main" id="{A27C98AA-C9BD-C154-B687-BB71514718F6}"/>
              </a:ext>
            </a:extLst>
          </p:cNvPr>
          <p:cNvSpPr txBox="1"/>
          <p:nvPr/>
        </p:nvSpPr>
        <p:spPr>
          <a:xfrm>
            <a:off x="502566" y="4812720"/>
            <a:ext cx="2446256" cy="853125"/>
          </a:xfrm>
          <a:prstGeom prst="rect">
            <a:avLst/>
          </a:prstGeom>
          <a:noFill/>
        </p:spPr>
        <p:txBody>
          <a:bodyPr wrap="square" rtlCol="0">
            <a:noAutofit/>
          </a:bodyPr>
          <a:lstStyle/>
          <a:p>
            <a:r>
              <a:rPr lang="da-DK" sz="1100" noProof="1">
                <a:solidFill>
                  <a:schemeClr val="bg1"/>
                </a:solidFill>
              </a:rPr>
              <a:t>Dividerslide, som indikerer at vi går hen til bilag: analysens metode og datagrundlag</a:t>
            </a:r>
          </a:p>
        </p:txBody>
      </p:sp>
    </p:spTree>
    <p:extLst>
      <p:ext uri="{BB962C8B-B14F-4D97-AF65-F5344CB8AC3E}">
        <p14:creationId xmlns:p14="http://schemas.microsoft.com/office/powerpoint/2010/main" val="3702596051"/>
      </p:ext>
    </p:extLst>
  </p:cSld>
  <p:clrMapOvr>
    <a:masterClrMapping/>
  </p:clrMapOvr>
  <p:transition>
    <p:fade/>
  </p:transition>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DF4BC7-5029-DA41-4FC9-D846C60BB5B7}"/>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DE637E98-2379-E188-D4BA-1DA7764D6C7E}"/>
              </a:ext>
            </a:extLst>
          </p:cNvPr>
          <p:cNvSpPr>
            <a:spLocks noGrp="1"/>
          </p:cNvSpPr>
          <p:nvPr>
            <p:ph type="title"/>
          </p:nvPr>
        </p:nvSpPr>
        <p:spPr/>
        <p:txBody>
          <a:bodyPr/>
          <a:lstStyle/>
          <a:p>
            <a:r>
              <a:rPr lang="da-DK" sz="2200" noProof="0" dirty="0" err="1"/>
              <a:t>PA’s</a:t>
            </a:r>
            <a:r>
              <a:rPr lang="da-DK" sz="2200" noProof="0" dirty="0"/>
              <a:t> fremgangsmåde i analysen </a:t>
            </a:r>
          </a:p>
        </p:txBody>
      </p:sp>
      <p:sp>
        <p:nvSpPr>
          <p:cNvPr id="51" name="TextBox 50">
            <a:extLst>
              <a:ext uri="{FF2B5EF4-FFF2-40B4-BE49-F238E27FC236}">
                <a16:creationId xmlns:a16="http://schemas.microsoft.com/office/drawing/2014/main" id="{DCFAC098-3EE5-0520-39F5-99FE700F7026}"/>
              </a:ext>
            </a:extLst>
          </p:cNvPr>
          <p:cNvSpPr txBox="1"/>
          <p:nvPr/>
        </p:nvSpPr>
        <p:spPr>
          <a:xfrm>
            <a:off x="554354" y="1547581"/>
            <a:ext cx="11118721" cy="646331"/>
          </a:xfrm>
          <a:prstGeom prst="rect">
            <a:avLst/>
          </a:prstGeom>
          <a:noFill/>
        </p:spPr>
        <p:txBody>
          <a:bodyPr wrap="square" lIns="0" rIns="0">
            <a:spAutoFit/>
          </a:bodyPr>
          <a:lstStyle/>
          <a:p>
            <a:r>
              <a:rPr lang="da-DK" sz="1200" b="1" noProof="0">
                <a:solidFill>
                  <a:schemeClr val="accent3"/>
                </a:solidFill>
              </a:rPr>
              <a:t>Analyseprocessen har overordnet været tilrettelagt som et iterativt forløb, hvor der er arbejdet i parallel på analysens tre hovedleverancer og med løbende inddragelse af analysens styregruppe samt projektgruppe bestående af forskellige kompetencer fra parterne i FODS-samarbejdet. </a:t>
            </a:r>
          </a:p>
          <a:p>
            <a:endParaRPr lang="da-DK" sz="1200" b="1" noProof="0">
              <a:solidFill>
                <a:schemeClr val="accent3"/>
              </a:solidFill>
            </a:endParaRPr>
          </a:p>
        </p:txBody>
      </p:sp>
      <p:sp>
        <p:nvSpPr>
          <p:cNvPr id="5" name="Rectangle: Rounded Corners 4">
            <a:extLst>
              <a:ext uri="{FF2B5EF4-FFF2-40B4-BE49-F238E27FC236}">
                <a16:creationId xmlns:a16="http://schemas.microsoft.com/office/drawing/2014/main" id="{3FDF9738-9898-2F63-579D-565B7DC12166}"/>
              </a:ext>
              <a:ext uri="{C183D7F6-B498-43B3-948B-1728B52AA6E4}">
                <adec:decorative xmlns:adec="http://schemas.microsoft.com/office/drawing/2017/decorative" val="1"/>
              </a:ext>
            </a:extLst>
          </p:cNvPr>
          <p:cNvSpPr/>
          <p:nvPr/>
        </p:nvSpPr>
        <p:spPr>
          <a:xfrm>
            <a:off x="537851" y="2245246"/>
            <a:ext cx="10958823" cy="4101579"/>
          </a:xfrm>
          <a:prstGeom prst="roundRect">
            <a:avLst>
              <a:gd name="adj" fmla="val 2522"/>
            </a:avLst>
          </a:prstGeom>
          <a:noFill/>
          <a:ln w="9525" cap="flat" cmpd="sng" algn="ctr">
            <a:solidFill>
              <a:schemeClr val="accent3"/>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rgbClr val="A2B3C9"/>
              </a:solidFill>
            </a:endParaRPr>
          </a:p>
        </p:txBody>
      </p:sp>
      <p:sp>
        <p:nvSpPr>
          <p:cNvPr id="24" name="Content Placeholder 5">
            <a:extLst>
              <a:ext uri="{FF2B5EF4-FFF2-40B4-BE49-F238E27FC236}">
                <a16:creationId xmlns:a16="http://schemas.microsoft.com/office/drawing/2014/main" id="{38968858-7CE5-93B5-17D5-F2E75827AE05}"/>
              </a:ext>
            </a:extLst>
          </p:cNvPr>
          <p:cNvSpPr txBox="1">
            <a:spLocks/>
          </p:cNvSpPr>
          <p:nvPr/>
        </p:nvSpPr>
        <p:spPr>
          <a:xfrm>
            <a:off x="623068" y="2323923"/>
            <a:ext cx="813600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200" noProof="0" dirty="0">
                <a:solidFill>
                  <a:schemeClr val="accent3"/>
                </a:solidFill>
              </a:rPr>
              <a:t>Der er arbejdet iterativt med analysens leverancer inden for den overordnede projektplan</a:t>
            </a:r>
          </a:p>
        </p:txBody>
      </p:sp>
      <p:pic>
        <p:nvPicPr>
          <p:cNvPr id="14" name="Picture 13" descr="Tidsplan for projektet med start i oktober og færdiggørelse i slut-december / start-januar">
            <a:extLst>
              <a:ext uri="{FF2B5EF4-FFF2-40B4-BE49-F238E27FC236}">
                <a16:creationId xmlns:a16="http://schemas.microsoft.com/office/drawing/2014/main" id="{1373246F-3B69-C0D8-D552-96DF8AF1A2B8}"/>
              </a:ext>
            </a:extLst>
          </p:cNvPr>
          <p:cNvPicPr>
            <a:picLocks noChangeAspect="1"/>
          </p:cNvPicPr>
          <p:nvPr/>
        </p:nvPicPr>
        <p:blipFill>
          <a:blip r:embed="rId3"/>
          <a:stretch>
            <a:fillRect/>
          </a:stretch>
        </p:blipFill>
        <p:spPr>
          <a:xfrm>
            <a:off x="1450976" y="2609947"/>
            <a:ext cx="9330557" cy="3642988"/>
          </a:xfrm>
          <a:prstGeom prst="rect">
            <a:avLst/>
          </a:prstGeom>
        </p:spPr>
      </p:pic>
    </p:spTree>
    <p:extLst>
      <p:ext uri="{BB962C8B-B14F-4D97-AF65-F5344CB8AC3E}">
        <p14:creationId xmlns:p14="http://schemas.microsoft.com/office/powerpoint/2010/main" val="1115962269"/>
      </p:ext>
    </p:extLst>
  </p:cSld>
  <p:clrMapOvr>
    <a:masterClrMapping/>
  </p:clrMapOvr>
  <p:transition>
    <p:fade/>
  </p:transition>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149D325-1AD3-EB6C-EE64-590B0ACEEDD0}"/>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0F393EC3-5FE8-1395-0A09-0D8336354CD3}"/>
              </a:ext>
            </a:extLst>
          </p:cNvPr>
          <p:cNvSpPr>
            <a:spLocks noGrp="1"/>
          </p:cNvSpPr>
          <p:nvPr>
            <p:ph type="title"/>
          </p:nvPr>
        </p:nvSpPr>
        <p:spPr/>
        <p:txBody>
          <a:bodyPr/>
          <a:lstStyle/>
          <a:p>
            <a:r>
              <a:rPr lang="da-DK" sz="2200" noProof="0" dirty="0"/>
              <a:t>Datagrundlag og fremgangsmåde ift. udarbejdelse af cases</a:t>
            </a:r>
          </a:p>
        </p:txBody>
      </p:sp>
      <p:sp>
        <p:nvSpPr>
          <p:cNvPr id="51" name="TextBox 50">
            <a:extLst>
              <a:ext uri="{FF2B5EF4-FFF2-40B4-BE49-F238E27FC236}">
                <a16:creationId xmlns:a16="http://schemas.microsoft.com/office/drawing/2014/main" id="{E97BB56F-07E3-4F19-F9BC-E2A40DD05693}"/>
              </a:ext>
            </a:extLst>
          </p:cNvPr>
          <p:cNvSpPr txBox="1"/>
          <p:nvPr/>
        </p:nvSpPr>
        <p:spPr>
          <a:xfrm>
            <a:off x="554354" y="1547581"/>
            <a:ext cx="11118721" cy="1054135"/>
          </a:xfrm>
          <a:prstGeom prst="rect">
            <a:avLst/>
          </a:prstGeom>
          <a:noFill/>
        </p:spPr>
        <p:txBody>
          <a:bodyPr wrap="square" lIns="0" rIns="0">
            <a:spAutoFit/>
          </a:bodyPr>
          <a:lstStyle/>
          <a:p>
            <a:pPr>
              <a:spcAft>
                <a:spcPts val="300"/>
              </a:spcAft>
            </a:pPr>
            <a:r>
              <a:rPr lang="da-DK" sz="1200" b="1" noProof="0" dirty="0">
                <a:solidFill>
                  <a:schemeClr val="accent3"/>
                </a:solidFill>
              </a:rPr>
              <a:t>Der er ifm. analysearbejdet udvalgt og beskrevet i alt 15 cases mhp. at hente inspiration og erfaringer om digital suverænitet fra danske og udenlandske myndigheder. Der indgår seks cases fra danske myndigheder, herunder cases fra OS2 og KOMBIT, som medtages i denne kategori*. Der indgår seks cases fra udenlandske myndigheder – herunder to fælleseuropæiske. Der indgår to cases fra den finansielle sektor.</a:t>
            </a:r>
          </a:p>
          <a:p>
            <a:endParaRPr lang="da-DK" sz="1200" b="1" noProof="0" dirty="0">
              <a:solidFill>
                <a:schemeClr val="accent3"/>
              </a:solidFill>
            </a:endParaRPr>
          </a:p>
          <a:p>
            <a:endParaRPr lang="da-DK" sz="1200" b="1" noProof="0" dirty="0">
              <a:solidFill>
                <a:schemeClr val="accent3"/>
              </a:solidFill>
            </a:endParaRPr>
          </a:p>
        </p:txBody>
      </p:sp>
      <p:sp>
        <p:nvSpPr>
          <p:cNvPr id="5" name="Rectangle: Rounded Corners 4">
            <a:extLst>
              <a:ext uri="{FF2B5EF4-FFF2-40B4-BE49-F238E27FC236}">
                <a16:creationId xmlns:a16="http://schemas.microsoft.com/office/drawing/2014/main" id="{3BB45CA6-46B4-9E23-E3A3-6C149FC765E0}"/>
              </a:ext>
              <a:ext uri="{C183D7F6-B498-43B3-948B-1728B52AA6E4}">
                <adec:decorative xmlns:adec="http://schemas.microsoft.com/office/drawing/2017/decorative" val="1"/>
              </a:ext>
            </a:extLst>
          </p:cNvPr>
          <p:cNvSpPr/>
          <p:nvPr/>
        </p:nvSpPr>
        <p:spPr>
          <a:xfrm>
            <a:off x="537851" y="2245246"/>
            <a:ext cx="10958823" cy="4101579"/>
          </a:xfrm>
          <a:prstGeom prst="roundRect">
            <a:avLst>
              <a:gd name="adj" fmla="val 2522"/>
            </a:avLst>
          </a:prstGeom>
          <a:noFill/>
          <a:ln w="9525" cap="flat" cmpd="sng" algn="ctr">
            <a:solidFill>
              <a:schemeClr val="accent3"/>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solidFill>
                <a:schemeClr val="accent3"/>
              </a:solidFill>
            </a:endParaRPr>
          </a:p>
        </p:txBody>
      </p:sp>
      <p:sp>
        <p:nvSpPr>
          <p:cNvPr id="24" name="Content Placeholder 5">
            <a:extLst>
              <a:ext uri="{FF2B5EF4-FFF2-40B4-BE49-F238E27FC236}">
                <a16:creationId xmlns:a16="http://schemas.microsoft.com/office/drawing/2014/main" id="{954B355F-EA9F-E290-9B05-F5C4B8348F25}"/>
              </a:ext>
            </a:extLst>
          </p:cNvPr>
          <p:cNvSpPr txBox="1">
            <a:spLocks/>
          </p:cNvSpPr>
          <p:nvPr/>
        </p:nvSpPr>
        <p:spPr>
          <a:xfrm>
            <a:off x="623068" y="2323923"/>
            <a:ext cx="813600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200" noProof="0" dirty="0">
                <a:solidFill>
                  <a:schemeClr val="tx1"/>
                </a:solidFill>
              </a:rPr>
              <a:t>Fremgangsmåde og datagrundlag for udarbejdelse af cases</a:t>
            </a:r>
          </a:p>
        </p:txBody>
      </p:sp>
      <p:sp>
        <p:nvSpPr>
          <p:cNvPr id="33" name="Content Placeholder 5">
            <a:extLst>
              <a:ext uri="{FF2B5EF4-FFF2-40B4-BE49-F238E27FC236}">
                <a16:creationId xmlns:a16="http://schemas.microsoft.com/office/drawing/2014/main" id="{B57D677B-D6CC-3E95-2F82-C3623168DCB0}"/>
              </a:ext>
              <a:ext uri="{C183D7F6-B498-43B3-948B-1728B52AA6E4}">
                <adec:decorative xmlns:adec="http://schemas.microsoft.com/office/drawing/2017/decorative" val="1"/>
              </a:ext>
            </a:extLst>
          </p:cNvPr>
          <p:cNvSpPr txBox="1">
            <a:spLocks/>
          </p:cNvSpPr>
          <p:nvPr/>
        </p:nvSpPr>
        <p:spPr>
          <a:xfrm>
            <a:off x="594493" y="2600148"/>
            <a:ext cx="8136000" cy="234690"/>
          </a:xfrm>
          <a:prstGeom prst="rect">
            <a:avLst/>
          </a:prstGeom>
        </p:spPr>
        <p:txBody>
          <a:bodyPr vert="horz" lIns="0" tIns="0" rIns="0" bIns="0" rtlCol="0" anchor="ctr">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endParaRPr lang="da-DK" sz="1200" noProof="0">
              <a:solidFill>
                <a:schemeClr val="tx1"/>
              </a:solidFill>
            </a:endParaRPr>
          </a:p>
        </p:txBody>
      </p:sp>
      <p:cxnSp>
        <p:nvCxnSpPr>
          <p:cNvPr id="6" name="Straight Connector 5">
            <a:extLst>
              <a:ext uri="{FF2B5EF4-FFF2-40B4-BE49-F238E27FC236}">
                <a16:creationId xmlns:a16="http://schemas.microsoft.com/office/drawing/2014/main" id="{ABEB7104-9D15-F3AA-0D03-5BBBE12D4936}"/>
              </a:ext>
              <a:ext uri="{C183D7F6-B498-43B3-948B-1728B52AA6E4}">
                <adec:decorative xmlns:adec="http://schemas.microsoft.com/office/drawing/2017/decorative" val="1"/>
              </a:ext>
            </a:extLst>
          </p:cNvPr>
          <p:cNvCxnSpPr>
            <a:cxnSpLocks/>
          </p:cNvCxnSpPr>
          <p:nvPr/>
        </p:nvCxnSpPr>
        <p:spPr>
          <a:xfrm>
            <a:off x="670033" y="5522926"/>
            <a:ext cx="10655192" cy="0"/>
          </a:xfrm>
          <a:prstGeom prst="line">
            <a:avLst/>
          </a:prstGeom>
          <a:ln w="6350" cap="flat" cmpd="sng" algn="ctr">
            <a:solidFill>
              <a:srgbClr val="024D78"/>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Content Placeholder 5">
            <a:extLst>
              <a:ext uri="{FF2B5EF4-FFF2-40B4-BE49-F238E27FC236}">
                <a16:creationId xmlns:a16="http://schemas.microsoft.com/office/drawing/2014/main" id="{81B1528D-0510-31CA-19B6-97107ADBB083}"/>
              </a:ext>
            </a:extLst>
          </p:cNvPr>
          <p:cNvSpPr txBox="1">
            <a:spLocks/>
          </p:cNvSpPr>
          <p:nvPr/>
        </p:nvSpPr>
        <p:spPr>
          <a:xfrm>
            <a:off x="670033" y="2642387"/>
            <a:ext cx="1008000" cy="50400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000" noProof="0" dirty="0">
                <a:solidFill>
                  <a:schemeClr val="tx1"/>
                </a:solidFill>
              </a:rPr>
              <a:t>Udvælgelse af cases</a:t>
            </a:r>
          </a:p>
        </p:txBody>
      </p:sp>
      <p:sp>
        <p:nvSpPr>
          <p:cNvPr id="15" name="Content Placeholder 5">
            <a:extLst>
              <a:ext uri="{FF2B5EF4-FFF2-40B4-BE49-F238E27FC236}">
                <a16:creationId xmlns:a16="http://schemas.microsoft.com/office/drawing/2014/main" id="{2800D031-15B3-822F-14BE-F3382DBCB6D5}"/>
              </a:ext>
            </a:extLst>
          </p:cNvPr>
          <p:cNvSpPr txBox="1">
            <a:spLocks/>
          </p:cNvSpPr>
          <p:nvPr/>
        </p:nvSpPr>
        <p:spPr>
          <a:xfrm>
            <a:off x="1774452" y="2642387"/>
            <a:ext cx="9617448" cy="50400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a:spcAft>
                <a:spcPts val="200"/>
              </a:spcAft>
              <a:buFont typeface="Arial" panose="020B0604020202020204" pitchFamily="34" charset="0"/>
              <a:buChar char="•"/>
            </a:pPr>
            <a:r>
              <a:rPr lang="da-DK" sz="1000" b="0" noProof="0" dirty="0">
                <a:solidFill>
                  <a:schemeClr val="tx1"/>
                </a:solidFill>
              </a:rPr>
              <a:t>Det har været et krav, at der skulle vælges tre typer af cases – cases fra offentlige myndigheder i Danmark, cases fra offentlige myndigheder i udlandet og få cases fra det private erhvervsliv. Det har ikke på forhånd været fastlagt, hvor mange cases der i alt skulle indgå i arbejdet, ligesom der ikke på forhånd har været fastlagt en fordeling af cases mellem de tre typer.</a:t>
            </a:r>
          </a:p>
          <a:p>
            <a:pPr marL="171450" indent="-171450">
              <a:spcAft>
                <a:spcPts val="200"/>
              </a:spcAft>
              <a:buFont typeface="Arial" panose="020B0604020202020204" pitchFamily="34" charset="0"/>
              <a:buChar char="•"/>
            </a:pPr>
            <a:r>
              <a:rPr lang="da-DK" sz="1000" b="0" noProof="0" dirty="0">
                <a:solidFill>
                  <a:schemeClr val="tx1"/>
                </a:solidFill>
              </a:rPr>
              <a:t>Cases er identificeret gennem en proces, hvor PA har foretaget en indledende identifikation af mulige cases med afsæt i drøftelser med analysens styregruppe om, hvilke temaer og problemstillinger det har været mest relevant at få belyst. Denne indledende bruttoliste er suppleret gennem yderligere dialog med styregruppen samt med den etablerede projektgruppe. På den baggrund har PA udarbejdet et samlet motiveret oplæg, hvorefter cases er udvalgt. </a:t>
            </a:r>
          </a:p>
        </p:txBody>
      </p:sp>
      <p:sp>
        <p:nvSpPr>
          <p:cNvPr id="7" name="Content Placeholder 5">
            <a:extLst>
              <a:ext uri="{FF2B5EF4-FFF2-40B4-BE49-F238E27FC236}">
                <a16:creationId xmlns:a16="http://schemas.microsoft.com/office/drawing/2014/main" id="{6AEBE177-B550-C09A-081D-6DD2AA48B7BB}"/>
              </a:ext>
            </a:extLst>
          </p:cNvPr>
          <p:cNvSpPr txBox="1">
            <a:spLocks/>
          </p:cNvSpPr>
          <p:nvPr/>
        </p:nvSpPr>
        <p:spPr>
          <a:xfrm>
            <a:off x="670033" y="3795602"/>
            <a:ext cx="1008000" cy="50400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000" noProof="0" dirty="0">
                <a:solidFill>
                  <a:schemeClr val="tx1"/>
                </a:solidFill>
              </a:rPr>
              <a:t>Skriftligt materiale</a:t>
            </a:r>
          </a:p>
        </p:txBody>
      </p:sp>
      <p:sp>
        <p:nvSpPr>
          <p:cNvPr id="10" name="Content Placeholder 5">
            <a:extLst>
              <a:ext uri="{FF2B5EF4-FFF2-40B4-BE49-F238E27FC236}">
                <a16:creationId xmlns:a16="http://schemas.microsoft.com/office/drawing/2014/main" id="{6180FAFE-13BD-91F0-63CD-BDEF452BF5BE}"/>
              </a:ext>
            </a:extLst>
          </p:cNvPr>
          <p:cNvSpPr txBox="1">
            <a:spLocks/>
          </p:cNvSpPr>
          <p:nvPr/>
        </p:nvSpPr>
        <p:spPr>
          <a:xfrm>
            <a:off x="1774452" y="3795602"/>
            <a:ext cx="9617448" cy="50400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a:spcAft>
                <a:spcPts val="200"/>
              </a:spcAft>
              <a:buFont typeface="Arial" panose="020B0604020202020204" pitchFamily="34" charset="0"/>
              <a:buChar char="•"/>
            </a:pPr>
            <a:r>
              <a:rPr lang="da-DK" sz="1000" b="0" noProof="0">
                <a:solidFill>
                  <a:schemeClr val="tx1"/>
                </a:solidFill>
              </a:rPr>
              <a:t>Der er i forbindelse med alle cases anvendt offentligt tilgængeligt, skriftligt kildemateriale. Det drejer sig typisk om strategier, analyser, evalueringer, forskningsartikler samt oplysninger vedr. formål, historik, opgaver og organisering på case-organisationernes hjemmesider.</a:t>
            </a:r>
          </a:p>
          <a:p>
            <a:pPr marL="171450" indent="-171450">
              <a:spcAft>
                <a:spcPts val="200"/>
              </a:spcAft>
              <a:buFont typeface="Arial" panose="020B0604020202020204" pitchFamily="34" charset="0"/>
              <a:buChar char="•"/>
            </a:pPr>
            <a:r>
              <a:rPr lang="da-DK" sz="1000" b="0" noProof="0">
                <a:solidFill>
                  <a:schemeClr val="tx1"/>
                </a:solidFill>
              </a:rPr>
              <a:t>Det skriftlige materiale er anvendt ifm. identifikation og udvælgelse af cases, forberedelse af de gennemførte interviews samt ifm. udarbejdelse af case-beskrivelser.</a:t>
            </a:r>
          </a:p>
        </p:txBody>
      </p:sp>
      <p:sp>
        <p:nvSpPr>
          <p:cNvPr id="8" name="Content Placeholder 5">
            <a:extLst>
              <a:ext uri="{FF2B5EF4-FFF2-40B4-BE49-F238E27FC236}">
                <a16:creationId xmlns:a16="http://schemas.microsoft.com/office/drawing/2014/main" id="{2A6EB81B-F3B2-CD9E-F137-9FE47B207833}"/>
              </a:ext>
            </a:extLst>
          </p:cNvPr>
          <p:cNvSpPr txBox="1">
            <a:spLocks/>
          </p:cNvSpPr>
          <p:nvPr/>
        </p:nvSpPr>
        <p:spPr>
          <a:xfrm>
            <a:off x="670033" y="4464789"/>
            <a:ext cx="1008000" cy="50400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000" noProof="0">
                <a:solidFill>
                  <a:schemeClr val="tx1"/>
                </a:solidFill>
              </a:rPr>
              <a:t>Kvalitative interviews</a:t>
            </a:r>
          </a:p>
        </p:txBody>
      </p:sp>
      <p:sp>
        <p:nvSpPr>
          <p:cNvPr id="16" name="Content Placeholder 5">
            <a:extLst>
              <a:ext uri="{FF2B5EF4-FFF2-40B4-BE49-F238E27FC236}">
                <a16:creationId xmlns:a16="http://schemas.microsoft.com/office/drawing/2014/main" id="{1C4C6637-2A22-BBF1-577E-75CB0A191DF8}"/>
              </a:ext>
            </a:extLst>
          </p:cNvPr>
          <p:cNvSpPr txBox="1">
            <a:spLocks/>
          </p:cNvSpPr>
          <p:nvPr/>
        </p:nvSpPr>
        <p:spPr>
          <a:xfrm>
            <a:off x="1774452" y="4474314"/>
            <a:ext cx="9617448" cy="50400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a:spcAft>
                <a:spcPts val="200"/>
              </a:spcAft>
              <a:buFont typeface="Arial" panose="020B0604020202020204" pitchFamily="34" charset="0"/>
              <a:buChar char="•"/>
            </a:pPr>
            <a:r>
              <a:rPr lang="da-DK" sz="1000" b="0" noProof="0" dirty="0">
                <a:solidFill>
                  <a:schemeClr val="tx1"/>
                </a:solidFill>
              </a:rPr>
              <a:t>Det gælder for alle cases, at </a:t>
            </a:r>
            <a:r>
              <a:rPr lang="da-DK" sz="1000" b="0" noProof="0">
                <a:solidFill>
                  <a:schemeClr val="tx1"/>
                </a:solidFill>
              </a:rPr>
              <a:t>der som supplement til det skriftlige materiale gennemført et kvalitativt interview med en centralt placeret ressourceperson. Der har været anvendt en semistruktureret tilgang, hvor der i interviewet er taget afsæt i motivationen for udvælgelsen af den pågældende case. På den baggrund er der spurgt aktivt ind til </a:t>
            </a:r>
            <a:r>
              <a:rPr lang="da-DK" sz="1000" b="0" noProof="0" dirty="0" err="1">
                <a:solidFill>
                  <a:schemeClr val="tx1"/>
                </a:solidFill>
              </a:rPr>
              <a:t>læringer</a:t>
            </a:r>
            <a:r>
              <a:rPr lang="da-DK" sz="1000" b="0" noProof="0">
                <a:solidFill>
                  <a:schemeClr val="tx1"/>
                </a:solidFill>
              </a:rPr>
              <a:t> og erfaringer, samt hvad der har været særligt i kontekst for den konkrete case. Endelig er der spurgt mere åbent til øvrige forhold med relevans for erfaringsindsamlingen.</a:t>
            </a:r>
          </a:p>
          <a:p>
            <a:pPr marL="171450" indent="-171450">
              <a:spcAft>
                <a:spcPts val="200"/>
              </a:spcAft>
              <a:buFont typeface="Arial" panose="020B0604020202020204" pitchFamily="34" charset="0"/>
              <a:buChar char="•"/>
            </a:pPr>
            <a:r>
              <a:rPr lang="da-DK" sz="1000" b="0" noProof="0" dirty="0">
                <a:solidFill>
                  <a:schemeClr val="tx1"/>
                </a:solidFill>
              </a:rPr>
              <a:t>For tre cases har det ikke været muligt at gennemføre interviews med den ansvarlige myndighed, hvorfor der i stedet er foretaget interview med en central </a:t>
            </a:r>
            <a:r>
              <a:rPr lang="da-DK" sz="1000" b="0" noProof="0" dirty="0" err="1">
                <a:solidFill>
                  <a:schemeClr val="tx1"/>
                </a:solidFill>
              </a:rPr>
              <a:t>vidensperson</a:t>
            </a:r>
            <a:r>
              <a:rPr lang="da-DK" sz="1000" b="0" noProof="0" dirty="0">
                <a:solidFill>
                  <a:schemeClr val="tx1"/>
                </a:solidFill>
              </a:rPr>
              <a:t>, som har været involveret i udviklingsarbejdet. Det drejer sig om </a:t>
            </a:r>
            <a:r>
              <a:rPr lang="da-DK" sz="1000" b="0" noProof="0" dirty="0" err="1">
                <a:solidFill>
                  <a:schemeClr val="tx1"/>
                </a:solidFill>
              </a:rPr>
              <a:t>Eurostack</a:t>
            </a:r>
            <a:r>
              <a:rPr lang="da-DK" sz="1000" b="0" noProof="0" dirty="0">
                <a:solidFill>
                  <a:schemeClr val="tx1"/>
                </a:solidFill>
              </a:rPr>
              <a:t>, Home Office og GPT-NL.</a:t>
            </a:r>
          </a:p>
        </p:txBody>
      </p:sp>
      <p:sp>
        <p:nvSpPr>
          <p:cNvPr id="11" name="Content Placeholder 5">
            <a:extLst>
              <a:ext uri="{FF2B5EF4-FFF2-40B4-BE49-F238E27FC236}">
                <a16:creationId xmlns:a16="http://schemas.microsoft.com/office/drawing/2014/main" id="{7EC10A98-9DC1-0359-FF62-05088DCFF36B}"/>
              </a:ext>
            </a:extLst>
          </p:cNvPr>
          <p:cNvSpPr txBox="1">
            <a:spLocks/>
          </p:cNvSpPr>
          <p:nvPr/>
        </p:nvSpPr>
        <p:spPr>
          <a:xfrm>
            <a:off x="670033" y="5634662"/>
            <a:ext cx="1008000" cy="50400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000" noProof="0">
                <a:solidFill>
                  <a:schemeClr val="tx1"/>
                </a:solidFill>
              </a:rPr>
              <a:t>Opsamling af erfaringer og læring</a:t>
            </a:r>
          </a:p>
        </p:txBody>
      </p:sp>
      <p:sp>
        <p:nvSpPr>
          <p:cNvPr id="18" name="Content Placeholder 5">
            <a:extLst>
              <a:ext uri="{FF2B5EF4-FFF2-40B4-BE49-F238E27FC236}">
                <a16:creationId xmlns:a16="http://schemas.microsoft.com/office/drawing/2014/main" id="{BBD4ECB7-DF11-8EB4-810F-E1809559138F}"/>
              </a:ext>
            </a:extLst>
          </p:cNvPr>
          <p:cNvSpPr txBox="1">
            <a:spLocks/>
          </p:cNvSpPr>
          <p:nvPr/>
        </p:nvSpPr>
        <p:spPr>
          <a:xfrm>
            <a:off x="1774452" y="5634662"/>
            <a:ext cx="9617448" cy="504000"/>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a:spcAft>
                <a:spcPts val="200"/>
              </a:spcAft>
              <a:buFont typeface="Arial" panose="020B0604020202020204" pitchFamily="34" charset="0"/>
              <a:buChar char="•"/>
            </a:pPr>
            <a:r>
              <a:rPr lang="da-DK" sz="1000" b="0" noProof="0">
                <a:solidFill>
                  <a:schemeClr val="tx1"/>
                </a:solidFill>
              </a:rPr>
              <a:t>På baggrund af gennemgangen af det skriftlige materiale samt de gennemførte interviews er der foretaget en systematisk opsamling af centrale observationer og erfaringer. De centrale observationer er søgt detaljeret i de enkelte case-beskrivelser, hvor andre </a:t>
            </a:r>
            <a:r>
              <a:rPr lang="da-DK" sz="1000" b="0" noProof="0" dirty="0" err="1">
                <a:solidFill>
                  <a:schemeClr val="tx1"/>
                </a:solidFill>
              </a:rPr>
              <a:t>læringer</a:t>
            </a:r>
            <a:r>
              <a:rPr lang="da-DK" sz="1000" b="0" noProof="0">
                <a:solidFill>
                  <a:schemeClr val="tx1"/>
                </a:solidFill>
              </a:rPr>
              <a:t> og relevante erfaringer også er medtaget. Alle væsentlige pointer er på denne måde forsøgt sammenfattet og overbragt som led i analysearbejdet.</a:t>
            </a:r>
          </a:p>
        </p:txBody>
      </p:sp>
      <p:cxnSp>
        <p:nvCxnSpPr>
          <p:cNvPr id="19" name="Straight Connector 18">
            <a:extLst>
              <a:ext uri="{FF2B5EF4-FFF2-40B4-BE49-F238E27FC236}">
                <a16:creationId xmlns:a16="http://schemas.microsoft.com/office/drawing/2014/main" id="{BA537E57-A9CA-3593-D593-ED2C923C3A82}"/>
              </a:ext>
              <a:ext uri="{C183D7F6-B498-43B3-948B-1728B52AA6E4}">
                <adec:decorative xmlns:adec="http://schemas.microsoft.com/office/drawing/2017/decorative" val="1"/>
              </a:ext>
            </a:extLst>
          </p:cNvPr>
          <p:cNvCxnSpPr>
            <a:cxnSpLocks/>
          </p:cNvCxnSpPr>
          <p:nvPr/>
        </p:nvCxnSpPr>
        <p:spPr>
          <a:xfrm>
            <a:off x="641458" y="4351351"/>
            <a:ext cx="10655192" cy="0"/>
          </a:xfrm>
          <a:prstGeom prst="line">
            <a:avLst/>
          </a:prstGeom>
          <a:ln w="6350" cap="flat" cmpd="sng" algn="ctr">
            <a:solidFill>
              <a:srgbClr val="024D78"/>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FC0BE7FF-4D89-69AD-06B3-9414AEF50D81}"/>
              </a:ext>
              <a:ext uri="{C183D7F6-B498-43B3-948B-1728B52AA6E4}">
                <adec:decorative xmlns:adec="http://schemas.microsoft.com/office/drawing/2017/decorative" val="1"/>
              </a:ext>
            </a:extLst>
          </p:cNvPr>
          <p:cNvCxnSpPr>
            <a:cxnSpLocks/>
          </p:cNvCxnSpPr>
          <p:nvPr/>
        </p:nvCxnSpPr>
        <p:spPr>
          <a:xfrm>
            <a:off x="670033" y="3665551"/>
            <a:ext cx="10655192" cy="0"/>
          </a:xfrm>
          <a:prstGeom prst="line">
            <a:avLst/>
          </a:prstGeom>
          <a:ln w="6350" cap="flat" cmpd="sng" algn="ctr">
            <a:solidFill>
              <a:srgbClr val="024D78"/>
            </a:solidFill>
            <a:prstDash val="dash"/>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32820297"/>
      </p:ext>
    </p:extLst>
  </p:cSld>
  <p:clrMapOvr>
    <a:masterClrMapping/>
  </p:clrMapOvr>
  <p:transition>
    <p:fade/>
  </p:transition>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9D8D7AC-A1AE-5B45-931F-F9672718F904}"/>
            </a:ext>
          </a:extLst>
        </p:cNvPr>
        <p:cNvGrpSpPr/>
        <p:nvPr/>
      </p:nvGrpSpPr>
      <p:grpSpPr>
        <a:xfrm>
          <a:off x="0" y="0"/>
          <a:ext cx="0" cy="0"/>
          <a:chOff x="0" y="0"/>
          <a:chExt cx="0" cy="0"/>
        </a:xfrm>
      </p:grpSpPr>
      <p:sp>
        <p:nvSpPr>
          <p:cNvPr id="2" name="Content Placeholder 1">
            <a:extLst>
              <a:ext uri="{FF2B5EF4-FFF2-40B4-BE49-F238E27FC236}">
                <a16:creationId xmlns:a16="http://schemas.microsoft.com/office/drawing/2014/main" id="{41D0F056-A246-96EA-1A5B-5A475013649F}"/>
              </a:ext>
            </a:extLst>
          </p:cNvPr>
          <p:cNvSpPr>
            <a:spLocks noGrp="1"/>
          </p:cNvSpPr>
          <p:nvPr>
            <p:ph idx="1"/>
          </p:nvPr>
        </p:nvSpPr>
        <p:spPr/>
        <p:txBody>
          <a:bodyPr/>
          <a:lstStyle/>
          <a:p>
            <a:r>
              <a:rPr lang="da-DK" sz="1100" b="0" noProof="0" dirty="0"/>
              <a:t>[1] Den fællesoffentlige digitaliseringsstrategi 2026-2029</a:t>
            </a:r>
          </a:p>
          <a:p>
            <a:r>
              <a:rPr lang="da-DK" sz="1100" b="0" noProof="0" dirty="0"/>
              <a:t>[2] Kommunernes digitaliseringsstrategi 2026-2030</a:t>
            </a:r>
          </a:p>
          <a:p>
            <a:r>
              <a:rPr lang="da-DK" sz="1100" b="0" noProof="0" dirty="0"/>
              <a:t>[3] </a:t>
            </a:r>
            <a:r>
              <a:rPr lang="da-DK" sz="1100" b="0" noProof="0" dirty="0">
                <a:hlinkClick r:id="rId2" tooltip="Artikel fra Computerworld; Fem amerikanske techgiganter styrer Danmark: Det kan få store konsekvenser"/>
              </a:rPr>
              <a:t>https://www.computerworld.dk/art/290654/fem-amerikanske-techgiganter-styrer-danmark-det-kan-faa-store-konsekvenser</a:t>
            </a:r>
            <a:r>
              <a:rPr lang="da-DK" sz="1100" b="0" noProof="0" dirty="0"/>
              <a:t> </a:t>
            </a:r>
          </a:p>
          <a:p>
            <a:r>
              <a:rPr lang="da-DK" sz="1100" b="0" noProof="0" dirty="0"/>
              <a:t>[4] </a:t>
            </a:r>
            <a:r>
              <a:rPr lang="da-DK" sz="1100" b="0" noProof="0" dirty="0">
                <a:hlinkClick r:id="rId3" tooltip="Dansk industri hjemmeside: Danmark og Europa ved en skillevej i den globale teknologikonkurrence"/>
              </a:rPr>
              <a:t>https://www.danskindustri.dk/vi-radgiver-dig/digital-suveranitet/forslag-til-digitaliseringsministeriets-handlingsplan/</a:t>
            </a:r>
            <a:endParaRPr lang="da-DK" sz="1100" b="0" noProof="0" dirty="0"/>
          </a:p>
          <a:p>
            <a:r>
              <a:rPr lang="da-DK" sz="1100" b="0" noProof="0" dirty="0"/>
              <a:t>[5] </a:t>
            </a:r>
            <a:r>
              <a:rPr lang="da-DK" sz="1100" b="0" noProof="0" dirty="0" err="1"/>
              <a:t>EuroStack</a:t>
            </a:r>
            <a:r>
              <a:rPr lang="da-DK" sz="1100" b="0" noProof="0" dirty="0"/>
              <a:t> – A European Alternative for Digital </a:t>
            </a:r>
            <a:r>
              <a:rPr lang="da-DK" sz="1100" b="0" noProof="0" dirty="0" err="1"/>
              <a:t>Sovereignty</a:t>
            </a:r>
            <a:endParaRPr lang="da-DK" sz="1100" b="0" noProof="0" dirty="0"/>
          </a:p>
          <a:p>
            <a:r>
              <a:rPr lang="da-DK" sz="1100" b="0" noProof="0" dirty="0"/>
              <a:t>[6] Future of Europe – EPRS Ideas Papers </a:t>
            </a:r>
          </a:p>
          <a:p>
            <a:r>
              <a:rPr lang="da-DK" sz="1100" b="0" noProof="0" dirty="0"/>
              <a:t>[7] #EUROSTACK: EUROPEAN STRATEGIC SOVEREIGN DIGITAL INFRASTRUCTURES</a:t>
            </a:r>
          </a:p>
          <a:p>
            <a:r>
              <a:rPr lang="da-DK" sz="1100" b="0" noProof="0" dirty="0"/>
              <a:t>[8] </a:t>
            </a:r>
            <a:r>
              <a:rPr lang="da-DK" sz="1100" b="0" noProof="0" dirty="0" err="1"/>
              <a:t>EuroStack</a:t>
            </a:r>
            <a:r>
              <a:rPr lang="da-DK" sz="1100" b="0" noProof="0" dirty="0"/>
              <a:t>: White-</a:t>
            </a:r>
            <a:r>
              <a:rPr lang="da-DK" sz="1100" b="0" noProof="0" dirty="0" err="1"/>
              <a:t>paper</a:t>
            </a:r>
            <a:endParaRPr lang="da-DK" sz="1100" b="0" noProof="0" dirty="0"/>
          </a:p>
          <a:p>
            <a:r>
              <a:rPr lang="da-DK" sz="1100" b="0" noProof="0" dirty="0"/>
              <a:t>[9] The </a:t>
            </a:r>
            <a:r>
              <a:rPr lang="da-DK" sz="1100" b="0" noProof="0" dirty="0" err="1"/>
              <a:t>Draghi</a:t>
            </a:r>
            <a:r>
              <a:rPr lang="da-DK" sz="1100" b="0" noProof="0" dirty="0"/>
              <a:t> </a:t>
            </a:r>
            <a:r>
              <a:rPr lang="da-DK" sz="1100" b="0" noProof="0" dirty="0" err="1"/>
              <a:t>report</a:t>
            </a:r>
            <a:r>
              <a:rPr lang="da-DK" sz="1100" b="0" noProof="0" dirty="0"/>
              <a:t> on EU </a:t>
            </a:r>
            <a:r>
              <a:rPr lang="da-DK" sz="1100" b="0" noProof="0" dirty="0" err="1"/>
              <a:t>competitiveness</a:t>
            </a:r>
            <a:endParaRPr lang="da-DK" sz="1100" b="0" noProof="0" dirty="0"/>
          </a:p>
          <a:p>
            <a:r>
              <a:rPr lang="da-DK" sz="1100" b="0" noProof="0" dirty="0"/>
              <a:t>[10] </a:t>
            </a:r>
            <a:r>
              <a:rPr lang="da-DK" sz="1100" b="0" noProof="0" dirty="0">
                <a:hlinkClick r:id="rId4" tooltip="EU Kommissionen artikel: The Commission moves forward on cloud sovereignty with a EUR 180 million tender"/>
              </a:rPr>
              <a:t>https://commission.europa.eu/news-and-media/news/commission-moves-forward-cloud-sovereignty-eur-180-million-tender-2025-10-10_en</a:t>
            </a:r>
            <a:endParaRPr lang="da-DK" sz="1100" b="0" noProof="0" dirty="0"/>
          </a:p>
          <a:p>
            <a:r>
              <a:rPr lang="da-DK" sz="1100" b="0" noProof="0" dirty="0"/>
              <a:t>[11] </a:t>
            </a:r>
            <a:r>
              <a:rPr lang="da-DK" sz="1100" b="0" noProof="0" dirty="0">
                <a:hlinkClick r:id="rId5" tooltip="EU Kommissionen dokument: Cloud Sovereignty Framework"/>
              </a:rPr>
              <a:t>Cloud </a:t>
            </a:r>
            <a:r>
              <a:rPr lang="da-DK" sz="1100" b="0" noProof="0" dirty="0" err="1">
                <a:hlinkClick r:id="rId5" tooltip="EU Kommissionen dokument: Cloud Sovereignty Framework"/>
              </a:rPr>
              <a:t>Sovereignty</a:t>
            </a:r>
            <a:r>
              <a:rPr lang="da-DK" sz="1100" b="0" noProof="0" dirty="0">
                <a:hlinkClick r:id="rId5" tooltip="EU Kommissionen dokument: Cloud Sovereignty Framework"/>
              </a:rPr>
              <a:t> Framework | European </a:t>
            </a:r>
            <a:r>
              <a:rPr lang="da-DK" sz="1100" b="0" noProof="0" dirty="0" err="1">
                <a:hlinkClick r:id="rId5" tooltip="EU Kommissionen dokument: Cloud Sovereignty Framework"/>
              </a:rPr>
              <a:t>Commission</a:t>
            </a:r>
            <a:endParaRPr lang="da-DK" sz="1100" b="0" noProof="0" dirty="0"/>
          </a:p>
          <a:p>
            <a:r>
              <a:rPr lang="da-DK" sz="1100" b="0" noProof="0" dirty="0"/>
              <a:t>[12] </a:t>
            </a:r>
            <a:r>
              <a:rPr lang="da-DK" sz="1100" b="0" noProof="0" dirty="0" err="1">
                <a:hlinkClick r:id="rId6" tooltip="EU Kommissionen artikel:Commission launches a new procurement process for Cloud Services"/>
              </a:rPr>
              <a:t>Commission</a:t>
            </a:r>
            <a:r>
              <a:rPr lang="da-DK" sz="1100" b="0" noProof="0" dirty="0">
                <a:hlinkClick r:id="rId6" tooltip="EU Kommissionen artikel:Commission launches a new procurement process for Cloud Services"/>
              </a:rPr>
              <a:t> </a:t>
            </a:r>
            <a:r>
              <a:rPr lang="da-DK" sz="1100" b="0" noProof="0" dirty="0" err="1">
                <a:hlinkClick r:id="rId6" tooltip="EU Kommissionen artikel:Commission launches a new procurement process for Cloud Services"/>
              </a:rPr>
              <a:t>launches</a:t>
            </a:r>
            <a:r>
              <a:rPr lang="da-DK" sz="1100" b="0" noProof="0" dirty="0">
                <a:hlinkClick r:id="rId6" tooltip="EU Kommissionen artikel:Commission launches a new procurement process for Cloud Services"/>
              </a:rPr>
              <a:t> a new </a:t>
            </a:r>
            <a:r>
              <a:rPr lang="da-DK" sz="1100" b="0" noProof="0" dirty="0" err="1">
                <a:hlinkClick r:id="rId6" tooltip="EU Kommissionen artikel:Commission launches a new procurement process for Cloud Services"/>
              </a:rPr>
              <a:t>procurement</a:t>
            </a:r>
            <a:r>
              <a:rPr lang="da-DK" sz="1100" b="0" noProof="0" dirty="0">
                <a:hlinkClick r:id="rId6" tooltip="EU Kommissionen artikel:Commission launches a new procurement process for Cloud Services"/>
              </a:rPr>
              <a:t> </a:t>
            </a:r>
            <a:r>
              <a:rPr lang="da-DK" sz="1100" b="0" noProof="0" dirty="0" err="1">
                <a:hlinkClick r:id="rId6" tooltip="EU Kommissionen artikel:Commission launches a new procurement process for Cloud Services"/>
              </a:rPr>
              <a:t>process</a:t>
            </a:r>
            <a:r>
              <a:rPr lang="da-DK" sz="1100" b="0" noProof="0" dirty="0">
                <a:hlinkClick r:id="rId6" tooltip="EU Kommissionen artikel:Commission launches a new procurement process for Cloud Services"/>
              </a:rPr>
              <a:t> for Cloud Services - European </a:t>
            </a:r>
            <a:r>
              <a:rPr lang="da-DK" sz="1100" b="0" noProof="0" dirty="0" err="1">
                <a:hlinkClick r:id="rId6" tooltip="EU Kommissionen artikel:Commission launches a new procurement process for Cloud Services"/>
              </a:rPr>
              <a:t>Commission</a:t>
            </a:r>
            <a:endParaRPr lang="da-DK" sz="1100" b="0" noProof="0" dirty="0"/>
          </a:p>
          <a:p>
            <a:r>
              <a:rPr lang="da-DK" sz="1100" b="0" noProof="0" dirty="0"/>
              <a:t>[13] </a:t>
            </a:r>
            <a:r>
              <a:rPr lang="da-DK" sz="1100" b="0" noProof="0" dirty="0">
                <a:hlinkClick r:id="rId7" tooltip="Open Innovation and open source strategy of Land Schleswig-Holstein"/>
              </a:rPr>
              <a:t>Open Innovation and Open-Source </a:t>
            </a:r>
            <a:r>
              <a:rPr lang="da-DK" sz="1100" b="0" noProof="0" dirty="0" err="1">
                <a:hlinkClick r:id="rId7" tooltip="Open Innovation and open source strategy of Land Schleswig-Holstein"/>
              </a:rPr>
              <a:t>Strategy</a:t>
            </a:r>
            <a:r>
              <a:rPr lang="da-DK" sz="1100" b="0" noProof="0" dirty="0">
                <a:hlinkClick r:id="rId7" tooltip="Open Innovation and open source strategy of Land Schleswig-Holstein"/>
              </a:rPr>
              <a:t> of Land Schleswig-Holstein</a:t>
            </a:r>
            <a:endParaRPr lang="da-DK" sz="1100" b="0" noProof="0" dirty="0"/>
          </a:p>
          <a:p>
            <a:r>
              <a:rPr lang="da-DK" sz="1100" b="0" noProof="0" dirty="0"/>
              <a:t>[14] </a:t>
            </a:r>
            <a:r>
              <a:rPr lang="da-DK" sz="1100" b="0" noProof="0" dirty="0">
                <a:hlinkClick r:id="rId8" tooltip="Åben høring om digital suverænitet fra Folketinget"/>
              </a:rPr>
              <a:t>DIU </a:t>
            </a:r>
            <a:r>
              <a:rPr lang="da-DK" sz="1100" b="0" noProof="0" dirty="0" err="1">
                <a:hlinkClick r:id="rId8" tooltip="Åben høring om digital suverænitet fra Folketinget"/>
              </a:rPr>
              <a:t>Almdel</a:t>
            </a:r>
            <a:r>
              <a:rPr lang="da-DK" sz="1100" b="0" noProof="0" dirty="0">
                <a:hlinkClick r:id="rId8" tooltip="Åben høring om digital suverænitet fra Folketinget"/>
              </a:rPr>
              <a:t> Bilag 97 Slides DIU høring digital suverænitet</a:t>
            </a:r>
            <a:endParaRPr lang="da-DK" sz="1100" b="0" noProof="0" dirty="0"/>
          </a:p>
          <a:p>
            <a:endParaRPr lang="da-DK" sz="1100" b="0" i="1" noProof="0" dirty="0"/>
          </a:p>
        </p:txBody>
      </p:sp>
      <p:sp>
        <p:nvSpPr>
          <p:cNvPr id="3" name="Title 2">
            <a:extLst>
              <a:ext uri="{FF2B5EF4-FFF2-40B4-BE49-F238E27FC236}">
                <a16:creationId xmlns:a16="http://schemas.microsoft.com/office/drawing/2014/main" id="{AB7921E1-8FE8-8B60-BBC9-82A45EC893E2}"/>
              </a:ext>
            </a:extLst>
          </p:cNvPr>
          <p:cNvSpPr>
            <a:spLocks noGrp="1"/>
          </p:cNvSpPr>
          <p:nvPr>
            <p:ph type="title"/>
          </p:nvPr>
        </p:nvSpPr>
        <p:spPr/>
        <p:txBody>
          <a:bodyPr/>
          <a:lstStyle/>
          <a:p>
            <a:r>
              <a:rPr lang="da-DK" sz="2200" noProof="0" dirty="0"/>
              <a:t>Overblik over anvendt kildemateriale (1/3)</a:t>
            </a:r>
          </a:p>
        </p:txBody>
      </p:sp>
    </p:spTree>
    <p:extLst>
      <p:ext uri="{BB962C8B-B14F-4D97-AF65-F5344CB8AC3E}">
        <p14:creationId xmlns:p14="http://schemas.microsoft.com/office/powerpoint/2010/main" val="272583"/>
      </p:ext>
    </p:extLst>
  </p:cSld>
  <p:clrMapOvr>
    <a:masterClrMapping/>
  </p:clrMapOvr>
  <p:transition>
    <p:fade/>
  </p:transition>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8816454-8E9D-12D2-AB98-9DECD7727AC9}"/>
            </a:ext>
          </a:extLst>
        </p:cNvPr>
        <p:cNvGrpSpPr/>
        <p:nvPr/>
      </p:nvGrpSpPr>
      <p:grpSpPr>
        <a:xfrm>
          <a:off x="0" y="0"/>
          <a:ext cx="0" cy="0"/>
          <a:chOff x="0" y="0"/>
          <a:chExt cx="0" cy="0"/>
        </a:xfrm>
      </p:grpSpPr>
      <p:sp>
        <p:nvSpPr>
          <p:cNvPr id="2" name="Content Placeholder 1">
            <a:extLst>
              <a:ext uri="{FF2B5EF4-FFF2-40B4-BE49-F238E27FC236}">
                <a16:creationId xmlns:a16="http://schemas.microsoft.com/office/drawing/2014/main" id="{6E98DB86-104A-EFDA-94CD-907174729185}"/>
              </a:ext>
            </a:extLst>
          </p:cNvPr>
          <p:cNvSpPr>
            <a:spLocks noGrp="1"/>
          </p:cNvSpPr>
          <p:nvPr>
            <p:ph idx="1"/>
          </p:nvPr>
        </p:nvSpPr>
        <p:spPr/>
        <p:txBody>
          <a:bodyPr/>
          <a:lstStyle/>
          <a:p>
            <a:r>
              <a:rPr lang="da-DK" sz="1100" b="0" noProof="0" dirty="0"/>
              <a:t>[15] </a:t>
            </a:r>
            <a:r>
              <a:rPr lang="da-DK" sz="1100" b="0" noProof="0" dirty="0">
                <a:hlinkClick r:id="rId2" tooltip="Artikel fra EU Kommissionen"/>
              </a:rPr>
              <a:t>https://interoperable-europe.ec.europa.eu/collection/open-source-observatory-osor/news/centre-digital-sovereignty</a:t>
            </a:r>
            <a:r>
              <a:rPr lang="da-DK" sz="1100" b="0" noProof="0" dirty="0"/>
              <a:t> </a:t>
            </a:r>
          </a:p>
          <a:p>
            <a:r>
              <a:rPr lang="da-DK" sz="1100" b="0" noProof="0" dirty="0"/>
              <a:t>[16] </a:t>
            </a:r>
            <a:r>
              <a:rPr lang="da-DK" sz="1100" b="0" noProof="0" dirty="0" err="1">
                <a:hlinkClick r:id="rId3" tooltip="ZenDiS hjemmeside"/>
              </a:rPr>
              <a:t>ZenDiS</a:t>
            </a:r>
            <a:r>
              <a:rPr lang="da-DK" sz="1100" b="0" noProof="0" dirty="0">
                <a:hlinkClick r:id="rId3" tooltip="ZenDiS hjemmeside"/>
              </a:rPr>
              <a:t>: Co-</a:t>
            </a:r>
            <a:r>
              <a:rPr lang="da-DK" sz="1100" b="0" noProof="0" dirty="0" err="1">
                <a:hlinkClick r:id="rId3" tooltip="ZenDiS hjemmeside"/>
              </a:rPr>
              <a:t>creating</a:t>
            </a:r>
            <a:r>
              <a:rPr lang="da-DK" sz="1100" b="0" noProof="0" dirty="0">
                <a:hlinkClick r:id="rId3" tooltip="ZenDiS hjemmeside"/>
              </a:rPr>
              <a:t> Digital </a:t>
            </a:r>
            <a:r>
              <a:rPr lang="da-DK" sz="1100" b="0" noProof="0" dirty="0" err="1">
                <a:hlinkClick r:id="rId3" tooltip="ZenDiS hjemmeside"/>
              </a:rPr>
              <a:t>Sovereignty</a:t>
            </a:r>
            <a:r>
              <a:rPr lang="da-DK" sz="1100" b="0" noProof="0" dirty="0">
                <a:hlinkClick r:id="rId3" tooltip="ZenDiS hjemmeside"/>
              </a:rPr>
              <a:t> - </a:t>
            </a:r>
            <a:r>
              <a:rPr lang="da-DK" sz="1100" b="0" noProof="0" dirty="0" err="1">
                <a:hlinkClick r:id="rId3" tooltip="ZenDiS hjemmeside"/>
              </a:rPr>
              <a:t>ZenDiS</a:t>
            </a:r>
            <a:r>
              <a:rPr lang="da-DK" sz="1100" b="0" noProof="0" dirty="0">
                <a:hlinkClick r:id="rId3" tooltip="ZenDiS hjemmeside"/>
              </a:rPr>
              <a:t> | </a:t>
            </a:r>
            <a:r>
              <a:rPr lang="da-DK" sz="1100" b="0" noProof="0" dirty="0" err="1">
                <a:hlinkClick r:id="rId3" tooltip="ZenDiS hjemmeside"/>
              </a:rPr>
              <a:t>Zentrum</a:t>
            </a:r>
            <a:r>
              <a:rPr lang="da-DK" sz="1100" b="0" noProof="0" dirty="0">
                <a:hlinkClick r:id="rId3" tooltip="ZenDiS hjemmeside"/>
              </a:rPr>
              <a:t> Digitale </a:t>
            </a:r>
            <a:r>
              <a:rPr lang="da-DK" sz="1100" b="0" noProof="0" dirty="0" err="1">
                <a:hlinkClick r:id="rId3" tooltip="ZenDiS hjemmeside"/>
              </a:rPr>
              <a:t>Souveränität</a:t>
            </a:r>
            <a:r>
              <a:rPr lang="da-DK" sz="1100" b="0" noProof="0" dirty="0"/>
              <a:t> </a:t>
            </a:r>
          </a:p>
          <a:p>
            <a:r>
              <a:rPr lang="da-DK" sz="1100" b="0" noProof="0" dirty="0"/>
              <a:t>[17] </a:t>
            </a:r>
            <a:r>
              <a:rPr lang="da-DK" sz="1100" b="0" noProof="0" dirty="0">
                <a:hlinkClick r:id="rId4" tooltip="ZenDiS hjemmeside"/>
              </a:rPr>
              <a:t>https://www.zendis.de/en/what-we-offer</a:t>
            </a:r>
            <a:r>
              <a:rPr lang="da-DK" sz="1100" b="0" noProof="0" dirty="0"/>
              <a:t> </a:t>
            </a:r>
          </a:p>
          <a:p>
            <a:r>
              <a:rPr lang="da-DK" sz="1100" b="0" noProof="0" dirty="0"/>
              <a:t>[18] </a:t>
            </a:r>
            <a:r>
              <a:rPr lang="da-DK" sz="1100" b="0" noProof="0" dirty="0">
                <a:hlinkClick r:id="rId5" tooltip="ZenDis produkt hjemmeside openDesk"/>
              </a:rPr>
              <a:t>Product | </a:t>
            </a:r>
            <a:r>
              <a:rPr lang="da-DK" sz="1100" b="0" noProof="0" dirty="0" err="1">
                <a:hlinkClick r:id="rId5" tooltip="ZenDis produkt hjemmeside openDesk"/>
              </a:rPr>
              <a:t>openDesk</a:t>
            </a:r>
            <a:r>
              <a:rPr lang="da-DK" sz="1100" b="0" noProof="0" dirty="0"/>
              <a:t> </a:t>
            </a:r>
          </a:p>
          <a:p>
            <a:r>
              <a:rPr lang="da-DK" sz="1100" b="0" noProof="0" dirty="0"/>
              <a:t>[19] </a:t>
            </a:r>
            <a:r>
              <a:rPr lang="da-DK" sz="1100" b="0" noProof="0" dirty="0" err="1">
                <a:hlinkClick r:id="rId6" tooltip="AI Strategy report"/>
              </a:rPr>
              <a:t>Netherlands</a:t>
            </a:r>
            <a:r>
              <a:rPr lang="da-DK" sz="1100" b="0" noProof="0" dirty="0">
                <a:hlinkClick r:id="rId6" tooltip="AI Strategy report"/>
              </a:rPr>
              <a:t> AI </a:t>
            </a:r>
            <a:r>
              <a:rPr lang="da-DK" sz="1100" b="0" noProof="0" dirty="0" err="1">
                <a:hlinkClick r:id="rId6" tooltip="AI Strategy report"/>
              </a:rPr>
              <a:t>Strategy</a:t>
            </a:r>
            <a:r>
              <a:rPr lang="da-DK" sz="1100" b="0" noProof="0" dirty="0">
                <a:hlinkClick r:id="rId6" tooltip="AI Strategy report"/>
              </a:rPr>
              <a:t> Report - AI Watch - European </a:t>
            </a:r>
            <a:r>
              <a:rPr lang="da-DK" sz="1100" b="0" noProof="0" dirty="0" err="1">
                <a:hlinkClick r:id="rId6" tooltip="AI Strategy report"/>
              </a:rPr>
              <a:t>Commission</a:t>
            </a:r>
            <a:endParaRPr lang="da-DK" sz="1100" b="0" noProof="0" dirty="0"/>
          </a:p>
          <a:p>
            <a:r>
              <a:rPr lang="da-DK" sz="1100" b="0" noProof="0" dirty="0"/>
              <a:t>[20] </a:t>
            </a:r>
            <a:r>
              <a:rPr lang="da-DK" sz="1100" b="0" noProof="0" dirty="0">
                <a:hlinkClick r:id="rId7" tooltip="GPT-NL Presentation"/>
              </a:rPr>
              <a:t>Presentation CLIN 2025 - GPT-NL</a:t>
            </a:r>
            <a:endParaRPr lang="da-DK" sz="1100" b="0" noProof="0" dirty="0"/>
          </a:p>
          <a:p>
            <a:r>
              <a:rPr lang="da-DK" sz="1100" b="0" noProof="0" dirty="0"/>
              <a:t>[21] </a:t>
            </a:r>
            <a:r>
              <a:rPr lang="da-DK" sz="1100" b="0" noProof="0" dirty="0">
                <a:solidFill>
                  <a:schemeClr val="tx1"/>
                </a:solidFill>
                <a:hlinkClick r:id="rId8" tooltip="artikel"/>
              </a:rPr>
              <a:t>https://www.publictechnology.net/2025/03/20/international-relations/home-office-signs-85m-digital-deal-to-support-consistent-repeatable-architecture-for-border-it-systems/</a:t>
            </a:r>
            <a:r>
              <a:rPr lang="da-DK" sz="1100" b="0" noProof="0" dirty="0">
                <a:solidFill>
                  <a:schemeClr val="tx1"/>
                </a:solidFill>
              </a:rPr>
              <a:t> </a:t>
            </a:r>
          </a:p>
          <a:p>
            <a:r>
              <a:rPr lang="da-DK" sz="1100" b="0" noProof="0" dirty="0">
                <a:solidFill>
                  <a:schemeClr val="tx1"/>
                </a:solidFill>
              </a:rPr>
              <a:t>[22</a:t>
            </a:r>
            <a:r>
              <a:rPr lang="da-DK" sz="1100" b="0" noProof="0" dirty="0"/>
              <a:t>] </a:t>
            </a:r>
            <a:r>
              <a:rPr lang="da-DK" sz="1100" b="0" noProof="0" dirty="0">
                <a:solidFill>
                  <a:schemeClr val="tx1"/>
                </a:solidFill>
                <a:hlinkClick r:id="rId9" tooltip="GitHub"/>
              </a:rPr>
              <a:t>https://github.com/orgs/UKHome</a:t>
            </a:r>
            <a:r>
              <a:rPr lang="da-DK" sz="1100" b="0" noProof="0" dirty="0">
                <a:solidFill>
                  <a:schemeClr val="tx1"/>
                </a:solidFill>
              </a:rPr>
              <a:t> </a:t>
            </a:r>
          </a:p>
          <a:p>
            <a:r>
              <a:rPr lang="da-DK" sz="1100" b="0" noProof="0" dirty="0"/>
              <a:t>[23]</a:t>
            </a:r>
            <a:r>
              <a:rPr lang="da-DK" sz="1100" b="0" noProof="0" dirty="0">
                <a:solidFill>
                  <a:schemeClr val="tx1"/>
                </a:solidFill>
                <a:hlinkClick r:id="rId10" tooltip="Artikel fra KL"/>
              </a:rPr>
              <a:t> https://www.kl.dk/oekonomi-og-administration/oekonomi-og-styring/omstilling-og-udvikling/nyhedsbrevet-raaderum/2018/nr-4/os2-samarbejdet-skaber-vaerdi-via-en-ny-model-for-udvikling-af-digitale-loesninger</a:t>
            </a:r>
            <a:endParaRPr lang="da-DK" sz="1100" b="0" noProof="0" dirty="0">
              <a:solidFill>
                <a:schemeClr val="tx1"/>
              </a:solidFill>
            </a:endParaRPr>
          </a:p>
          <a:p>
            <a:r>
              <a:rPr lang="da-DK" sz="1100" b="0" noProof="0" dirty="0"/>
              <a:t>[24] </a:t>
            </a:r>
            <a:r>
              <a:rPr lang="da-DK" sz="1100" b="0" noProof="0" dirty="0">
                <a:hlinkClick r:id="rId11" tooltip="Gaia-X brochure"/>
              </a:rPr>
              <a:t>https://gaia-x.eu/wp-content/uploads/2025/01/Gaia-X-Brochure_Overview-2025.pdf</a:t>
            </a:r>
            <a:r>
              <a:rPr lang="da-DK" sz="1100" b="0" noProof="0" dirty="0"/>
              <a:t> </a:t>
            </a:r>
          </a:p>
          <a:p>
            <a:r>
              <a:rPr lang="da-DK" sz="1100" b="0" noProof="0" dirty="0"/>
              <a:t>[25] </a:t>
            </a:r>
            <a:r>
              <a:rPr lang="da-DK" sz="1100" b="0" noProof="0" dirty="0">
                <a:hlinkClick r:id="rId12" tooltip="Medlemsforslag om handlemuligheder med henblik på at sikre at Københavns Kommune ikke er afhængig af tech-giganternes tjenester"/>
              </a:rPr>
              <a:t>https://www.kk.dk/dagsordener-og-referater/Borgerrepr%C3%A6sentationen/m%C3%B8de-27032025/referat/punkt-28</a:t>
            </a:r>
            <a:r>
              <a:rPr lang="da-DK" sz="1100" b="0" noProof="0" dirty="0"/>
              <a:t> </a:t>
            </a:r>
          </a:p>
          <a:p>
            <a:r>
              <a:rPr lang="da-DK" sz="1100" b="0" noProof="0" dirty="0"/>
              <a:t>[26] </a:t>
            </a:r>
            <a:r>
              <a:rPr lang="da-DK" sz="1100" b="0" noProof="0" dirty="0">
                <a:hlinkClick r:id="rId13" tooltip="Københavns Kommune vil granske sin afhængighed af tech-giganter: Sparker gang i stor analyse"/>
              </a:rPr>
              <a:t>https://pro.ing.dk/digitech/artikel/koebenhavns-kommune-vil-granske-sin-afhaengighed-af-tech-giganter-sparker-gang-i-stor-analyse</a:t>
            </a:r>
            <a:r>
              <a:rPr lang="da-DK" sz="1100" b="0" noProof="0" dirty="0"/>
              <a:t> </a:t>
            </a:r>
          </a:p>
          <a:p>
            <a:r>
              <a:rPr lang="da-DK" sz="1100" b="0" noProof="0" dirty="0"/>
              <a:t>[27] </a:t>
            </a:r>
            <a:r>
              <a:rPr lang="da-DK" sz="1100" b="0" noProof="0" dirty="0">
                <a:hlinkClick r:id="rId14" tooltip="Open source i den offentlige sektor. Digitaliseringsstyrelsen"/>
              </a:rPr>
              <a:t>https://digst.dk/media/2zlfki2v/open-source-i-den-offentlige-sektor.pdf</a:t>
            </a:r>
            <a:r>
              <a:rPr lang="da-DK" sz="1100" b="0" noProof="0" dirty="0"/>
              <a:t> </a:t>
            </a:r>
          </a:p>
          <a:p>
            <a:r>
              <a:rPr lang="da-DK" sz="1100" b="0" noProof="0" dirty="0"/>
              <a:t>[28] </a:t>
            </a:r>
            <a:r>
              <a:rPr lang="da-DK" sz="1100" b="0" noProof="0" dirty="0">
                <a:hlinkClick r:id="rId15" tooltip="DEN FÆLLESOFFENTLIGE DIGITALISERINGSSTRATGEI 2026-2029"/>
              </a:rPr>
              <a:t>Sammen griber vi de digitale muligheder</a:t>
            </a:r>
            <a:endParaRPr lang="da-DK" sz="1100" b="0" noProof="0" dirty="0"/>
          </a:p>
          <a:p>
            <a:endParaRPr lang="da-DK" sz="1100" b="0" i="1" noProof="0" dirty="0"/>
          </a:p>
        </p:txBody>
      </p:sp>
      <p:sp>
        <p:nvSpPr>
          <p:cNvPr id="3" name="Title 2">
            <a:extLst>
              <a:ext uri="{FF2B5EF4-FFF2-40B4-BE49-F238E27FC236}">
                <a16:creationId xmlns:a16="http://schemas.microsoft.com/office/drawing/2014/main" id="{96AF01C6-803A-0A73-D3BD-DE44B42DB7F5}"/>
              </a:ext>
            </a:extLst>
          </p:cNvPr>
          <p:cNvSpPr>
            <a:spLocks noGrp="1"/>
          </p:cNvSpPr>
          <p:nvPr>
            <p:ph type="title"/>
          </p:nvPr>
        </p:nvSpPr>
        <p:spPr/>
        <p:txBody>
          <a:bodyPr/>
          <a:lstStyle/>
          <a:p>
            <a:r>
              <a:rPr lang="da-DK" sz="2200" noProof="0" dirty="0"/>
              <a:t>Overblik over anvendt kildemateriale (2/3)</a:t>
            </a:r>
          </a:p>
        </p:txBody>
      </p:sp>
    </p:spTree>
    <p:extLst>
      <p:ext uri="{BB962C8B-B14F-4D97-AF65-F5344CB8AC3E}">
        <p14:creationId xmlns:p14="http://schemas.microsoft.com/office/powerpoint/2010/main" val="3195618878"/>
      </p:ext>
    </p:extLst>
  </p:cSld>
  <p:clrMapOvr>
    <a:masterClrMapping/>
  </p:clrMapOvr>
  <p:transition>
    <p:fade/>
  </p:transition>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590041-CD26-8FA5-A836-553A7D646199}"/>
            </a:ext>
          </a:extLst>
        </p:cNvPr>
        <p:cNvGrpSpPr/>
        <p:nvPr/>
      </p:nvGrpSpPr>
      <p:grpSpPr>
        <a:xfrm>
          <a:off x="0" y="0"/>
          <a:ext cx="0" cy="0"/>
          <a:chOff x="0" y="0"/>
          <a:chExt cx="0" cy="0"/>
        </a:xfrm>
      </p:grpSpPr>
      <p:sp>
        <p:nvSpPr>
          <p:cNvPr id="3" name="Title 2" descr="Overblik over anvendt kildemateriale (3/3)">
            <a:extLst>
              <a:ext uri="{FF2B5EF4-FFF2-40B4-BE49-F238E27FC236}">
                <a16:creationId xmlns:a16="http://schemas.microsoft.com/office/drawing/2014/main" id="{890595A4-D517-516C-1FAD-E40A522B01CB}"/>
              </a:ext>
            </a:extLst>
          </p:cNvPr>
          <p:cNvSpPr>
            <a:spLocks noGrp="1"/>
          </p:cNvSpPr>
          <p:nvPr>
            <p:ph type="title"/>
          </p:nvPr>
        </p:nvSpPr>
        <p:spPr>
          <a:xfrm>
            <a:off x="554355" y="512763"/>
            <a:ext cx="11088000" cy="832851"/>
          </a:xfrm>
        </p:spPr>
        <p:txBody>
          <a:bodyPr/>
          <a:lstStyle/>
          <a:p>
            <a:r>
              <a:rPr lang="da-DK" sz="2200" noProof="0" dirty="0"/>
              <a:t>Overblik over anvendt kildemateriale (3/3)</a:t>
            </a:r>
          </a:p>
        </p:txBody>
      </p:sp>
      <p:sp>
        <p:nvSpPr>
          <p:cNvPr id="2" name="Content Placeholder 1" descr="[29] Digitaliseringsstrategi 2024-2027 – Et bedre københavnerliv &#10;[30] ”Analyse af udfordringer og løsninger inden for samspillet mellem cloud og AI” – Digitaliseringsministeriet &#10;[31] The impact of Open Source Software and Hardware on technological independence, competitiveness and innovation in the EU economy&#10;[32] “Software Reuse through Open Source Software in the Public Sector - A qualitative survey on Policy and Practice” - RISE&#10;[33] Gateways Comparing Digital Communication Systems in Nordic Welfare States&#10;[34] “Danmarks digitale afhængighed: En analyse af Danmarks afhængighed af amerikanske it-produkter og –løsninger samt EU’s muligheder for at opbygge en stærk position inden for centrale it-områder” – IDA &#10;[35] “Friends with (digital) benefits: examining the EU’s strategic tech ties” - Politico&#10;[36] Hovedtal fra Finanstilsynet | Finanstilsynet &#10;[37] DORA Oversight Guide - European Insurance and Occupational Pensions Authority &#10;[38] https://www.dst.dk/en/Statistik/temaer/digitalisering &#10;[39] Bankdata - United in Code, Empowered by Talents &#10;[40] 693abbcf1cf88573083d1e26_AIsovCAISA.pdf&#10;[41] Strategische Marktanalyse zur Reduzierung von Abhängigkeiten von einzelnen Software-Anbietern&#10;[42] https://www.kl.dk/oekonomi-og-administration/oekonomi-og-styring/omstilling-og-udvikling/nyhedsbrevet-raaderum/2018/nr-4/os2-samarbejdet-skaber-vaerdi-via-en-ny-model-for-udvikling-af-digitale-loesninger&#10;">
            <a:extLst>
              <a:ext uri="{FF2B5EF4-FFF2-40B4-BE49-F238E27FC236}">
                <a16:creationId xmlns:a16="http://schemas.microsoft.com/office/drawing/2014/main" id="{BD6C2492-96C6-BFD3-30C1-EAE955C4DED7}"/>
              </a:ext>
            </a:extLst>
          </p:cNvPr>
          <p:cNvSpPr>
            <a:spLocks noGrp="1"/>
          </p:cNvSpPr>
          <p:nvPr>
            <p:ph idx="1"/>
          </p:nvPr>
        </p:nvSpPr>
        <p:spPr>
          <a:xfrm>
            <a:off x="554355" y="1634172"/>
            <a:ext cx="11052000" cy="4766628"/>
          </a:xfrm>
        </p:spPr>
        <p:txBody>
          <a:bodyPr/>
          <a:lstStyle/>
          <a:p>
            <a:r>
              <a:rPr lang="da-DK" sz="1100" b="0" noProof="0" dirty="0"/>
              <a:t>[29] </a:t>
            </a:r>
            <a:r>
              <a:rPr lang="da-DK" sz="1100" b="0" noProof="0" dirty="0">
                <a:hlinkClick r:id="rId3" tooltip="Københavns Kommunes Digitaliseringsstrategi 2024-2027"/>
              </a:rPr>
              <a:t>Digitaliseringsstrategi 2024-2027 – Et bedre københavnerliv</a:t>
            </a:r>
            <a:r>
              <a:rPr lang="da-DK" sz="1100" b="0" noProof="0" dirty="0"/>
              <a:t> </a:t>
            </a:r>
          </a:p>
          <a:p>
            <a:r>
              <a:rPr lang="da-DK" sz="1100" b="0" noProof="0" dirty="0"/>
              <a:t>[30] ”Analyse af udfordringer og løsninger inden for samspillet mellem cloud og AI” – Digitaliseringsministeriet </a:t>
            </a:r>
          </a:p>
          <a:p>
            <a:r>
              <a:rPr lang="da-DK" sz="1100" b="0" noProof="0" dirty="0"/>
              <a:t>[31] The </a:t>
            </a:r>
            <a:r>
              <a:rPr lang="da-DK" sz="1100" b="0" noProof="0" dirty="0" err="1"/>
              <a:t>impact</a:t>
            </a:r>
            <a:r>
              <a:rPr lang="da-DK" sz="1100" b="0" noProof="0" dirty="0"/>
              <a:t> of Open Source Software and Hardware on </a:t>
            </a:r>
            <a:r>
              <a:rPr lang="da-DK" sz="1100" b="0" noProof="0" dirty="0" err="1"/>
              <a:t>technological</a:t>
            </a:r>
            <a:r>
              <a:rPr lang="da-DK" sz="1100" b="0" noProof="0" dirty="0"/>
              <a:t> </a:t>
            </a:r>
            <a:r>
              <a:rPr lang="da-DK" sz="1100" b="0" noProof="0" dirty="0" err="1"/>
              <a:t>independence</a:t>
            </a:r>
            <a:r>
              <a:rPr lang="da-DK" sz="1100" b="0" noProof="0" dirty="0"/>
              <a:t>, </a:t>
            </a:r>
            <a:r>
              <a:rPr lang="da-DK" sz="1100" b="0" noProof="0" dirty="0" err="1"/>
              <a:t>competitiveness</a:t>
            </a:r>
            <a:r>
              <a:rPr lang="da-DK" sz="1100" b="0" noProof="0" dirty="0"/>
              <a:t> and innovation in the EU </a:t>
            </a:r>
            <a:r>
              <a:rPr lang="da-DK" sz="1100" b="0" noProof="0" dirty="0" err="1"/>
              <a:t>economy</a:t>
            </a:r>
            <a:endParaRPr lang="da-DK" sz="1100" b="0" noProof="0" dirty="0"/>
          </a:p>
          <a:p>
            <a:r>
              <a:rPr lang="da-DK" sz="1100" b="0" noProof="0" dirty="0"/>
              <a:t>[32] “Software </a:t>
            </a:r>
            <a:r>
              <a:rPr lang="da-DK" sz="1100" b="0" noProof="0" dirty="0" err="1"/>
              <a:t>Reuse</a:t>
            </a:r>
            <a:r>
              <a:rPr lang="da-DK" sz="1100" b="0" noProof="0" dirty="0"/>
              <a:t> </a:t>
            </a:r>
            <a:r>
              <a:rPr lang="da-DK" sz="1100" b="0" noProof="0" dirty="0" err="1"/>
              <a:t>through</a:t>
            </a:r>
            <a:r>
              <a:rPr lang="da-DK" sz="1100" b="0" noProof="0" dirty="0"/>
              <a:t> Open Source Software in the Public </a:t>
            </a:r>
            <a:r>
              <a:rPr lang="da-DK" sz="1100" b="0" noProof="0" dirty="0" err="1"/>
              <a:t>Sector</a:t>
            </a:r>
            <a:r>
              <a:rPr lang="da-DK" sz="1100" b="0" noProof="0" dirty="0"/>
              <a:t> - A </a:t>
            </a:r>
            <a:r>
              <a:rPr lang="da-DK" sz="1100" b="0" noProof="0" dirty="0" err="1"/>
              <a:t>qualitative</a:t>
            </a:r>
            <a:r>
              <a:rPr lang="da-DK" sz="1100" b="0" noProof="0" dirty="0"/>
              <a:t> </a:t>
            </a:r>
            <a:r>
              <a:rPr lang="da-DK" sz="1100" b="0" noProof="0" dirty="0" err="1"/>
              <a:t>survey</a:t>
            </a:r>
            <a:r>
              <a:rPr lang="da-DK" sz="1100" b="0" noProof="0" dirty="0"/>
              <a:t> on Policy and Practice” - RISE</a:t>
            </a:r>
          </a:p>
          <a:p>
            <a:r>
              <a:rPr lang="da-DK" sz="1100" b="0" noProof="0" dirty="0"/>
              <a:t>[33] Gateways </a:t>
            </a:r>
            <a:r>
              <a:rPr lang="da-DK" sz="1100" b="0" noProof="0" dirty="0" err="1"/>
              <a:t>Comparing</a:t>
            </a:r>
            <a:r>
              <a:rPr lang="da-DK" sz="1100" b="0" noProof="0" dirty="0"/>
              <a:t> Digital </a:t>
            </a:r>
            <a:r>
              <a:rPr lang="da-DK" sz="1100" b="0" noProof="0" dirty="0" err="1"/>
              <a:t>Communication</a:t>
            </a:r>
            <a:r>
              <a:rPr lang="da-DK" sz="1100" b="0" noProof="0" dirty="0"/>
              <a:t> Systems in Nordic </a:t>
            </a:r>
            <a:r>
              <a:rPr lang="da-DK" sz="1100" b="0" noProof="0" dirty="0" err="1"/>
              <a:t>Welfare</a:t>
            </a:r>
            <a:r>
              <a:rPr lang="da-DK" sz="1100" b="0" noProof="0" dirty="0"/>
              <a:t> States</a:t>
            </a:r>
          </a:p>
          <a:p>
            <a:r>
              <a:rPr lang="da-DK" sz="1100" b="0" noProof="0" dirty="0"/>
              <a:t>[34] “</a:t>
            </a:r>
            <a:r>
              <a:rPr lang="da-DK" sz="1100" b="0" noProof="0" dirty="0">
                <a:solidFill>
                  <a:schemeClr val="tx1"/>
                </a:solidFill>
              </a:rPr>
              <a:t>Danmarks digitale afhængighed: En analyse af Danmarks afhængighed af amerikanske it-produkter og –løsninger samt EU’s muligheder for at opbygge en stærk position inden for centrale it-områder” – IDA </a:t>
            </a:r>
          </a:p>
          <a:p>
            <a:r>
              <a:rPr lang="da-DK" sz="1100" b="0" noProof="0" dirty="0">
                <a:solidFill>
                  <a:schemeClr val="tx1"/>
                </a:solidFill>
              </a:rPr>
              <a:t>[35</a:t>
            </a:r>
            <a:r>
              <a:rPr lang="da-DK" sz="1100" b="0" noProof="0" dirty="0"/>
              <a:t>] “</a:t>
            </a:r>
            <a:r>
              <a:rPr lang="da-DK" sz="1100" b="0" noProof="0" dirty="0">
                <a:solidFill>
                  <a:schemeClr val="tx1"/>
                </a:solidFill>
              </a:rPr>
              <a:t>Friends with (digital) </a:t>
            </a:r>
            <a:r>
              <a:rPr lang="da-DK" sz="1100" b="0" noProof="0" dirty="0" err="1">
                <a:solidFill>
                  <a:schemeClr val="tx1"/>
                </a:solidFill>
              </a:rPr>
              <a:t>benefits</a:t>
            </a:r>
            <a:r>
              <a:rPr lang="da-DK" sz="1100" b="0" noProof="0" dirty="0">
                <a:solidFill>
                  <a:schemeClr val="tx1"/>
                </a:solidFill>
              </a:rPr>
              <a:t>: </a:t>
            </a:r>
            <a:r>
              <a:rPr lang="da-DK" sz="1100" b="0" noProof="0" dirty="0" err="1">
                <a:solidFill>
                  <a:schemeClr val="tx1"/>
                </a:solidFill>
              </a:rPr>
              <a:t>examining</a:t>
            </a:r>
            <a:r>
              <a:rPr lang="da-DK" sz="1100" b="0" noProof="0" dirty="0">
                <a:solidFill>
                  <a:schemeClr val="tx1"/>
                </a:solidFill>
              </a:rPr>
              <a:t> the EU’s </a:t>
            </a:r>
            <a:r>
              <a:rPr lang="da-DK" sz="1100" b="0" noProof="0" dirty="0" err="1">
                <a:solidFill>
                  <a:schemeClr val="tx1"/>
                </a:solidFill>
              </a:rPr>
              <a:t>strategic</a:t>
            </a:r>
            <a:r>
              <a:rPr lang="da-DK" sz="1100" b="0" noProof="0" dirty="0">
                <a:solidFill>
                  <a:schemeClr val="tx1"/>
                </a:solidFill>
              </a:rPr>
              <a:t> </a:t>
            </a:r>
            <a:r>
              <a:rPr lang="da-DK" sz="1100" b="0" noProof="0" dirty="0" err="1">
                <a:solidFill>
                  <a:schemeClr val="tx1"/>
                </a:solidFill>
              </a:rPr>
              <a:t>tech</a:t>
            </a:r>
            <a:r>
              <a:rPr lang="da-DK" sz="1100" b="0" noProof="0" dirty="0">
                <a:solidFill>
                  <a:schemeClr val="tx1"/>
                </a:solidFill>
              </a:rPr>
              <a:t> ties” - </a:t>
            </a:r>
            <a:r>
              <a:rPr lang="da-DK" sz="1100" b="0" noProof="0" dirty="0" err="1">
                <a:solidFill>
                  <a:schemeClr val="tx1"/>
                </a:solidFill>
              </a:rPr>
              <a:t>Politico</a:t>
            </a:r>
            <a:endParaRPr lang="da-DK" sz="1100" b="0" noProof="0" dirty="0">
              <a:solidFill>
                <a:schemeClr val="tx1"/>
              </a:solidFill>
            </a:endParaRPr>
          </a:p>
          <a:p>
            <a:r>
              <a:rPr lang="da-DK" sz="1100" b="0" noProof="0" dirty="0"/>
              <a:t>[36]</a:t>
            </a:r>
            <a:r>
              <a:rPr lang="da-DK" sz="1100" b="0" dirty="0">
                <a:solidFill>
                  <a:schemeClr val="tx1"/>
                </a:solidFill>
              </a:rPr>
              <a:t> </a:t>
            </a:r>
            <a:r>
              <a:rPr lang="da-DK" sz="1100" b="0" noProof="0" dirty="0">
                <a:hlinkClick r:id="rId4" tooltip="Hovedtal fra finanstilsynet"/>
              </a:rPr>
              <a:t>Hovedtal fra Finanstilsynet | Finanstilsynet</a:t>
            </a:r>
            <a:r>
              <a:rPr lang="da-DK" sz="1100" b="0" noProof="0" dirty="0"/>
              <a:t> </a:t>
            </a:r>
          </a:p>
          <a:p>
            <a:r>
              <a:rPr lang="da-DK" sz="1100" b="0" noProof="0" dirty="0"/>
              <a:t>[37] </a:t>
            </a:r>
            <a:r>
              <a:rPr lang="da-DK" sz="1100" b="0" noProof="0" dirty="0">
                <a:hlinkClick r:id="rId5" tooltip="DORA Oversight Guide"/>
              </a:rPr>
              <a:t>DORA </a:t>
            </a:r>
            <a:r>
              <a:rPr lang="da-DK" sz="1100" b="0" noProof="0" dirty="0" err="1">
                <a:hlinkClick r:id="rId5" tooltip="DORA Oversight Guide"/>
              </a:rPr>
              <a:t>Oversight</a:t>
            </a:r>
            <a:r>
              <a:rPr lang="da-DK" sz="1100" b="0" noProof="0" dirty="0">
                <a:hlinkClick r:id="rId5" tooltip="DORA Oversight Guide"/>
              </a:rPr>
              <a:t> Guide - European Insurance and </a:t>
            </a:r>
            <a:r>
              <a:rPr lang="da-DK" sz="1100" b="0" noProof="0" dirty="0" err="1">
                <a:hlinkClick r:id="rId5" tooltip="DORA Oversight Guide"/>
              </a:rPr>
              <a:t>Occupational</a:t>
            </a:r>
            <a:r>
              <a:rPr lang="da-DK" sz="1100" b="0" noProof="0" dirty="0">
                <a:hlinkClick r:id="rId5" tooltip="DORA Oversight Guide"/>
              </a:rPr>
              <a:t> Pensions Authority</a:t>
            </a:r>
            <a:r>
              <a:rPr lang="da-DK" sz="1100" b="0" noProof="0" dirty="0"/>
              <a:t> </a:t>
            </a:r>
          </a:p>
          <a:p>
            <a:r>
              <a:rPr lang="da-DK" sz="1100" b="0" noProof="0" dirty="0"/>
              <a:t>[38] </a:t>
            </a:r>
            <a:r>
              <a:rPr lang="da-DK" sz="1100" b="0" noProof="0" dirty="0">
                <a:hlinkClick r:id="rId6" tooltip="State of digital development and infrastructure"/>
              </a:rPr>
              <a:t>https://www.dst.dk/en/Statistik/temaer/digitalisering</a:t>
            </a:r>
            <a:r>
              <a:rPr lang="da-DK" sz="1100" b="0" noProof="0" dirty="0"/>
              <a:t> </a:t>
            </a:r>
          </a:p>
          <a:p>
            <a:r>
              <a:rPr lang="da-DK" sz="1100" b="0" noProof="0" dirty="0"/>
              <a:t>[39] </a:t>
            </a:r>
            <a:r>
              <a:rPr lang="da-DK" sz="1100" b="0" noProof="0" dirty="0">
                <a:hlinkClick r:id="rId7" tooltip="Bankdata hjemmeside"/>
              </a:rPr>
              <a:t>Bankdata - United in Code, </a:t>
            </a:r>
            <a:r>
              <a:rPr lang="da-DK" sz="1100" b="0" noProof="0" dirty="0" err="1">
                <a:hlinkClick r:id="rId7" tooltip="Bankdata hjemmeside"/>
              </a:rPr>
              <a:t>Empowered</a:t>
            </a:r>
            <a:r>
              <a:rPr lang="da-DK" sz="1100" b="0" noProof="0" dirty="0">
                <a:hlinkClick r:id="rId7" tooltip="Bankdata hjemmeside"/>
              </a:rPr>
              <a:t> by Talents</a:t>
            </a:r>
            <a:r>
              <a:rPr lang="da-DK" sz="1100" b="0" noProof="0" dirty="0"/>
              <a:t> </a:t>
            </a:r>
          </a:p>
          <a:p>
            <a:r>
              <a:rPr lang="da-DK" sz="1100" b="0" noProof="0" dirty="0"/>
              <a:t>[40] </a:t>
            </a:r>
            <a:r>
              <a:rPr lang="da-DK" sz="1100" b="0" noProof="0" dirty="0">
                <a:hlinkClick r:id="rId8" tooltip="En modulær tilgang til digital suverænitet. CAISA"/>
              </a:rPr>
              <a:t>693abbcf1cf88573083d1e26_AIsovCAISA.pdf</a:t>
            </a:r>
            <a:endParaRPr lang="da-DK" sz="1100" b="0" noProof="0" dirty="0"/>
          </a:p>
          <a:p>
            <a:r>
              <a:rPr lang="da-DK" sz="1100" b="0" noProof="0" dirty="0"/>
              <a:t>[41] </a:t>
            </a:r>
            <a:r>
              <a:rPr lang="da-DK" sz="1100" b="0" noProof="0" dirty="0" err="1">
                <a:solidFill>
                  <a:srgbClr val="000000"/>
                </a:solidFill>
              </a:rPr>
              <a:t>Strategische</a:t>
            </a:r>
            <a:r>
              <a:rPr lang="da-DK" sz="1100" b="0" noProof="0" dirty="0">
                <a:solidFill>
                  <a:srgbClr val="000000"/>
                </a:solidFill>
              </a:rPr>
              <a:t> </a:t>
            </a:r>
            <a:r>
              <a:rPr lang="da-DK" sz="1100" b="0" noProof="0" dirty="0" err="1">
                <a:solidFill>
                  <a:srgbClr val="000000"/>
                </a:solidFill>
              </a:rPr>
              <a:t>Marktanalyse</a:t>
            </a:r>
            <a:r>
              <a:rPr lang="da-DK" sz="1100" b="0" noProof="0" dirty="0">
                <a:solidFill>
                  <a:srgbClr val="000000"/>
                </a:solidFill>
              </a:rPr>
              <a:t> </a:t>
            </a:r>
            <a:r>
              <a:rPr lang="da-DK" sz="1100" b="0" noProof="0" dirty="0" err="1">
                <a:solidFill>
                  <a:srgbClr val="000000"/>
                </a:solidFill>
              </a:rPr>
              <a:t>zur</a:t>
            </a:r>
            <a:r>
              <a:rPr lang="da-DK" sz="1100" b="0" noProof="0" dirty="0">
                <a:solidFill>
                  <a:srgbClr val="000000"/>
                </a:solidFill>
              </a:rPr>
              <a:t> </a:t>
            </a:r>
            <a:r>
              <a:rPr lang="da-DK" sz="1100" b="0" noProof="0" dirty="0" err="1">
                <a:solidFill>
                  <a:srgbClr val="000000"/>
                </a:solidFill>
              </a:rPr>
              <a:t>Reduzierung</a:t>
            </a:r>
            <a:r>
              <a:rPr lang="da-DK" sz="1100" b="0" noProof="0" dirty="0">
                <a:solidFill>
                  <a:srgbClr val="000000"/>
                </a:solidFill>
              </a:rPr>
              <a:t> von </a:t>
            </a:r>
            <a:r>
              <a:rPr lang="da-DK" sz="1100" b="0" noProof="0" dirty="0" err="1">
                <a:solidFill>
                  <a:srgbClr val="000000"/>
                </a:solidFill>
              </a:rPr>
              <a:t>Abhängigkeiten</a:t>
            </a:r>
            <a:r>
              <a:rPr lang="da-DK" sz="1100" b="0" noProof="0" dirty="0">
                <a:solidFill>
                  <a:srgbClr val="000000"/>
                </a:solidFill>
              </a:rPr>
              <a:t> von </a:t>
            </a:r>
            <a:r>
              <a:rPr lang="da-DK" sz="1100" b="0" noProof="0" dirty="0" err="1">
                <a:solidFill>
                  <a:srgbClr val="000000"/>
                </a:solidFill>
              </a:rPr>
              <a:t>einzelnen</a:t>
            </a:r>
            <a:r>
              <a:rPr lang="da-DK" sz="1100" b="0" noProof="0" dirty="0">
                <a:solidFill>
                  <a:srgbClr val="000000"/>
                </a:solidFill>
              </a:rPr>
              <a:t> Software-</a:t>
            </a:r>
            <a:r>
              <a:rPr lang="da-DK" sz="1100" b="0" noProof="0" dirty="0" err="1">
                <a:solidFill>
                  <a:srgbClr val="000000"/>
                </a:solidFill>
              </a:rPr>
              <a:t>Anbietern</a:t>
            </a:r>
            <a:endParaRPr lang="da-DK" sz="1100" b="0" noProof="0" dirty="0">
              <a:solidFill>
                <a:srgbClr val="000000"/>
              </a:solidFill>
            </a:endParaRPr>
          </a:p>
          <a:p>
            <a:r>
              <a:rPr lang="da-DK" sz="1100" b="0" noProof="0" dirty="0"/>
              <a:t>[42] </a:t>
            </a:r>
            <a:r>
              <a:rPr lang="da-DK" sz="1100" b="0" noProof="0" dirty="0">
                <a:solidFill>
                  <a:schemeClr val="tx1"/>
                </a:solidFill>
                <a:hlinkClick r:id="rId9" tooltip="OS2-samarbejdet skaber værdi via en ny model for udvikling af digitale løsninger"/>
              </a:rPr>
              <a:t>https://www.kl.dk/oekonomi-og-administration/oekonomi-og-styring/omstilling-og-udvikling/nyhedsbrevet-raaderum/2018/nr-4/os2-samarbejdet-skaber-vaerdi-via-en-ny-model-for-udvikling-af-digitale-loesninger</a:t>
            </a:r>
            <a:endParaRPr lang="da-DK" sz="1100" b="0" noProof="0" dirty="0"/>
          </a:p>
          <a:p>
            <a:endParaRPr lang="da-DK" sz="1100" b="0" i="1" noProof="0" dirty="0"/>
          </a:p>
        </p:txBody>
      </p:sp>
    </p:spTree>
    <p:extLst>
      <p:ext uri="{BB962C8B-B14F-4D97-AF65-F5344CB8AC3E}">
        <p14:creationId xmlns:p14="http://schemas.microsoft.com/office/powerpoint/2010/main" val="2301648015"/>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A7D630-641C-818C-9A69-D407B542B671}"/>
              </a:ext>
            </a:extLst>
          </p:cNvPr>
          <p:cNvSpPr>
            <a:spLocks noGrp="1"/>
          </p:cNvSpPr>
          <p:nvPr>
            <p:ph type="title"/>
          </p:nvPr>
        </p:nvSpPr>
        <p:spPr>
          <a:xfrm>
            <a:off x="554355" y="512763"/>
            <a:ext cx="11088370" cy="792465"/>
          </a:xfrm>
        </p:spPr>
        <p:txBody>
          <a:bodyPr/>
          <a:lstStyle/>
          <a:p>
            <a:r>
              <a:rPr lang="da-DK" sz="2200" noProof="0" dirty="0"/>
              <a:t>Formålet med analysen er at inspirere danske myndigheder til, hvordan en udvikling mod øget digital suverænitet kan se ud</a:t>
            </a:r>
          </a:p>
        </p:txBody>
      </p:sp>
      <p:sp>
        <p:nvSpPr>
          <p:cNvPr id="23" name="Content Placeholder 5">
            <a:extLst>
              <a:ext uri="{FF2B5EF4-FFF2-40B4-BE49-F238E27FC236}">
                <a16:creationId xmlns:a16="http://schemas.microsoft.com/office/drawing/2014/main" id="{64624A4A-60B7-DD4A-F4E4-58C1ED2CFD08}"/>
              </a:ext>
              <a:ext uri="{C183D7F6-B498-43B3-948B-1728B52AA6E4}">
                <adec:decorative xmlns:adec="http://schemas.microsoft.com/office/drawing/2017/decorative" val="0"/>
              </a:ext>
            </a:extLst>
          </p:cNvPr>
          <p:cNvSpPr txBox="1">
            <a:spLocks/>
          </p:cNvSpPr>
          <p:nvPr/>
        </p:nvSpPr>
        <p:spPr>
          <a:xfrm>
            <a:off x="552450" y="1599103"/>
            <a:ext cx="11087386" cy="911598"/>
          </a:xfrm>
          <a:prstGeom prst="rect">
            <a:avLst/>
          </a:prstGeom>
        </p:spPr>
        <p:txBody>
          <a:bodyPr vert="horz" lIns="0" tIns="0" rIns="0" bIns="0" rtlCol="0" anchor="t">
            <a:noAutofit/>
          </a:bodyPr>
          <a:lstStyle>
            <a:defPPr>
              <a:defRPr lang="en-US"/>
            </a:defPPr>
            <a:lvl1pPr indent="0" defTabSz="203892">
              <a:lnSpc>
                <a:spcPct val="100000"/>
              </a:lnSpc>
              <a:spcBef>
                <a:spcPts val="0"/>
              </a:spcBef>
              <a:spcAft>
                <a:spcPts val="300"/>
              </a:spcAft>
              <a:buClrTx/>
              <a:buFont typeface="Arial" panose="020B0604020202020204" pitchFamily="34" charset="0"/>
              <a:buNone/>
              <a:defRPr sz="1200" b="1" cap="none" baseline="0">
                <a:solidFill>
                  <a:schemeClr val="accent3"/>
                </a:solidFill>
              </a:defRPr>
            </a:lvl1pPr>
            <a:lvl2pPr marL="0" indent="0" defTabSz="203892">
              <a:lnSpc>
                <a:spcPct val="100000"/>
              </a:lnSpc>
              <a:spcBef>
                <a:spcPts val="0"/>
              </a:spcBef>
              <a:spcAft>
                <a:spcPts val="600"/>
              </a:spcAft>
              <a:buClrTx/>
              <a:buFont typeface="Arial" panose="020B0604020202020204" pitchFamily="34" charset="0"/>
              <a:buNone/>
              <a:defRPr sz="1200" b="1" cap="none" baseline="0">
                <a:solidFill>
                  <a:schemeClr val="accent1"/>
                </a:solidFill>
              </a:defRPr>
            </a:lvl2pPr>
            <a:lvl3pPr marL="0" indent="0" defTabSz="203892">
              <a:lnSpc>
                <a:spcPct val="100000"/>
              </a:lnSpc>
              <a:spcBef>
                <a:spcPts val="0"/>
              </a:spcBef>
              <a:spcAft>
                <a:spcPts val="600"/>
              </a:spcAft>
              <a:buFont typeface="Arial" panose="020B0604020202020204" pitchFamily="34" charset="0"/>
              <a:buNone/>
              <a:defRPr sz="1100">
                <a:solidFill>
                  <a:schemeClr val="accent3"/>
                </a:solidFill>
              </a:defRPr>
            </a:lvl3pPr>
            <a:lvl4pPr marL="180000" indent="-180000" defTabSz="203892">
              <a:lnSpc>
                <a:spcPct val="100000"/>
              </a:lnSpc>
              <a:spcBef>
                <a:spcPts val="0"/>
              </a:spcBef>
              <a:spcAft>
                <a:spcPts val="600"/>
              </a:spcAft>
              <a:buClr>
                <a:srgbClr val="F62B44"/>
              </a:buClr>
              <a:buFont typeface="Arial" panose="020B0604020202020204" pitchFamily="34" charset="0"/>
              <a:buChar char="•"/>
              <a:defRPr sz="1100">
                <a:solidFill>
                  <a:schemeClr val="accent3"/>
                </a:solidFill>
              </a:defRPr>
            </a:lvl4pPr>
            <a:lvl5pPr marL="36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5pPr>
            <a:lvl6pPr marL="54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6pPr>
            <a:lvl7pPr marL="225425" indent="-225425" defTabSz="203892">
              <a:lnSpc>
                <a:spcPct val="100000"/>
              </a:lnSpc>
              <a:spcBef>
                <a:spcPts val="0"/>
              </a:spcBef>
              <a:spcAft>
                <a:spcPts val="600"/>
              </a:spcAft>
              <a:buClr>
                <a:srgbClr val="F62B44"/>
              </a:buClr>
              <a:buFont typeface="+mj-lt"/>
              <a:buAutoNum type="arabicPeriod"/>
              <a:defRPr sz="1100">
                <a:solidFill>
                  <a:schemeClr val="accent3"/>
                </a:solidFill>
              </a:defRPr>
            </a:lvl7pPr>
            <a:lvl8pPr marL="449263" indent="-215900" defTabSz="203892">
              <a:lnSpc>
                <a:spcPct val="100000"/>
              </a:lnSpc>
              <a:spcBef>
                <a:spcPts val="0"/>
              </a:spcBef>
              <a:spcAft>
                <a:spcPts val="600"/>
              </a:spcAft>
              <a:buClr>
                <a:srgbClr val="F62B44"/>
              </a:buClr>
              <a:buFont typeface="+mj-lt"/>
              <a:buAutoNum type="alphaLcParenR"/>
              <a:defRPr sz="1100">
                <a:solidFill>
                  <a:schemeClr val="accent3"/>
                </a:solidFill>
              </a:defRPr>
            </a:lvl8pPr>
            <a:lvl9pPr marL="630238" indent="-180975" defTabSz="203892">
              <a:lnSpc>
                <a:spcPct val="100000"/>
              </a:lnSpc>
              <a:spcBef>
                <a:spcPts val="0"/>
              </a:spcBef>
              <a:spcAft>
                <a:spcPts val="600"/>
              </a:spcAft>
              <a:buClr>
                <a:srgbClr val="F62B44"/>
              </a:buClr>
              <a:buSzPct val="100000"/>
              <a:buFont typeface="+mj-lt"/>
              <a:buAutoNum type="romanLcPeriod"/>
              <a:defRPr sz="1100">
                <a:solidFill>
                  <a:schemeClr val="accent3"/>
                </a:solidFill>
              </a:defRPr>
            </a:lvl9pPr>
          </a:lstStyle>
          <a:p>
            <a:r>
              <a:rPr lang="da-DK" noProof="0" dirty="0"/>
              <a:t>Som input til arbejdet med at sikre en øget grad af digital suverænitet har parterne omkring den fællesoffentlige digitaliseringsstrategi (FODS) bedt PA Consulting (PA) om at udarbejde en analyse af udfordringer, erfaringsbaserede cases og mulige løsningsspor. Det har været et væsentligt element i opdraget, at de skitserede løsningsspor skal hente inspiration i udvalgte cases fra danske og udenlandske myndigheder samt enkelte private virksomheder. </a:t>
            </a:r>
          </a:p>
        </p:txBody>
      </p:sp>
      <p:sp>
        <p:nvSpPr>
          <p:cNvPr id="20" name="Rectangle: Rounded Corners 2">
            <a:extLst>
              <a:ext uri="{FF2B5EF4-FFF2-40B4-BE49-F238E27FC236}">
                <a16:creationId xmlns:a16="http://schemas.microsoft.com/office/drawing/2014/main" id="{A657F9A0-3030-F0D2-45D6-8BE042B33C9F}"/>
              </a:ext>
            </a:extLst>
          </p:cNvPr>
          <p:cNvSpPr/>
          <p:nvPr/>
        </p:nvSpPr>
        <p:spPr>
          <a:xfrm>
            <a:off x="551722" y="2571249"/>
            <a:ext cx="3601182" cy="3803566"/>
          </a:xfrm>
          <a:prstGeom prst="roundRect">
            <a:avLst>
              <a:gd name="adj" fmla="val 2362"/>
            </a:avLst>
          </a:prstGeom>
          <a:noFill/>
          <a:ln w="9525">
            <a:solidFill>
              <a:srgbClr val="A2B3C9"/>
            </a:solidFill>
          </a:ln>
        </p:spPr>
        <p:style>
          <a:lnRef idx="2">
            <a:schemeClr val="accent1">
              <a:shade val="50000"/>
            </a:schemeClr>
          </a:lnRef>
          <a:fillRef idx="1">
            <a:schemeClr val="accent1"/>
          </a:fillRef>
          <a:effectRef idx="0">
            <a:schemeClr val="accent1"/>
          </a:effectRef>
          <a:fontRef idx="minor">
            <a:schemeClr val="lt1"/>
          </a:fontRef>
        </p:style>
        <p:txBody>
          <a:bodyPr lIns="108000" tIns="72000" rIns="108000" bIns="72000" rtlCol="0" anchor="t"/>
          <a:lstStyle/>
          <a:p>
            <a:pPr algn="just">
              <a:spcAft>
                <a:spcPts val="300"/>
              </a:spcAft>
            </a:pPr>
            <a:r>
              <a:rPr lang="da-DK" sz="1200" b="1" noProof="0" dirty="0">
                <a:solidFill>
                  <a:srgbClr val="024D78"/>
                </a:solidFill>
              </a:rPr>
              <a:t>Analysens formål</a:t>
            </a:r>
          </a:p>
          <a:p>
            <a:pPr>
              <a:lnSpc>
                <a:spcPts val="1300"/>
              </a:lnSpc>
              <a:spcAft>
                <a:spcPts val="300"/>
              </a:spcAft>
              <a:tabLst>
                <a:tab pos="0" algn="l"/>
                <a:tab pos="827088" algn="l"/>
              </a:tabLst>
            </a:pPr>
            <a:r>
              <a:rPr lang="da-DK" sz="1100" b="0" noProof="0" dirty="0">
                <a:solidFill>
                  <a:schemeClr val="tx1"/>
                </a:solidFill>
                <a:effectLst/>
                <a:ea typeface="Times New Roman" panose="02020603050405020304" pitchFamily="18" charset="0"/>
                <a:cs typeface="Times New Roman"/>
              </a:rPr>
              <a:t>Parterne i FODS-samarbejdet har bedt om bistand til udarbejdelse af en samlet analyseopgave, som understøtter parternes arbejde med at belyse </a:t>
            </a:r>
            <a:r>
              <a:rPr lang="da-DK" sz="1100" noProof="0" dirty="0">
                <a:solidFill>
                  <a:schemeClr val="tx1"/>
                </a:solidFill>
                <a:cs typeface="Times New Roman"/>
              </a:rPr>
              <a:t>udfordringer og muligheder ved øget digital suverænitet. </a:t>
            </a:r>
          </a:p>
          <a:p>
            <a:pPr>
              <a:lnSpc>
                <a:spcPts val="1300"/>
              </a:lnSpc>
              <a:spcAft>
                <a:spcPts val="300"/>
              </a:spcAft>
              <a:tabLst>
                <a:tab pos="0" algn="l"/>
                <a:tab pos="827088" algn="l"/>
              </a:tabLst>
            </a:pPr>
            <a:r>
              <a:rPr lang="da-DK" sz="1100" noProof="0" dirty="0">
                <a:solidFill>
                  <a:schemeClr val="tx1"/>
                </a:solidFill>
                <a:cs typeface="Times New Roman"/>
              </a:rPr>
              <a:t>Analysen skal afdække myndigheders erfaringer med migrering til alternative teknologier gennem konkrete eksempler. Afdækningen suppleres med enkelte eksempler fra private virksomheder.</a:t>
            </a:r>
          </a:p>
          <a:p>
            <a:pPr>
              <a:lnSpc>
                <a:spcPts val="1300"/>
              </a:lnSpc>
              <a:spcAft>
                <a:spcPts val="300"/>
              </a:spcAft>
              <a:tabLst>
                <a:tab pos="0" algn="l"/>
                <a:tab pos="827088" algn="l"/>
              </a:tabLst>
            </a:pPr>
            <a:r>
              <a:rPr lang="da-DK" sz="1100" noProof="0" dirty="0">
                <a:solidFill>
                  <a:schemeClr val="tx1"/>
                </a:solidFill>
                <a:cs typeface="Times New Roman"/>
              </a:rPr>
              <a:t>På denne baggrund skal der opstilles en række mulige løsningsspor med nye og kendte greb, som parterne og de danske myndigheder kan arbejde videre med at realisere. </a:t>
            </a:r>
          </a:p>
          <a:p>
            <a:pPr>
              <a:lnSpc>
                <a:spcPts val="1300"/>
              </a:lnSpc>
              <a:spcAft>
                <a:spcPts val="300"/>
              </a:spcAft>
              <a:tabLst>
                <a:tab pos="0" algn="l"/>
                <a:tab pos="827088" algn="l"/>
              </a:tabLst>
            </a:pPr>
            <a:r>
              <a:rPr lang="da-DK" sz="1100" noProof="0" dirty="0">
                <a:solidFill>
                  <a:schemeClr val="tx1"/>
                </a:solidFill>
                <a:cs typeface="Times New Roman"/>
              </a:rPr>
              <a:t>Formålet med analysen er således at inspirere danske myndigheder til, hvordan en udvikling mod øget digital suverænitet kan se ud.</a:t>
            </a:r>
          </a:p>
        </p:txBody>
      </p:sp>
      <p:pic>
        <p:nvPicPr>
          <p:cNvPr id="7" name="Picture 6">
            <a:extLst>
              <a:ext uri="{FF2B5EF4-FFF2-40B4-BE49-F238E27FC236}">
                <a16:creationId xmlns:a16="http://schemas.microsoft.com/office/drawing/2014/main" id="{EB70BAC9-9835-7320-2039-18277D38CF25}"/>
              </a:ext>
              <a:ext uri="{C183D7F6-B498-43B3-948B-1728B52AA6E4}">
                <adec:decorative xmlns:adec="http://schemas.microsoft.com/office/drawing/2017/decorative" val="1"/>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532039" y="5989466"/>
            <a:ext cx="848461" cy="279493"/>
          </a:xfrm>
          <a:prstGeom prst="rect">
            <a:avLst/>
          </a:prstGeom>
        </p:spPr>
      </p:pic>
      <p:pic>
        <p:nvPicPr>
          <p:cNvPr id="5" name="Picture 4">
            <a:extLst>
              <a:ext uri="{FF2B5EF4-FFF2-40B4-BE49-F238E27FC236}">
                <a16:creationId xmlns:a16="http://schemas.microsoft.com/office/drawing/2014/main" id="{C266378F-1D4D-195B-F9B5-9CFB45C8082F}"/>
              </a:ext>
              <a:ext uri="{C183D7F6-B498-43B3-948B-1728B52AA6E4}">
                <adec:decorative xmlns:adec="http://schemas.microsoft.com/office/drawing/2017/decorative" val="1"/>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591384" y="6039451"/>
            <a:ext cx="901783" cy="229508"/>
          </a:xfrm>
          <a:prstGeom prst="rect">
            <a:avLst/>
          </a:prstGeom>
        </p:spPr>
      </p:pic>
      <p:pic>
        <p:nvPicPr>
          <p:cNvPr id="4" name="Picture 3">
            <a:extLst>
              <a:ext uri="{FF2B5EF4-FFF2-40B4-BE49-F238E27FC236}">
                <a16:creationId xmlns:a16="http://schemas.microsoft.com/office/drawing/2014/main" id="{7A49A2F5-8AF8-FEBA-A77C-86D806344BDC}"/>
              </a:ext>
              <a:ext uri="{C183D7F6-B498-43B3-948B-1728B52AA6E4}">
                <adec:decorative xmlns:adec="http://schemas.microsoft.com/office/drawing/2017/decorative" val="1"/>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3704052" y="6071334"/>
            <a:ext cx="326363" cy="197625"/>
          </a:xfrm>
          <a:prstGeom prst="rect">
            <a:avLst/>
          </a:prstGeom>
        </p:spPr>
      </p:pic>
      <p:sp>
        <p:nvSpPr>
          <p:cNvPr id="21" name="Rectangle: Rounded Corners 6">
            <a:extLst>
              <a:ext uri="{FF2B5EF4-FFF2-40B4-BE49-F238E27FC236}">
                <a16:creationId xmlns:a16="http://schemas.microsoft.com/office/drawing/2014/main" id="{9C7F61E0-EF0E-90B8-6CB7-5A1574C70EA0}"/>
              </a:ext>
            </a:extLst>
          </p:cNvPr>
          <p:cNvSpPr>
            <a:spLocks/>
          </p:cNvSpPr>
          <p:nvPr/>
        </p:nvSpPr>
        <p:spPr>
          <a:xfrm>
            <a:off x="4297396" y="2571249"/>
            <a:ext cx="3601182" cy="3803566"/>
          </a:xfrm>
          <a:prstGeom prst="roundRect">
            <a:avLst>
              <a:gd name="adj" fmla="val 2362"/>
            </a:avLst>
          </a:prstGeom>
          <a:noFill/>
          <a:ln w="9525">
            <a:solidFill>
              <a:srgbClr val="A2B3C9"/>
            </a:solidFill>
          </a:ln>
        </p:spPr>
        <p:style>
          <a:lnRef idx="2">
            <a:schemeClr val="accent1">
              <a:shade val="50000"/>
            </a:schemeClr>
          </a:lnRef>
          <a:fillRef idx="1">
            <a:schemeClr val="accent1"/>
          </a:fillRef>
          <a:effectRef idx="0">
            <a:schemeClr val="accent1"/>
          </a:effectRef>
          <a:fontRef idx="minor">
            <a:schemeClr val="lt1"/>
          </a:fontRef>
        </p:style>
        <p:txBody>
          <a:bodyPr lIns="108000" tIns="72000" rIns="108000" bIns="72000" rtlCol="0" anchor="t"/>
          <a:lstStyle/>
          <a:p>
            <a:pPr marL="0" marR="0" lvl="2" indent="0" algn="l" defTabSz="203831" rtl="0" eaLnBrk="1" fontAlgn="auto" latinLnBrk="0" hangingPunct="1">
              <a:lnSpc>
                <a:spcPct val="100000"/>
              </a:lnSpc>
              <a:spcAft>
                <a:spcPts val="300"/>
              </a:spcAft>
              <a:buClrTx/>
              <a:buSzTx/>
              <a:buFont typeface="Arial" panose="020B0604020202020204" pitchFamily="34" charset="0"/>
              <a:buNone/>
              <a:tabLst/>
              <a:defRPr/>
            </a:pPr>
            <a:r>
              <a:rPr kumimoji="0" lang="da-DK" sz="1200" b="1" i="0" u="none" strike="noStrike" kern="1200" cap="none" spc="0" normalizeH="0" baseline="0" noProof="0" dirty="0">
                <a:ln>
                  <a:noFill/>
                </a:ln>
                <a:solidFill>
                  <a:srgbClr val="024D78"/>
                </a:solidFill>
                <a:effectLst/>
                <a:uLnTx/>
                <a:uFillTx/>
                <a:ea typeface="+mn-ea"/>
                <a:cs typeface="+mn-cs"/>
              </a:rPr>
              <a:t>Analysens baggrund</a:t>
            </a:r>
          </a:p>
          <a:p>
            <a:pPr marL="0" lvl="2" defTabSz="203831">
              <a:spcAft>
                <a:spcPts val="300"/>
              </a:spcAft>
              <a:defRPr/>
            </a:pPr>
            <a:r>
              <a:rPr kumimoji="0" lang="da-DK" sz="1100" b="0" i="0" u="none" strike="noStrike" kern="1200" cap="none" spc="0" normalizeH="0" baseline="0" noProof="0" dirty="0">
                <a:ln>
                  <a:noFill/>
                </a:ln>
                <a:solidFill>
                  <a:schemeClr val="tx1"/>
                </a:solidFill>
                <a:effectLst/>
                <a:uLnTx/>
                <a:uFillTx/>
                <a:ea typeface="+mn-ea"/>
                <a:cs typeface="+mn-cs"/>
              </a:rPr>
              <a:t>Baggrunden for analysen er et tydeligt fokusområde i den</a:t>
            </a:r>
            <a:r>
              <a:rPr lang="da-DK" sz="1100" noProof="0" dirty="0">
                <a:solidFill>
                  <a:schemeClr val="tx1"/>
                </a:solidFill>
                <a:cs typeface="Times New Roman"/>
              </a:rPr>
              <a:t> fællesoffentlige digitaliseringsstrategi 2026-29 om øget digital suverænitet og digital udvikling i Europa. </a:t>
            </a:r>
          </a:p>
          <a:p>
            <a:pPr marL="0" lvl="2" defTabSz="203831">
              <a:spcAft>
                <a:spcPts val="300"/>
              </a:spcAft>
              <a:defRPr/>
            </a:pPr>
            <a:r>
              <a:rPr lang="da-DK" sz="1100" noProof="0" dirty="0">
                <a:solidFill>
                  <a:schemeClr val="tx1"/>
                </a:solidFill>
                <a:cs typeface="Times New Roman"/>
              </a:rPr>
              <a:t>Regeringen, KL og Danske Regioner har en fælles ambition om at fremme digital suverænitet i den offentlige sektor pga. udfordringerne med bl.a. stigende afhængighed af digitale løsninger og it-infrastruktur fra få, meget store udenlandske virksomheder i kombination med en usikker geopolitisk situation og et intensiveret trusselsbillede.</a:t>
            </a:r>
          </a:p>
          <a:p>
            <a:pPr marL="0" lvl="2" defTabSz="203831">
              <a:spcAft>
                <a:spcPts val="300"/>
              </a:spcAft>
              <a:defRPr/>
            </a:pPr>
            <a:r>
              <a:rPr lang="da-DK" sz="1100" noProof="0" dirty="0">
                <a:solidFill>
                  <a:schemeClr val="tx1"/>
                </a:solidFill>
                <a:cs typeface="Times New Roman"/>
              </a:rPr>
              <a:t>Digitaliseringsstrategiens initiativ 12 har fokus på at skabe overblik over alternativer og øget konkurrence mhp. at reducere afhængigheder og sårbarheder samt støtte myndighedernes suverænitet over egne løsninger og data.</a:t>
            </a:r>
          </a:p>
          <a:p>
            <a:pPr>
              <a:lnSpc>
                <a:spcPts val="1300"/>
              </a:lnSpc>
              <a:spcAft>
                <a:spcPts val="300"/>
              </a:spcAft>
              <a:tabLst>
                <a:tab pos="0" algn="l"/>
                <a:tab pos="827088" algn="l"/>
              </a:tabLst>
            </a:pPr>
            <a:r>
              <a:rPr lang="da-DK" sz="1100" b="0" noProof="0" dirty="0">
                <a:solidFill>
                  <a:schemeClr val="tx1"/>
                </a:solidFill>
                <a:effectLst/>
                <a:ea typeface="Times New Roman" panose="02020603050405020304" pitchFamily="18" charset="0"/>
                <a:cs typeface="Times New Roman"/>
              </a:rPr>
              <a:t>Det primære fokus er på mulige tiltag for de danske myndigheder</a:t>
            </a:r>
            <a:r>
              <a:rPr lang="da-DK" sz="1100" noProof="0" dirty="0">
                <a:solidFill>
                  <a:schemeClr val="tx1"/>
                </a:solidFill>
                <a:ea typeface="Times New Roman" panose="02020603050405020304" pitchFamily="18" charset="0"/>
                <a:cs typeface="Times New Roman"/>
              </a:rPr>
              <a:t>.</a:t>
            </a:r>
            <a:r>
              <a:rPr lang="da-DK" sz="1100" b="0" noProof="0" dirty="0">
                <a:solidFill>
                  <a:schemeClr val="tx1"/>
                </a:solidFill>
                <a:effectLst/>
                <a:ea typeface="Times New Roman" panose="02020603050405020304" pitchFamily="18" charset="0"/>
                <a:cs typeface="Times New Roman"/>
              </a:rPr>
              <a:t> Analysen omfatter stat, regioner og kommuner. </a:t>
            </a:r>
          </a:p>
        </p:txBody>
      </p:sp>
      <p:sp>
        <p:nvSpPr>
          <p:cNvPr id="22" name="Rectangle: Rounded Corners 8">
            <a:extLst>
              <a:ext uri="{FF2B5EF4-FFF2-40B4-BE49-F238E27FC236}">
                <a16:creationId xmlns:a16="http://schemas.microsoft.com/office/drawing/2014/main" id="{8F8B5790-083F-F6B2-C31A-106A7CE53BAA}"/>
              </a:ext>
            </a:extLst>
          </p:cNvPr>
          <p:cNvSpPr/>
          <p:nvPr/>
        </p:nvSpPr>
        <p:spPr>
          <a:xfrm>
            <a:off x="8038654" y="2571249"/>
            <a:ext cx="3601182" cy="3803566"/>
          </a:xfrm>
          <a:prstGeom prst="roundRect">
            <a:avLst>
              <a:gd name="adj" fmla="val 2362"/>
            </a:avLst>
          </a:prstGeom>
          <a:noFill/>
          <a:ln w="9525">
            <a:solidFill>
              <a:srgbClr val="A2B3C9"/>
            </a:solidFill>
          </a:ln>
        </p:spPr>
        <p:style>
          <a:lnRef idx="2">
            <a:schemeClr val="accent1">
              <a:shade val="50000"/>
            </a:schemeClr>
          </a:lnRef>
          <a:fillRef idx="1">
            <a:schemeClr val="accent1"/>
          </a:fillRef>
          <a:effectRef idx="0">
            <a:schemeClr val="accent1"/>
          </a:effectRef>
          <a:fontRef idx="minor">
            <a:schemeClr val="lt1"/>
          </a:fontRef>
        </p:style>
        <p:txBody>
          <a:bodyPr lIns="108000" tIns="72000" rIns="108000" bIns="72000" rtlCol="0" anchor="t"/>
          <a:lstStyle/>
          <a:p>
            <a:pPr>
              <a:spcAft>
                <a:spcPts val="300"/>
              </a:spcAft>
            </a:pPr>
            <a:r>
              <a:rPr kumimoji="0" lang="da-DK" sz="1200" b="1" i="0" u="none" strike="noStrike" kern="1200" cap="none" spc="0" normalizeH="0" baseline="0" noProof="0" dirty="0">
                <a:ln>
                  <a:noFill/>
                </a:ln>
                <a:solidFill>
                  <a:srgbClr val="024D78"/>
                </a:solidFill>
                <a:effectLst/>
                <a:uLnTx/>
                <a:uFillTx/>
                <a:ea typeface="+mn-ea"/>
                <a:cs typeface="+mn-cs"/>
              </a:rPr>
              <a:t>Analysens hovedleverancer</a:t>
            </a:r>
          </a:p>
          <a:p>
            <a:pPr>
              <a:lnSpc>
                <a:spcPts val="1300"/>
              </a:lnSpc>
              <a:spcAft>
                <a:spcPts val="300"/>
              </a:spcAft>
              <a:tabLst>
                <a:tab pos="0" algn="l"/>
                <a:tab pos="827088" algn="l"/>
              </a:tabLst>
            </a:pPr>
            <a:r>
              <a:rPr lang="da-DK" sz="1100" noProof="0" dirty="0">
                <a:solidFill>
                  <a:schemeClr val="tx1"/>
                </a:solidFill>
                <a:ea typeface="Times New Roman" panose="02020603050405020304" pitchFamily="18" charset="0"/>
                <a:cs typeface="Times New Roman"/>
              </a:rPr>
              <a:t>Konkret omfatter analysearbejdet tre primære leverancer:</a:t>
            </a:r>
          </a:p>
          <a:p>
            <a:pPr marL="171450" indent="-171450">
              <a:lnSpc>
                <a:spcPts val="1300"/>
              </a:lnSpc>
              <a:spcAft>
                <a:spcPts val="300"/>
              </a:spcAft>
              <a:buFont typeface="Arial" panose="020B0604020202020204" pitchFamily="34" charset="0"/>
              <a:buChar char="•"/>
              <a:tabLst>
                <a:tab pos="0" algn="l"/>
                <a:tab pos="827088" algn="l"/>
              </a:tabLst>
            </a:pPr>
            <a:r>
              <a:rPr lang="da-DK" sz="1100" b="1" noProof="0" dirty="0">
                <a:solidFill>
                  <a:schemeClr val="tx1"/>
                </a:solidFill>
                <a:effectLst/>
                <a:ea typeface="Times New Roman" panose="02020603050405020304" pitchFamily="18" charset="0"/>
                <a:cs typeface="Times New Roman"/>
              </a:rPr>
              <a:t>Delleverance 1:</a:t>
            </a:r>
            <a:r>
              <a:rPr lang="da-DK" sz="1100" b="0" noProof="0" dirty="0">
                <a:solidFill>
                  <a:schemeClr val="tx1"/>
                </a:solidFill>
                <a:effectLst/>
                <a:ea typeface="Times New Roman" panose="02020603050405020304" pitchFamily="18" charset="0"/>
                <a:cs typeface="Times New Roman"/>
              </a:rPr>
              <a:t> Beskrivelse af en forståelsesramme for digital suverænitet og et overordnet udfordringsbillede, som suppleres med en vurdering af mere teknologinære udfordringer (kapitel 1 og 2). </a:t>
            </a:r>
            <a:endParaRPr lang="da-DK" sz="1100" noProof="0" dirty="0">
              <a:solidFill>
                <a:schemeClr val="tx1"/>
              </a:solidFill>
              <a:ea typeface="Times New Roman" panose="02020603050405020304" pitchFamily="18" charset="0"/>
              <a:cs typeface="Times New Roman"/>
            </a:endParaRPr>
          </a:p>
          <a:p>
            <a:pPr marL="171450" indent="-171450">
              <a:lnSpc>
                <a:spcPts val="1300"/>
              </a:lnSpc>
              <a:spcAft>
                <a:spcPts val="300"/>
              </a:spcAft>
              <a:buFont typeface="Arial" panose="020B0604020202020204" pitchFamily="34" charset="0"/>
              <a:buChar char="•"/>
              <a:tabLst>
                <a:tab pos="0" algn="l"/>
                <a:tab pos="827088" algn="l"/>
              </a:tabLst>
            </a:pPr>
            <a:r>
              <a:rPr lang="da-DK" sz="1100" b="1" noProof="0" dirty="0">
                <a:solidFill>
                  <a:schemeClr val="tx1"/>
                </a:solidFill>
                <a:effectLst/>
                <a:ea typeface="Times New Roman" panose="02020603050405020304" pitchFamily="18" charset="0"/>
                <a:cs typeface="Times New Roman"/>
              </a:rPr>
              <a:t>Delleverance 2: </a:t>
            </a:r>
            <a:r>
              <a:rPr lang="da-DK" sz="1100" noProof="0" dirty="0">
                <a:solidFill>
                  <a:schemeClr val="tx1"/>
                </a:solidFill>
                <a:effectLst/>
                <a:ea typeface="Times New Roman" panose="02020603050405020304" pitchFamily="18" charset="0"/>
                <a:cs typeface="Times New Roman"/>
              </a:rPr>
              <a:t>O</a:t>
            </a:r>
            <a:r>
              <a:rPr lang="da-DK" sz="1100" noProof="0" dirty="0">
                <a:solidFill>
                  <a:schemeClr val="tx1"/>
                </a:solidFill>
                <a:cs typeface="Times New Roman"/>
              </a:rPr>
              <a:t>psamling af danske og   udenlandske myndigheders erfaringer med migrering til alternative teknologier (afrapporteret som selvstændig leverance). Herudover en sammenfatning af den gennemførte dataindsamling med tværgående </a:t>
            </a:r>
            <a:r>
              <a:rPr lang="da-DK" sz="1100" noProof="0" dirty="0" err="1">
                <a:solidFill>
                  <a:schemeClr val="tx1"/>
                </a:solidFill>
                <a:cs typeface="Times New Roman"/>
              </a:rPr>
              <a:t>læringer</a:t>
            </a:r>
            <a:r>
              <a:rPr lang="da-DK" sz="1100" noProof="0" dirty="0">
                <a:solidFill>
                  <a:schemeClr val="tx1"/>
                </a:solidFill>
                <a:cs typeface="Times New Roman"/>
              </a:rPr>
              <a:t> og nøgleobservationer (kapitel 3).</a:t>
            </a:r>
          </a:p>
          <a:p>
            <a:pPr marL="171450" indent="-171450">
              <a:lnSpc>
                <a:spcPts val="1300"/>
              </a:lnSpc>
              <a:spcAft>
                <a:spcPts val="300"/>
              </a:spcAft>
              <a:buFont typeface="Arial" panose="020B0604020202020204" pitchFamily="34" charset="0"/>
              <a:buChar char="•"/>
              <a:tabLst>
                <a:tab pos="0" algn="l"/>
                <a:tab pos="827088" algn="l"/>
              </a:tabLst>
            </a:pPr>
            <a:r>
              <a:rPr lang="da-DK" sz="1100" b="1" noProof="0" dirty="0">
                <a:solidFill>
                  <a:schemeClr val="tx1"/>
                </a:solidFill>
                <a:ea typeface="Times New Roman" panose="02020603050405020304" pitchFamily="18" charset="0"/>
                <a:cs typeface="Times New Roman"/>
              </a:rPr>
              <a:t>Delleverance 3: </a:t>
            </a:r>
            <a:r>
              <a:rPr lang="da-DK" sz="1100" noProof="0" dirty="0" err="1">
                <a:solidFill>
                  <a:schemeClr val="tx1"/>
                </a:solidFill>
                <a:cs typeface="Times New Roman"/>
              </a:rPr>
              <a:t>PA’s</a:t>
            </a:r>
            <a:r>
              <a:rPr lang="da-DK" sz="1100" noProof="0" dirty="0">
                <a:solidFill>
                  <a:schemeClr val="tx1"/>
                </a:solidFill>
                <a:cs typeface="Times New Roman"/>
              </a:rPr>
              <a:t> forslag til mulige løsningsspor inkl. anbefalinger (kapitel 4). </a:t>
            </a:r>
          </a:p>
          <a:p>
            <a:pPr>
              <a:lnSpc>
                <a:spcPts val="1300"/>
              </a:lnSpc>
              <a:spcAft>
                <a:spcPts val="300"/>
              </a:spcAft>
              <a:tabLst>
                <a:tab pos="0" algn="l"/>
                <a:tab pos="827088" algn="l"/>
              </a:tabLst>
            </a:pPr>
            <a:r>
              <a:rPr lang="da-DK" sz="1100" noProof="0" dirty="0">
                <a:solidFill>
                  <a:schemeClr val="tx1"/>
                </a:solidFill>
                <a:ea typeface="Times New Roman" panose="02020603050405020304" pitchFamily="18" charset="0"/>
                <a:cs typeface="Times New Roman"/>
              </a:rPr>
              <a:t>Analysen er udarbejdet pba. parternes fælles opgavebeskrivelse og er gennemført i perioden oktober 2025 - januar 2026. </a:t>
            </a:r>
          </a:p>
        </p:txBody>
      </p:sp>
      <p:pic>
        <p:nvPicPr>
          <p:cNvPr id="3" name="Picture 2">
            <a:extLst>
              <a:ext uri="{FF2B5EF4-FFF2-40B4-BE49-F238E27FC236}">
                <a16:creationId xmlns:a16="http://schemas.microsoft.com/office/drawing/2014/main" id="{065A3C12-0FE9-4ECD-E387-337BA6D17DB5}"/>
              </a:ext>
              <a:ext uri="{C183D7F6-B498-43B3-948B-1728B52AA6E4}">
                <adec:decorative xmlns:adec="http://schemas.microsoft.com/office/drawing/2017/decorative" val="1"/>
              </a:ext>
            </a:extLst>
          </p:cNvPr>
          <p:cNvPicPr>
            <a:picLocks noChangeAspect="1"/>
          </p:cNvPicPr>
          <p:nvPr/>
        </p:nvPicPr>
        <p:blipFill>
          <a:blip r:embed="rId6"/>
          <a:stretch>
            <a:fillRect/>
          </a:stretch>
        </p:blipFill>
        <p:spPr>
          <a:xfrm>
            <a:off x="768668" y="5989466"/>
            <a:ext cx="552487" cy="279493"/>
          </a:xfrm>
          <a:prstGeom prst="rect">
            <a:avLst/>
          </a:prstGeom>
        </p:spPr>
      </p:pic>
    </p:spTree>
    <p:extLst>
      <p:ext uri="{BB962C8B-B14F-4D97-AF65-F5344CB8AC3E}">
        <p14:creationId xmlns:p14="http://schemas.microsoft.com/office/powerpoint/2010/main" val="3645432584"/>
      </p:ext>
    </p:extLst>
  </p:cSld>
  <p:clrMapOvr>
    <a:masterClrMapping/>
  </p:clrMapOvr>
  <p:transition>
    <p:fade/>
  </p:transition>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89790A-B77B-421D-7596-364A60DBE433}"/>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CFC1FFA1-82A2-0A35-D84B-9F947E0B2F74}"/>
              </a:ext>
            </a:extLst>
          </p:cNvPr>
          <p:cNvSpPr>
            <a:spLocks noGrp="1"/>
          </p:cNvSpPr>
          <p:nvPr>
            <p:ph type="title"/>
          </p:nvPr>
        </p:nvSpPr>
        <p:spPr/>
        <p:txBody>
          <a:bodyPr/>
          <a:lstStyle/>
          <a:p>
            <a:r>
              <a:rPr lang="da-DK" sz="2200" noProof="0" dirty="0"/>
              <a:t>PA har interviewet en række relevante </a:t>
            </a:r>
            <a:r>
              <a:rPr lang="da-DK" sz="2200" noProof="0" dirty="0" err="1"/>
              <a:t>videnspersoner</a:t>
            </a:r>
            <a:r>
              <a:rPr lang="da-DK" sz="2200" noProof="0" dirty="0"/>
              <a:t> fra både offentlige og private aktører, herunder internationale profiler </a:t>
            </a:r>
          </a:p>
        </p:txBody>
      </p:sp>
      <p:sp>
        <p:nvSpPr>
          <p:cNvPr id="4" name="Rektangel: afrundede hjørner 3">
            <a:extLst>
              <a:ext uri="{FF2B5EF4-FFF2-40B4-BE49-F238E27FC236}">
                <a16:creationId xmlns:a16="http://schemas.microsoft.com/office/drawing/2014/main" id="{064EEF6B-66AE-75C1-CE52-B78C6149216A}"/>
              </a:ext>
            </a:extLst>
          </p:cNvPr>
          <p:cNvSpPr>
            <a:spLocks/>
          </p:cNvSpPr>
          <p:nvPr/>
        </p:nvSpPr>
        <p:spPr>
          <a:xfrm>
            <a:off x="554354" y="1871663"/>
            <a:ext cx="321533" cy="4209060"/>
          </a:xfrm>
          <a:prstGeom prst="roundRect">
            <a:avLst>
              <a:gd name="adj" fmla="val 8772"/>
            </a:avLst>
          </a:prstGeom>
          <a:solidFill>
            <a:srgbClr val="D9D9D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1100" b="1" noProof="0" dirty="0">
                <a:solidFill>
                  <a:srgbClr val="024D78"/>
                </a:solidFill>
              </a:rPr>
              <a:t>Offentlig sektor i Danmark</a:t>
            </a:r>
          </a:p>
        </p:txBody>
      </p:sp>
      <p:sp>
        <p:nvSpPr>
          <p:cNvPr id="191" name="Rektangel: afrundede hjørner 19">
            <a:extLst>
              <a:ext uri="{FF2B5EF4-FFF2-40B4-BE49-F238E27FC236}">
                <a16:creationId xmlns:a16="http://schemas.microsoft.com/office/drawing/2014/main" id="{04AE7F16-1367-000D-B8FD-A75CD63CE725}"/>
              </a:ext>
            </a:extLst>
          </p:cNvPr>
          <p:cNvSpPr>
            <a:spLocks/>
          </p:cNvSpPr>
          <p:nvPr/>
        </p:nvSpPr>
        <p:spPr>
          <a:xfrm>
            <a:off x="924270" y="187166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Københavns Kommune</a:t>
            </a:r>
          </a:p>
        </p:txBody>
      </p:sp>
      <p:sp>
        <p:nvSpPr>
          <p:cNvPr id="188" name="Rektangel: afrundede hjørner 5">
            <a:extLst>
              <a:ext uri="{FF2B5EF4-FFF2-40B4-BE49-F238E27FC236}">
                <a16:creationId xmlns:a16="http://schemas.microsoft.com/office/drawing/2014/main" id="{8C6AFC03-7203-BE02-1D40-523D14955362}"/>
              </a:ext>
            </a:extLst>
          </p:cNvPr>
          <p:cNvSpPr>
            <a:spLocks/>
          </p:cNvSpPr>
          <p:nvPr/>
        </p:nvSpPr>
        <p:spPr>
          <a:xfrm>
            <a:off x="2399776" y="187166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Afdelingschef for projekter og udvikling, Koncern IT</a:t>
            </a:r>
          </a:p>
        </p:txBody>
      </p:sp>
      <p:sp>
        <p:nvSpPr>
          <p:cNvPr id="189" name="Rektangel: afrundede hjørner 6">
            <a:extLst>
              <a:ext uri="{FF2B5EF4-FFF2-40B4-BE49-F238E27FC236}">
                <a16:creationId xmlns:a16="http://schemas.microsoft.com/office/drawing/2014/main" id="{A2BC406F-7D69-6D4A-5288-FFF7F6C045B5}"/>
              </a:ext>
            </a:extLst>
          </p:cNvPr>
          <p:cNvSpPr>
            <a:spLocks/>
          </p:cNvSpPr>
          <p:nvPr/>
        </p:nvSpPr>
        <p:spPr>
          <a:xfrm>
            <a:off x="2399776" y="219808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Sagsbehandler, ØKF</a:t>
            </a:r>
          </a:p>
        </p:txBody>
      </p:sp>
      <p:sp>
        <p:nvSpPr>
          <p:cNvPr id="20" name="Rektangel: afrundede hjørner 19">
            <a:extLst>
              <a:ext uri="{FF2B5EF4-FFF2-40B4-BE49-F238E27FC236}">
                <a16:creationId xmlns:a16="http://schemas.microsoft.com/office/drawing/2014/main" id="{58CD2221-0799-41D0-5C58-7B9EEDB84E1A}"/>
              </a:ext>
            </a:extLst>
          </p:cNvPr>
          <p:cNvSpPr>
            <a:spLocks/>
          </p:cNvSpPr>
          <p:nvPr/>
        </p:nvSpPr>
        <p:spPr>
          <a:xfrm>
            <a:off x="924270" y="285092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Aarhus Kommune</a:t>
            </a:r>
          </a:p>
        </p:txBody>
      </p:sp>
      <p:sp>
        <p:nvSpPr>
          <p:cNvPr id="193" name="Rektangel: afrundede hjørner 22">
            <a:extLst>
              <a:ext uri="{FF2B5EF4-FFF2-40B4-BE49-F238E27FC236}">
                <a16:creationId xmlns:a16="http://schemas.microsoft.com/office/drawing/2014/main" id="{E701D8D0-CAC9-1C01-8CE9-F517662D02BA}"/>
              </a:ext>
              <a:ext uri="{C183D7F6-B498-43B3-948B-1728B52AA6E4}">
                <adec:decorative xmlns:adec="http://schemas.microsoft.com/office/drawing/2017/decorative" val="1"/>
              </a:ext>
            </a:extLst>
          </p:cNvPr>
          <p:cNvSpPr>
            <a:spLocks/>
          </p:cNvSpPr>
          <p:nvPr/>
        </p:nvSpPr>
        <p:spPr>
          <a:xfrm>
            <a:off x="924270" y="252450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Aarhus Kommune</a:t>
            </a:r>
          </a:p>
        </p:txBody>
      </p:sp>
      <p:sp>
        <p:nvSpPr>
          <p:cNvPr id="192" name="Rektangel: afrundede hjørner 20">
            <a:extLst>
              <a:ext uri="{FF2B5EF4-FFF2-40B4-BE49-F238E27FC236}">
                <a16:creationId xmlns:a16="http://schemas.microsoft.com/office/drawing/2014/main" id="{94E873E2-D838-6CCE-90F7-4C898C7FD882}"/>
              </a:ext>
              <a:ext uri="{C183D7F6-B498-43B3-948B-1728B52AA6E4}">
                <adec:decorative xmlns:adec="http://schemas.microsoft.com/office/drawing/2017/decorative" val="1"/>
              </a:ext>
            </a:extLst>
          </p:cNvPr>
          <p:cNvSpPr>
            <a:spLocks/>
          </p:cNvSpPr>
          <p:nvPr/>
        </p:nvSpPr>
        <p:spPr>
          <a:xfrm>
            <a:off x="924270" y="219808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Københavns Kommune</a:t>
            </a:r>
          </a:p>
        </p:txBody>
      </p:sp>
      <p:sp>
        <p:nvSpPr>
          <p:cNvPr id="190" name="Rektangel: afrundede hjørner 8">
            <a:extLst>
              <a:ext uri="{FF2B5EF4-FFF2-40B4-BE49-F238E27FC236}">
                <a16:creationId xmlns:a16="http://schemas.microsoft.com/office/drawing/2014/main" id="{6D91C36C-B401-EFE4-011E-6F07027AF9FF}"/>
              </a:ext>
            </a:extLst>
          </p:cNvPr>
          <p:cNvSpPr>
            <a:spLocks/>
          </p:cNvSpPr>
          <p:nvPr/>
        </p:nvSpPr>
        <p:spPr>
          <a:xfrm>
            <a:off x="2399776" y="252450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Digitaliseringschef</a:t>
            </a:r>
          </a:p>
        </p:txBody>
      </p:sp>
      <p:sp>
        <p:nvSpPr>
          <p:cNvPr id="6" name="Rektangel: afrundede hjørner 5">
            <a:extLst>
              <a:ext uri="{FF2B5EF4-FFF2-40B4-BE49-F238E27FC236}">
                <a16:creationId xmlns:a16="http://schemas.microsoft.com/office/drawing/2014/main" id="{A9F4C2CC-AE25-B844-35FB-4C4EC2E3C45E}"/>
              </a:ext>
            </a:extLst>
          </p:cNvPr>
          <p:cNvSpPr>
            <a:spLocks/>
          </p:cNvSpPr>
          <p:nvPr/>
        </p:nvSpPr>
        <p:spPr>
          <a:xfrm>
            <a:off x="2399776" y="285092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It Chef</a:t>
            </a:r>
          </a:p>
        </p:txBody>
      </p:sp>
      <p:sp>
        <p:nvSpPr>
          <p:cNvPr id="23" name="Rektangel: afrundede hjørner 22">
            <a:extLst>
              <a:ext uri="{FF2B5EF4-FFF2-40B4-BE49-F238E27FC236}">
                <a16:creationId xmlns:a16="http://schemas.microsoft.com/office/drawing/2014/main" id="{D2F00C97-C5E7-5ADD-4DA3-730B21E39768}"/>
              </a:ext>
            </a:extLst>
          </p:cNvPr>
          <p:cNvSpPr>
            <a:spLocks/>
          </p:cNvSpPr>
          <p:nvPr/>
        </p:nvSpPr>
        <p:spPr>
          <a:xfrm>
            <a:off x="924270" y="3177997"/>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Region Syd</a:t>
            </a:r>
          </a:p>
        </p:txBody>
      </p:sp>
      <p:sp>
        <p:nvSpPr>
          <p:cNvPr id="9" name="Rektangel: afrundede hjørner 8">
            <a:extLst>
              <a:ext uri="{FF2B5EF4-FFF2-40B4-BE49-F238E27FC236}">
                <a16:creationId xmlns:a16="http://schemas.microsoft.com/office/drawing/2014/main" id="{93BAC8EA-E7A6-5622-BF56-1CF4B411703F}"/>
              </a:ext>
            </a:extLst>
          </p:cNvPr>
          <p:cNvSpPr>
            <a:spLocks/>
          </p:cNvSpPr>
          <p:nvPr/>
        </p:nvSpPr>
        <p:spPr>
          <a:xfrm>
            <a:off x="2399776" y="3177997"/>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It Arkitekt</a:t>
            </a:r>
          </a:p>
        </p:txBody>
      </p:sp>
      <p:sp>
        <p:nvSpPr>
          <p:cNvPr id="26" name="Rektangel: afrundede hjørner 25">
            <a:extLst>
              <a:ext uri="{FF2B5EF4-FFF2-40B4-BE49-F238E27FC236}">
                <a16:creationId xmlns:a16="http://schemas.microsoft.com/office/drawing/2014/main" id="{008DA417-06F6-0222-CC15-D49896EDA836}"/>
              </a:ext>
            </a:extLst>
          </p:cNvPr>
          <p:cNvSpPr>
            <a:spLocks/>
          </p:cNvSpPr>
          <p:nvPr/>
        </p:nvSpPr>
        <p:spPr>
          <a:xfrm>
            <a:off x="924270" y="3504417"/>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Statens IT</a:t>
            </a:r>
          </a:p>
        </p:txBody>
      </p:sp>
      <p:sp>
        <p:nvSpPr>
          <p:cNvPr id="12" name="Rektangel: afrundede hjørner 11">
            <a:extLst>
              <a:ext uri="{FF2B5EF4-FFF2-40B4-BE49-F238E27FC236}">
                <a16:creationId xmlns:a16="http://schemas.microsoft.com/office/drawing/2014/main" id="{B3D52B68-9A70-4B25-93C6-24115DD58B80}"/>
              </a:ext>
            </a:extLst>
          </p:cNvPr>
          <p:cNvSpPr>
            <a:spLocks/>
          </p:cNvSpPr>
          <p:nvPr/>
        </p:nvSpPr>
        <p:spPr>
          <a:xfrm>
            <a:off x="2399776" y="3504417"/>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Direktør</a:t>
            </a:r>
          </a:p>
        </p:txBody>
      </p:sp>
      <p:sp>
        <p:nvSpPr>
          <p:cNvPr id="22" name="Rektangel: afrundede hjørner 15">
            <a:extLst>
              <a:ext uri="{FF2B5EF4-FFF2-40B4-BE49-F238E27FC236}">
                <a16:creationId xmlns:a16="http://schemas.microsoft.com/office/drawing/2014/main" id="{C0554361-65C3-6FB1-326D-AC6DDE2223F3}"/>
              </a:ext>
            </a:extLst>
          </p:cNvPr>
          <p:cNvSpPr>
            <a:spLocks/>
          </p:cNvSpPr>
          <p:nvPr/>
        </p:nvSpPr>
        <p:spPr>
          <a:xfrm>
            <a:off x="924270" y="3830837"/>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Region Nord</a:t>
            </a:r>
          </a:p>
        </p:txBody>
      </p:sp>
      <p:sp>
        <p:nvSpPr>
          <p:cNvPr id="8" name="Rektangel: afrundede hjørner 15">
            <a:extLst>
              <a:ext uri="{FF2B5EF4-FFF2-40B4-BE49-F238E27FC236}">
                <a16:creationId xmlns:a16="http://schemas.microsoft.com/office/drawing/2014/main" id="{F91BD60F-4C74-48CA-009D-46E3FC38552E}"/>
              </a:ext>
            </a:extLst>
          </p:cNvPr>
          <p:cNvSpPr>
            <a:spLocks/>
          </p:cNvSpPr>
          <p:nvPr/>
        </p:nvSpPr>
        <p:spPr>
          <a:xfrm>
            <a:off x="2399776" y="3830837"/>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Chef for IT-Drift, Support og Cyber og Informationssikkerhed</a:t>
            </a:r>
          </a:p>
        </p:txBody>
      </p:sp>
      <p:sp>
        <p:nvSpPr>
          <p:cNvPr id="29" name="Rektangel: afrundede hjørner 15">
            <a:extLst>
              <a:ext uri="{FF2B5EF4-FFF2-40B4-BE49-F238E27FC236}">
                <a16:creationId xmlns:a16="http://schemas.microsoft.com/office/drawing/2014/main" id="{5C80642A-BFE0-5737-BC2B-FCAD5D88958C}"/>
              </a:ext>
            </a:extLst>
          </p:cNvPr>
          <p:cNvSpPr>
            <a:spLocks/>
          </p:cNvSpPr>
          <p:nvPr/>
        </p:nvSpPr>
        <p:spPr>
          <a:xfrm>
            <a:off x="924270" y="4810097"/>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STIL</a:t>
            </a:r>
          </a:p>
        </p:txBody>
      </p:sp>
      <p:sp>
        <p:nvSpPr>
          <p:cNvPr id="10" name="Rektangel: afrundede hjørner 9">
            <a:extLst>
              <a:ext uri="{FF2B5EF4-FFF2-40B4-BE49-F238E27FC236}">
                <a16:creationId xmlns:a16="http://schemas.microsoft.com/office/drawing/2014/main" id="{005BD6A8-6316-32B5-C9E0-68D82660C648}"/>
              </a:ext>
            </a:extLst>
          </p:cNvPr>
          <p:cNvSpPr>
            <a:spLocks/>
          </p:cNvSpPr>
          <p:nvPr/>
        </p:nvSpPr>
        <p:spPr>
          <a:xfrm>
            <a:off x="2399776" y="4157257"/>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Kontorchef i Kontor for Central Komponenter og Registre</a:t>
            </a:r>
          </a:p>
        </p:txBody>
      </p:sp>
      <p:sp>
        <p:nvSpPr>
          <p:cNvPr id="13" name="Rektangel: afrundede hjørner 12">
            <a:extLst>
              <a:ext uri="{FF2B5EF4-FFF2-40B4-BE49-F238E27FC236}">
                <a16:creationId xmlns:a16="http://schemas.microsoft.com/office/drawing/2014/main" id="{BDE2424A-13BD-A994-DB5E-E84A18E43E5C}"/>
              </a:ext>
            </a:extLst>
          </p:cNvPr>
          <p:cNvSpPr>
            <a:spLocks/>
          </p:cNvSpPr>
          <p:nvPr/>
        </p:nvSpPr>
        <p:spPr>
          <a:xfrm>
            <a:off x="2399776" y="4483677"/>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lIns="90000" rIns="0" rtlCol="0" anchor="ctr"/>
          <a:lstStyle/>
          <a:p>
            <a:r>
              <a:rPr lang="da-DK" sz="800" noProof="0" dirty="0">
                <a:solidFill>
                  <a:srgbClr val="014C77"/>
                </a:solidFill>
              </a:rPr>
              <a:t>Kontorchef Center for Drift, Infrastruktur og Op. Sikkerhed</a:t>
            </a:r>
          </a:p>
        </p:txBody>
      </p:sp>
      <p:sp>
        <p:nvSpPr>
          <p:cNvPr id="11" name="Rektangel: afrundede hjørner 15">
            <a:extLst>
              <a:ext uri="{FF2B5EF4-FFF2-40B4-BE49-F238E27FC236}">
                <a16:creationId xmlns:a16="http://schemas.microsoft.com/office/drawing/2014/main" id="{011DE077-C83E-F979-15EB-1FFCC20F309D}"/>
              </a:ext>
            </a:extLst>
          </p:cNvPr>
          <p:cNvSpPr>
            <a:spLocks/>
          </p:cNvSpPr>
          <p:nvPr/>
        </p:nvSpPr>
        <p:spPr>
          <a:xfrm>
            <a:off x="2399776" y="4810097"/>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Vicedirektør</a:t>
            </a:r>
          </a:p>
        </p:txBody>
      </p:sp>
      <p:sp>
        <p:nvSpPr>
          <p:cNvPr id="24" name="Rektangel: afrundede hjørner 23">
            <a:extLst>
              <a:ext uri="{FF2B5EF4-FFF2-40B4-BE49-F238E27FC236}">
                <a16:creationId xmlns:a16="http://schemas.microsoft.com/office/drawing/2014/main" id="{69A2F425-DD16-414C-FB67-671139FDF554}"/>
              </a:ext>
              <a:ext uri="{C183D7F6-B498-43B3-948B-1728B52AA6E4}">
                <adec:decorative xmlns:adec="http://schemas.microsoft.com/office/drawing/2017/decorative" val="1"/>
              </a:ext>
            </a:extLst>
          </p:cNvPr>
          <p:cNvSpPr>
            <a:spLocks/>
          </p:cNvSpPr>
          <p:nvPr/>
        </p:nvSpPr>
        <p:spPr>
          <a:xfrm>
            <a:off x="924270" y="4157257"/>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STIL</a:t>
            </a:r>
          </a:p>
        </p:txBody>
      </p:sp>
      <p:sp>
        <p:nvSpPr>
          <p:cNvPr id="25" name="Rektangel: afrundede hjørner 15">
            <a:extLst>
              <a:ext uri="{FF2B5EF4-FFF2-40B4-BE49-F238E27FC236}">
                <a16:creationId xmlns:a16="http://schemas.microsoft.com/office/drawing/2014/main" id="{6DD683FD-F4B5-322B-7140-66A124E7CE56}"/>
              </a:ext>
              <a:ext uri="{C183D7F6-B498-43B3-948B-1728B52AA6E4}">
                <adec:decorative xmlns:adec="http://schemas.microsoft.com/office/drawing/2017/decorative" val="1"/>
              </a:ext>
            </a:extLst>
          </p:cNvPr>
          <p:cNvSpPr>
            <a:spLocks/>
          </p:cNvSpPr>
          <p:nvPr/>
        </p:nvSpPr>
        <p:spPr>
          <a:xfrm>
            <a:off x="924270" y="4483677"/>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STIL</a:t>
            </a:r>
          </a:p>
        </p:txBody>
      </p:sp>
      <p:sp>
        <p:nvSpPr>
          <p:cNvPr id="28" name="Rektangel: afrundede hjørner 27">
            <a:extLst>
              <a:ext uri="{FF2B5EF4-FFF2-40B4-BE49-F238E27FC236}">
                <a16:creationId xmlns:a16="http://schemas.microsoft.com/office/drawing/2014/main" id="{4A494121-3088-3E8C-6A34-5D44039F8B2A}"/>
              </a:ext>
            </a:extLst>
          </p:cNvPr>
          <p:cNvSpPr>
            <a:spLocks/>
          </p:cNvSpPr>
          <p:nvPr/>
        </p:nvSpPr>
        <p:spPr>
          <a:xfrm>
            <a:off x="924270" y="5136517"/>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SKI</a:t>
            </a:r>
          </a:p>
        </p:txBody>
      </p:sp>
      <p:sp>
        <p:nvSpPr>
          <p:cNvPr id="14" name="Rektangel: afrundede hjørner 13">
            <a:extLst>
              <a:ext uri="{FF2B5EF4-FFF2-40B4-BE49-F238E27FC236}">
                <a16:creationId xmlns:a16="http://schemas.microsoft.com/office/drawing/2014/main" id="{F02D11DE-60B1-BC38-47B1-FC517C7E7A5A}"/>
              </a:ext>
            </a:extLst>
          </p:cNvPr>
          <p:cNvSpPr>
            <a:spLocks/>
          </p:cNvSpPr>
          <p:nvPr/>
        </p:nvSpPr>
        <p:spPr>
          <a:xfrm>
            <a:off x="2399776" y="5462937"/>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Chefrådgiver</a:t>
            </a:r>
          </a:p>
        </p:txBody>
      </p:sp>
      <p:sp>
        <p:nvSpPr>
          <p:cNvPr id="15" name="Rektangel: afrundede hjørner 15">
            <a:extLst>
              <a:ext uri="{FF2B5EF4-FFF2-40B4-BE49-F238E27FC236}">
                <a16:creationId xmlns:a16="http://schemas.microsoft.com/office/drawing/2014/main" id="{254F4729-C5EB-6AD8-AFAA-0E42C2233109}"/>
              </a:ext>
            </a:extLst>
          </p:cNvPr>
          <p:cNvSpPr>
            <a:spLocks/>
          </p:cNvSpPr>
          <p:nvPr/>
        </p:nvSpPr>
        <p:spPr>
          <a:xfrm>
            <a:off x="2399776" y="5136517"/>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Markedsdirektør</a:t>
            </a:r>
          </a:p>
        </p:txBody>
      </p:sp>
      <p:sp>
        <p:nvSpPr>
          <p:cNvPr id="16" name="Rektangel: afrundede hjørner 15">
            <a:extLst>
              <a:ext uri="{FF2B5EF4-FFF2-40B4-BE49-F238E27FC236}">
                <a16:creationId xmlns:a16="http://schemas.microsoft.com/office/drawing/2014/main" id="{BB4F9200-AE01-A5C4-8792-286B23D853F0}"/>
              </a:ext>
            </a:extLst>
          </p:cNvPr>
          <p:cNvSpPr>
            <a:spLocks/>
          </p:cNvSpPr>
          <p:nvPr/>
        </p:nvSpPr>
        <p:spPr>
          <a:xfrm>
            <a:off x="2399776" y="5789363"/>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Kundechef</a:t>
            </a:r>
          </a:p>
        </p:txBody>
      </p:sp>
      <p:sp>
        <p:nvSpPr>
          <p:cNvPr id="30" name="Rektangel: afrundede hjørner 29">
            <a:extLst>
              <a:ext uri="{FF2B5EF4-FFF2-40B4-BE49-F238E27FC236}">
                <a16:creationId xmlns:a16="http://schemas.microsoft.com/office/drawing/2014/main" id="{6C847107-7B60-263A-CD3D-647585210712}"/>
              </a:ext>
              <a:ext uri="{C183D7F6-B498-43B3-948B-1728B52AA6E4}">
                <adec:decorative xmlns:adec="http://schemas.microsoft.com/office/drawing/2017/decorative" val="1"/>
              </a:ext>
            </a:extLst>
          </p:cNvPr>
          <p:cNvSpPr>
            <a:spLocks/>
          </p:cNvSpPr>
          <p:nvPr/>
        </p:nvSpPr>
        <p:spPr>
          <a:xfrm>
            <a:off x="924270" y="5462937"/>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SKI</a:t>
            </a:r>
          </a:p>
        </p:txBody>
      </p:sp>
      <p:sp>
        <p:nvSpPr>
          <p:cNvPr id="32" name="Rektangel: afrundede hjørner 31">
            <a:extLst>
              <a:ext uri="{FF2B5EF4-FFF2-40B4-BE49-F238E27FC236}">
                <a16:creationId xmlns:a16="http://schemas.microsoft.com/office/drawing/2014/main" id="{D08D2B22-E9E2-DE03-6ACA-F9A58C55A75A}"/>
              </a:ext>
              <a:ext uri="{C183D7F6-B498-43B3-948B-1728B52AA6E4}">
                <adec:decorative xmlns:adec="http://schemas.microsoft.com/office/drawing/2017/decorative" val="1"/>
              </a:ext>
            </a:extLst>
          </p:cNvPr>
          <p:cNvSpPr>
            <a:spLocks/>
          </p:cNvSpPr>
          <p:nvPr/>
        </p:nvSpPr>
        <p:spPr>
          <a:xfrm>
            <a:off x="924270" y="5789363"/>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SKI</a:t>
            </a:r>
          </a:p>
        </p:txBody>
      </p:sp>
      <p:sp>
        <p:nvSpPr>
          <p:cNvPr id="187" name="Rektangel: afrundede hjørner 34">
            <a:extLst>
              <a:ext uri="{FF2B5EF4-FFF2-40B4-BE49-F238E27FC236}">
                <a16:creationId xmlns:a16="http://schemas.microsoft.com/office/drawing/2014/main" id="{13EB200F-B80A-4B91-2C8F-7EE501E5ACEE}"/>
              </a:ext>
            </a:extLst>
          </p:cNvPr>
          <p:cNvSpPr>
            <a:spLocks/>
          </p:cNvSpPr>
          <p:nvPr/>
        </p:nvSpPr>
        <p:spPr>
          <a:xfrm>
            <a:off x="4345511" y="1871659"/>
            <a:ext cx="321533" cy="1923703"/>
          </a:xfrm>
          <a:prstGeom prst="roundRect">
            <a:avLst>
              <a:gd name="adj" fmla="val 8772"/>
            </a:avLst>
          </a:prstGeom>
          <a:solidFill>
            <a:srgbClr val="D9D9D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1100" b="1" noProof="0" dirty="0" err="1">
                <a:solidFill>
                  <a:srgbClr val="024D78"/>
                </a:solidFill>
              </a:rPr>
              <a:t>Off</a:t>
            </a:r>
            <a:r>
              <a:rPr lang="da-DK" sz="1100" b="1" noProof="0" dirty="0">
                <a:solidFill>
                  <a:srgbClr val="024D78"/>
                </a:solidFill>
              </a:rPr>
              <a:t>. Sektor i DK</a:t>
            </a:r>
          </a:p>
        </p:txBody>
      </p:sp>
      <p:sp>
        <p:nvSpPr>
          <p:cNvPr id="31" name="Rektangel: afrundede hjørner 15">
            <a:extLst>
              <a:ext uri="{FF2B5EF4-FFF2-40B4-BE49-F238E27FC236}">
                <a16:creationId xmlns:a16="http://schemas.microsoft.com/office/drawing/2014/main" id="{6383404F-FF52-5600-C248-537D08646DCA}"/>
              </a:ext>
            </a:extLst>
          </p:cNvPr>
          <p:cNvSpPr>
            <a:spLocks/>
          </p:cNvSpPr>
          <p:nvPr/>
        </p:nvSpPr>
        <p:spPr>
          <a:xfrm>
            <a:off x="4714373" y="187166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Sundhedsdatastyrelsen</a:t>
            </a:r>
            <a:endParaRPr lang="da-DK" sz="800" noProof="0" dirty="0">
              <a:solidFill>
                <a:srgbClr val="024D78"/>
              </a:solidFill>
            </a:endParaRPr>
          </a:p>
        </p:txBody>
      </p:sp>
      <p:sp>
        <p:nvSpPr>
          <p:cNvPr id="17" name="Rektangel: afrundede hjørner 15">
            <a:extLst>
              <a:ext uri="{FF2B5EF4-FFF2-40B4-BE49-F238E27FC236}">
                <a16:creationId xmlns:a16="http://schemas.microsoft.com/office/drawing/2014/main" id="{A4078DFE-BF82-2B90-CC1B-22E82DF11826}"/>
              </a:ext>
            </a:extLst>
          </p:cNvPr>
          <p:cNvSpPr>
            <a:spLocks/>
          </p:cNvSpPr>
          <p:nvPr/>
        </p:nvSpPr>
        <p:spPr>
          <a:xfrm>
            <a:off x="6190934" y="219808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Chefarkitekt</a:t>
            </a:r>
          </a:p>
        </p:txBody>
      </p:sp>
      <p:sp>
        <p:nvSpPr>
          <p:cNvPr id="18" name="Rektangel: afrundede hjørner 17">
            <a:extLst>
              <a:ext uri="{FF2B5EF4-FFF2-40B4-BE49-F238E27FC236}">
                <a16:creationId xmlns:a16="http://schemas.microsoft.com/office/drawing/2014/main" id="{C81370D2-3E2B-0ABD-D299-A3956840F32A}"/>
              </a:ext>
            </a:extLst>
          </p:cNvPr>
          <p:cNvSpPr>
            <a:spLocks/>
          </p:cNvSpPr>
          <p:nvPr/>
        </p:nvSpPr>
        <p:spPr>
          <a:xfrm>
            <a:off x="6190934" y="187166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Afdelingschef</a:t>
            </a:r>
          </a:p>
        </p:txBody>
      </p:sp>
      <p:sp>
        <p:nvSpPr>
          <p:cNvPr id="33" name="Rektangel: afrundede hjørner 32">
            <a:extLst>
              <a:ext uri="{FF2B5EF4-FFF2-40B4-BE49-F238E27FC236}">
                <a16:creationId xmlns:a16="http://schemas.microsoft.com/office/drawing/2014/main" id="{CC6C1AAC-BF2B-4AA0-61C4-5A0667A8DD6B}"/>
              </a:ext>
              <a:ext uri="{C183D7F6-B498-43B3-948B-1728B52AA6E4}">
                <adec:decorative xmlns:adec="http://schemas.microsoft.com/office/drawing/2017/decorative" val="1"/>
              </a:ext>
            </a:extLst>
          </p:cNvPr>
          <p:cNvSpPr>
            <a:spLocks/>
          </p:cNvSpPr>
          <p:nvPr/>
        </p:nvSpPr>
        <p:spPr>
          <a:xfrm>
            <a:off x="4714373" y="219808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Sundhedsdatastyrelsen</a:t>
            </a:r>
            <a:endParaRPr lang="da-DK" sz="800" noProof="0" dirty="0">
              <a:solidFill>
                <a:srgbClr val="024D78"/>
              </a:solidFill>
            </a:endParaRPr>
          </a:p>
        </p:txBody>
      </p:sp>
      <p:sp>
        <p:nvSpPr>
          <p:cNvPr id="211" name="Rektangel: afrundede hjørner 33">
            <a:extLst>
              <a:ext uri="{FF2B5EF4-FFF2-40B4-BE49-F238E27FC236}">
                <a16:creationId xmlns:a16="http://schemas.microsoft.com/office/drawing/2014/main" id="{B5413315-0F3D-932D-F7C7-95BF49EFEFE5}"/>
              </a:ext>
            </a:extLst>
          </p:cNvPr>
          <p:cNvSpPr>
            <a:spLocks/>
          </p:cNvSpPr>
          <p:nvPr/>
        </p:nvSpPr>
        <p:spPr>
          <a:xfrm>
            <a:off x="4714373" y="252450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Københavns Universitet</a:t>
            </a:r>
          </a:p>
        </p:txBody>
      </p:sp>
      <p:sp>
        <p:nvSpPr>
          <p:cNvPr id="210" name="Rektangel: afrundede hjørner 18">
            <a:extLst>
              <a:ext uri="{FF2B5EF4-FFF2-40B4-BE49-F238E27FC236}">
                <a16:creationId xmlns:a16="http://schemas.microsoft.com/office/drawing/2014/main" id="{E5F3AB82-41C9-B62F-A682-3BABA3A5A45E}"/>
              </a:ext>
            </a:extLst>
          </p:cNvPr>
          <p:cNvSpPr>
            <a:spLocks/>
          </p:cNvSpPr>
          <p:nvPr/>
        </p:nvSpPr>
        <p:spPr>
          <a:xfrm>
            <a:off x="6190934" y="252450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Professor</a:t>
            </a:r>
          </a:p>
        </p:txBody>
      </p:sp>
      <p:sp>
        <p:nvSpPr>
          <p:cNvPr id="214" name="Rektangel: afrundede hjørner 20">
            <a:extLst>
              <a:ext uri="{FF2B5EF4-FFF2-40B4-BE49-F238E27FC236}">
                <a16:creationId xmlns:a16="http://schemas.microsoft.com/office/drawing/2014/main" id="{F359767A-66DB-C0F5-A48C-33FA24BE0159}"/>
              </a:ext>
            </a:extLst>
          </p:cNvPr>
          <p:cNvSpPr>
            <a:spLocks/>
          </p:cNvSpPr>
          <p:nvPr/>
        </p:nvSpPr>
        <p:spPr>
          <a:xfrm>
            <a:off x="4715428" y="285092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OS2</a:t>
            </a:r>
          </a:p>
        </p:txBody>
      </p:sp>
      <p:sp>
        <p:nvSpPr>
          <p:cNvPr id="213" name="Rektangel: afrundede hjørner 6">
            <a:extLst>
              <a:ext uri="{FF2B5EF4-FFF2-40B4-BE49-F238E27FC236}">
                <a16:creationId xmlns:a16="http://schemas.microsoft.com/office/drawing/2014/main" id="{05A214AF-9428-F39F-E34E-A53573F10981}"/>
              </a:ext>
            </a:extLst>
          </p:cNvPr>
          <p:cNvSpPr>
            <a:spLocks/>
          </p:cNvSpPr>
          <p:nvPr/>
        </p:nvSpPr>
        <p:spPr>
          <a:xfrm>
            <a:off x="6190934" y="285092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Sekretariatschef</a:t>
            </a:r>
          </a:p>
        </p:txBody>
      </p:sp>
      <p:sp>
        <p:nvSpPr>
          <p:cNvPr id="50" name="Rektangel: afrundede hjørner 49">
            <a:extLst>
              <a:ext uri="{FF2B5EF4-FFF2-40B4-BE49-F238E27FC236}">
                <a16:creationId xmlns:a16="http://schemas.microsoft.com/office/drawing/2014/main" id="{7A4FEFDF-E3F7-0006-4485-863626307CA5}"/>
              </a:ext>
            </a:extLst>
          </p:cNvPr>
          <p:cNvSpPr>
            <a:spLocks/>
          </p:cNvSpPr>
          <p:nvPr/>
        </p:nvSpPr>
        <p:spPr>
          <a:xfrm>
            <a:off x="4715428" y="3176919"/>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KOMBIT</a:t>
            </a:r>
          </a:p>
        </p:txBody>
      </p:sp>
      <p:sp>
        <p:nvSpPr>
          <p:cNvPr id="36" name="Rektangel: afrundede hjørner 35">
            <a:extLst>
              <a:ext uri="{FF2B5EF4-FFF2-40B4-BE49-F238E27FC236}">
                <a16:creationId xmlns:a16="http://schemas.microsoft.com/office/drawing/2014/main" id="{4CA2ED67-B245-FE0D-652D-D71F27A9FC64}"/>
              </a:ext>
            </a:extLst>
          </p:cNvPr>
          <p:cNvSpPr>
            <a:spLocks/>
          </p:cNvSpPr>
          <p:nvPr/>
        </p:nvSpPr>
        <p:spPr>
          <a:xfrm>
            <a:off x="6190934" y="3176919"/>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Chef for Design &amp; Arkitektur</a:t>
            </a:r>
          </a:p>
        </p:txBody>
      </p:sp>
      <p:sp>
        <p:nvSpPr>
          <p:cNvPr id="51" name="Rektangel: afrundede hjørner 50">
            <a:extLst>
              <a:ext uri="{FF2B5EF4-FFF2-40B4-BE49-F238E27FC236}">
                <a16:creationId xmlns:a16="http://schemas.microsoft.com/office/drawing/2014/main" id="{58B35859-CF8A-5D9D-D760-4755876D7C51}"/>
              </a:ext>
            </a:extLst>
          </p:cNvPr>
          <p:cNvSpPr>
            <a:spLocks/>
          </p:cNvSpPr>
          <p:nvPr/>
        </p:nvSpPr>
        <p:spPr>
          <a:xfrm>
            <a:off x="4715428" y="3503339"/>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DBC</a:t>
            </a:r>
          </a:p>
        </p:txBody>
      </p:sp>
      <p:sp>
        <p:nvSpPr>
          <p:cNvPr id="37" name="Rektangel: afrundede hjørner 36">
            <a:extLst>
              <a:ext uri="{FF2B5EF4-FFF2-40B4-BE49-F238E27FC236}">
                <a16:creationId xmlns:a16="http://schemas.microsoft.com/office/drawing/2014/main" id="{B5C95736-B25B-67F3-ADC8-9F85685EDBD1}"/>
              </a:ext>
            </a:extLst>
          </p:cNvPr>
          <p:cNvSpPr>
            <a:spLocks/>
          </p:cNvSpPr>
          <p:nvPr/>
        </p:nvSpPr>
        <p:spPr>
          <a:xfrm>
            <a:off x="6190934" y="3503339"/>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Udviklingschef</a:t>
            </a:r>
          </a:p>
        </p:txBody>
      </p:sp>
      <p:sp>
        <p:nvSpPr>
          <p:cNvPr id="128" name="Rektangel: afrundede hjørner 127">
            <a:extLst>
              <a:ext uri="{FF2B5EF4-FFF2-40B4-BE49-F238E27FC236}">
                <a16:creationId xmlns:a16="http://schemas.microsoft.com/office/drawing/2014/main" id="{4B768B5B-D688-7FB7-006C-C7BFBE98A5C6}"/>
              </a:ext>
            </a:extLst>
          </p:cNvPr>
          <p:cNvSpPr>
            <a:spLocks/>
          </p:cNvSpPr>
          <p:nvPr/>
        </p:nvSpPr>
        <p:spPr>
          <a:xfrm>
            <a:off x="4345513" y="3830180"/>
            <a:ext cx="321533" cy="2250542"/>
          </a:xfrm>
          <a:prstGeom prst="roundRect">
            <a:avLst>
              <a:gd name="adj" fmla="val 8772"/>
            </a:avLst>
          </a:prstGeom>
          <a:solidFill>
            <a:srgbClr val="D9D9D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1100" b="1" noProof="0" dirty="0">
                <a:solidFill>
                  <a:srgbClr val="024D78"/>
                </a:solidFill>
              </a:rPr>
              <a:t>Internationalt</a:t>
            </a:r>
          </a:p>
        </p:txBody>
      </p:sp>
      <p:sp>
        <p:nvSpPr>
          <p:cNvPr id="200" name="Rektangel: afrundede hjørner 33">
            <a:extLst>
              <a:ext uri="{FF2B5EF4-FFF2-40B4-BE49-F238E27FC236}">
                <a16:creationId xmlns:a16="http://schemas.microsoft.com/office/drawing/2014/main" id="{857990C7-CD71-8F41-D137-8CB4376D3DB4}"/>
              </a:ext>
            </a:extLst>
          </p:cNvPr>
          <p:cNvSpPr>
            <a:spLocks/>
          </p:cNvSpPr>
          <p:nvPr/>
        </p:nvSpPr>
        <p:spPr>
          <a:xfrm>
            <a:off x="4714373" y="383018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Schleswig-Holstein</a:t>
            </a:r>
          </a:p>
        </p:txBody>
      </p:sp>
      <p:sp>
        <p:nvSpPr>
          <p:cNvPr id="197" name="Rektangel: afrundede hjørner 18">
            <a:extLst>
              <a:ext uri="{FF2B5EF4-FFF2-40B4-BE49-F238E27FC236}">
                <a16:creationId xmlns:a16="http://schemas.microsoft.com/office/drawing/2014/main" id="{EA879A23-319B-2ADE-3DCB-BBF893F6A272}"/>
              </a:ext>
            </a:extLst>
          </p:cNvPr>
          <p:cNvSpPr>
            <a:spLocks/>
          </p:cNvSpPr>
          <p:nvPr/>
        </p:nvSpPr>
        <p:spPr>
          <a:xfrm>
            <a:off x="6190934" y="383018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CIO</a:t>
            </a:r>
          </a:p>
        </p:txBody>
      </p:sp>
      <p:sp>
        <p:nvSpPr>
          <p:cNvPr id="205" name="Rektangel: afrundede hjørner 49">
            <a:extLst>
              <a:ext uri="{FF2B5EF4-FFF2-40B4-BE49-F238E27FC236}">
                <a16:creationId xmlns:a16="http://schemas.microsoft.com/office/drawing/2014/main" id="{8C33EA62-6FDA-FC53-F92E-98B33C56E816}"/>
              </a:ext>
            </a:extLst>
          </p:cNvPr>
          <p:cNvSpPr>
            <a:spLocks/>
          </p:cNvSpPr>
          <p:nvPr/>
        </p:nvSpPr>
        <p:spPr>
          <a:xfrm>
            <a:off x="4715428" y="415660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err="1">
                <a:solidFill>
                  <a:srgbClr val="024D78"/>
                </a:solidFill>
              </a:rPr>
              <a:t>EuroStack</a:t>
            </a:r>
            <a:endParaRPr lang="da-DK" sz="800" b="1" noProof="0" dirty="0">
              <a:solidFill>
                <a:srgbClr val="024D78"/>
              </a:solidFill>
            </a:endParaRPr>
          </a:p>
        </p:txBody>
      </p:sp>
      <p:sp>
        <p:nvSpPr>
          <p:cNvPr id="201" name="Rektangel: afrundede hjørner 35">
            <a:extLst>
              <a:ext uri="{FF2B5EF4-FFF2-40B4-BE49-F238E27FC236}">
                <a16:creationId xmlns:a16="http://schemas.microsoft.com/office/drawing/2014/main" id="{3CA1123F-F4FF-FBEC-8C31-C4A6C7D674C3}"/>
              </a:ext>
            </a:extLst>
          </p:cNvPr>
          <p:cNvSpPr>
            <a:spLocks/>
          </p:cNvSpPr>
          <p:nvPr/>
        </p:nvSpPr>
        <p:spPr>
          <a:xfrm>
            <a:off x="6190934" y="415660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Direktør for Digitalisering, Bertelsmann </a:t>
            </a:r>
            <a:r>
              <a:rPr lang="da-DK" sz="800" noProof="0" dirty="0" err="1">
                <a:solidFill>
                  <a:srgbClr val="014C77"/>
                </a:solidFill>
              </a:rPr>
              <a:t>Stiftung</a:t>
            </a:r>
            <a:endParaRPr lang="da-DK" sz="800" noProof="0" dirty="0">
              <a:solidFill>
                <a:srgbClr val="014C77"/>
              </a:solidFill>
            </a:endParaRPr>
          </a:p>
        </p:txBody>
      </p:sp>
      <p:sp>
        <p:nvSpPr>
          <p:cNvPr id="206" name="Rektangel: afrundede hjørner 50">
            <a:extLst>
              <a:ext uri="{FF2B5EF4-FFF2-40B4-BE49-F238E27FC236}">
                <a16:creationId xmlns:a16="http://schemas.microsoft.com/office/drawing/2014/main" id="{E382684C-D362-CF32-C5B9-91933FFD2A93}"/>
              </a:ext>
            </a:extLst>
          </p:cNvPr>
          <p:cNvSpPr>
            <a:spLocks/>
          </p:cNvSpPr>
          <p:nvPr/>
        </p:nvSpPr>
        <p:spPr>
          <a:xfrm>
            <a:off x="4715428" y="448302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TNO</a:t>
            </a:r>
          </a:p>
        </p:txBody>
      </p:sp>
      <p:sp>
        <p:nvSpPr>
          <p:cNvPr id="202" name="Rektangel: afrundede hjørner 36">
            <a:extLst>
              <a:ext uri="{FF2B5EF4-FFF2-40B4-BE49-F238E27FC236}">
                <a16:creationId xmlns:a16="http://schemas.microsoft.com/office/drawing/2014/main" id="{83FF818D-5EE2-AD8A-C394-061EC309D5DC}"/>
              </a:ext>
            </a:extLst>
          </p:cNvPr>
          <p:cNvSpPr>
            <a:spLocks/>
          </p:cNvSpPr>
          <p:nvPr/>
        </p:nvSpPr>
        <p:spPr>
          <a:xfrm>
            <a:off x="6190934" y="448302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Produkt Manager for GPT-NL</a:t>
            </a:r>
          </a:p>
        </p:txBody>
      </p:sp>
      <p:sp>
        <p:nvSpPr>
          <p:cNvPr id="207" name="Rektangel: afrundede hjørner 52">
            <a:extLst>
              <a:ext uri="{FF2B5EF4-FFF2-40B4-BE49-F238E27FC236}">
                <a16:creationId xmlns:a16="http://schemas.microsoft.com/office/drawing/2014/main" id="{2C8BA6AB-1E44-5A04-8ABB-D96069A4E69F}"/>
              </a:ext>
            </a:extLst>
          </p:cNvPr>
          <p:cNvSpPr>
            <a:spLocks/>
          </p:cNvSpPr>
          <p:nvPr/>
        </p:nvSpPr>
        <p:spPr>
          <a:xfrm>
            <a:off x="4715428" y="480944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GPT-NL </a:t>
            </a:r>
          </a:p>
        </p:txBody>
      </p:sp>
      <p:sp>
        <p:nvSpPr>
          <p:cNvPr id="203" name="Rektangel: afrundede hjørner 38">
            <a:extLst>
              <a:ext uri="{FF2B5EF4-FFF2-40B4-BE49-F238E27FC236}">
                <a16:creationId xmlns:a16="http://schemas.microsoft.com/office/drawing/2014/main" id="{CD777C2B-E349-B675-983D-33A7C64E83F2}"/>
              </a:ext>
            </a:extLst>
          </p:cNvPr>
          <p:cNvSpPr>
            <a:spLocks/>
          </p:cNvSpPr>
          <p:nvPr/>
        </p:nvSpPr>
        <p:spPr>
          <a:xfrm>
            <a:off x="6190934" y="480944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PA Partner</a:t>
            </a:r>
          </a:p>
        </p:txBody>
      </p:sp>
      <p:sp>
        <p:nvSpPr>
          <p:cNvPr id="204" name="Rektangel: afrundede hjørner 41">
            <a:extLst>
              <a:ext uri="{FF2B5EF4-FFF2-40B4-BE49-F238E27FC236}">
                <a16:creationId xmlns:a16="http://schemas.microsoft.com/office/drawing/2014/main" id="{96C30643-EF6B-964C-29CD-A61C122FA554}"/>
              </a:ext>
            </a:extLst>
          </p:cNvPr>
          <p:cNvSpPr>
            <a:spLocks/>
          </p:cNvSpPr>
          <p:nvPr/>
        </p:nvSpPr>
        <p:spPr>
          <a:xfrm>
            <a:off x="6190934" y="513586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PA Ekspert</a:t>
            </a:r>
          </a:p>
        </p:txBody>
      </p:sp>
      <p:sp>
        <p:nvSpPr>
          <p:cNvPr id="57" name="Rektangel: afrundede hjørner 56">
            <a:extLst>
              <a:ext uri="{FF2B5EF4-FFF2-40B4-BE49-F238E27FC236}">
                <a16:creationId xmlns:a16="http://schemas.microsoft.com/office/drawing/2014/main" id="{8F2474C8-B4FF-4F78-B5E0-2EFDBDA2F291}"/>
              </a:ext>
            </a:extLst>
          </p:cNvPr>
          <p:cNvSpPr>
            <a:spLocks/>
          </p:cNvSpPr>
          <p:nvPr/>
        </p:nvSpPr>
        <p:spPr>
          <a:xfrm>
            <a:off x="4715428" y="546228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RISE</a:t>
            </a:r>
          </a:p>
        </p:txBody>
      </p:sp>
      <p:sp>
        <p:nvSpPr>
          <p:cNvPr id="45" name="Rektangel: afrundede hjørner 15">
            <a:extLst>
              <a:ext uri="{FF2B5EF4-FFF2-40B4-BE49-F238E27FC236}">
                <a16:creationId xmlns:a16="http://schemas.microsoft.com/office/drawing/2014/main" id="{A8189329-0138-748A-2D72-A7822CE5F775}"/>
              </a:ext>
            </a:extLst>
          </p:cNvPr>
          <p:cNvSpPr>
            <a:spLocks/>
          </p:cNvSpPr>
          <p:nvPr/>
        </p:nvSpPr>
        <p:spPr>
          <a:xfrm>
            <a:off x="6190934" y="546228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Senior forsker</a:t>
            </a:r>
          </a:p>
        </p:txBody>
      </p:sp>
      <p:sp>
        <p:nvSpPr>
          <p:cNvPr id="59" name="Rektangel: afrundede hjørner 58">
            <a:extLst>
              <a:ext uri="{FF2B5EF4-FFF2-40B4-BE49-F238E27FC236}">
                <a16:creationId xmlns:a16="http://schemas.microsoft.com/office/drawing/2014/main" id="{DF087673-2F30-187C-922A-01D42A3D306F}"/>
              </a:ext>
            </a:extLst>
          </p:cNvPr>
          <p:cNvSpPr>
            <a:spLocks/>
          </p:cNvSpPr>
          <p:nvPr/>
        </p:nvSpPr>
        <p:spPr>
          <a:xfrm>
            <a:off x="4715428" y="578870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EU Kommissionen</a:t>
            </a:r>
          </a:p>
        </p:txBody>
      </p:sp>
      <p:sp>
        <p:nvSpPr>
          <p:cNvPr id="44" name="Rektangel: afrundede hjørner 43">
            <a:extLst>
              <a:ext uri="{FF2B5EF4-FFF2-40B4-BE49-F238E27FC236}">
                <a16:creationId xmlns:a16="http://schemas.microsoft.com/office/drawing/2014/main" id="{A191F8CA-1079-5A23-987A-E689E10C7202}"/>
              </a:ext>
            </a:extLst>
          </p:cNvPr>
          <p:cNvSpPr>
            <a:spLocks/>
          </p:cNvSpPr>
          <p:nvPr/>
        </p:nvSpPr>
        <p:spPr>
          <a:xfrm>
            <a:off x="6190934" y="578870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Afdelingschef, Cloud og Software Services</a:t>
            </a:r>
          </a:p>
        </p:txBody>
      </p:sp>
      <p:sp>
        <p:nvSpPr>
          <p:cNvPr id="61" name="Rektangel: afrundede hjørner 60">
            <a:extLst>
              <a:ext uri="{FF2B5EF4-FFF2-40B4-BE49-F238E27FC236}">
                <a16:creationId xmlns:a16="http://schemas.microsoft.com/office/drawing/2014/main" id="{1863BCAB-ED24-681B-5546-2939AB800774}"/>
              </a:ext>
            </a:extLst>
          </p:cNvPr>
          <p:cNvSpPr>
            <a:spLocks/>
          </p:cNvSpPr>
          <p:nvPr/>
        </p:nvSpPr>
        <p:spPr>
          <a:xfrm>
            <a:off x="8505530" y="1871659"/>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UK Kontrol og Migreringsmyndighed</a:t>
            </a:r>
          </a:p>
        </p:txBody>
      </p:sp>
      <p:sp>
        <p:nvSpPr>
          <p:cNvPr id="46" name="Rektangel: afrundede hjørner 45">
            <a:extLst>
              <a:ext uri="{FF2B5EF4-FFF2-40B4-BE49-F238E27FC236}">
                <a16:creationId xmlns:a16="http://schemas.microsoft.com/office/drawing/2014/main" id="{6E0CBFDC-466C-F84B-4662-C54CBCF039B7}"/>
              </a:ext>
            </a:extLst>
          </p:cNvPr>
          <p:cNvSpPr>
            <a:spLocks/>
          </p:cNvSpPr>
          <p:nvPr/>
        </p:nvSpPr>
        <p:spPr>
          <a:xfrm>
            <a:off x="9981036" y="1871659"/>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PA Partner</a:t>
            </a:r>
          </a:p>
        </p:txBody>
      </p:sp>
      <p:sp>
        <p:nvSpPr>
          <p:cNvPr id="38" name="Rektangel: afrundede hjørner 60">
            <a:extLst>
              <a:ext uri="{FF2B5EF4-FFF2-40B4-BE49-F238E27FC236}">
                <a16:creationId xmlns:a16="http://schemas.microsoft.com/office/drawing/2014/main" id="{A6A3CF98-3FAD-3255-3912-F1059229FEA5}"/>
              </a:ext>
            </a:extLst>
          </p:cNvPr>
          <p:cNvSpPr>
            <a:spLocks/>
          </p:cNvSpPr>
          <p:nvPr/>
        </p:nvSpPr>
        <p:spPr>
          <a:xfrm>
            <a:off x="8505530" y="2198079"/>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err="1">
                <a:solidFill>
                  <a:srgbClr val="024D78"/>
                </a:solidFill>
              </a:rPr>
              <a:t>ZenDiS</a:t>
            </a:r>
            <a:endParaRPr lang="da-DK" sz="800" b="1" noProof="0" dirty="0">
              <a:solidFill>
                <a:srgbClr val="024D78"/>
              </a:solidFill>
            </a:endParaRPr>
          </a:p>
        </p:txBody>
      </p:sp>
      <p:sp>
        <p:nvSpPr>
          <p:cNvPr id="27" name="Rektangel: afrundede hjørner 45">
            <a:extLst>
              <a:ext uri="{FF2B5EF4-FFF2-40B4-BE49-F238E27FC236}">
                <a16:creationId xmlns:a16="http://schemas.microsoft.com/office/drawing/2014/main" id="{60323703-0AAF-9839-090E-1DCDB9119095}"/>
              </a:ext>
            </a:extLst>
          </p:cNvPr>
          <p:cNvSpPr>
            <a:spLocks/>
          </p:cNvSpPr>
          <p:nvPr/>
        </p:nvSpPr>
        <p:spPr>
          <a:xfrm>
            <a:off x="9981036" y="2198079"/>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CEO</a:t>
            </a:r>
          </a:p>
        </p:txBody>
      </p:sp>
      <p:sp>
        <p:nvSpPr>
          <p:cNvPr id="208" name="Rektangel: afrundede hjørner 55">
            <a:extLst>
              <a:ext uri="{FF2B5EF4-FFF2-40B4-BE49-F238E27FC236}">
                <a16:creationId xmlns:a16="http://schemas.microsoft.com/office/drawing/2014/main" id="{F16F8B9A-64BF-DF5F-01F0-D89212EA40EF}"/>
              </a:ext>
              <a:ext uri="{C183D7F6-B498-43B3-948B-1728B52AA6E4}">
                <adec:decorative xmlns:adec="http://schemas.microsoft.com/office/drawing/2017/decorative" val="1"/>
              </a:ext>
            </a:extLst>
          </p:cNvPr>
          <p:cNvSpPr>
            <a:spLocks/>
          </p:cNvSpPr>
          <p:nvPr/>
        </p:nvSpPr>
        <p:spPr>
          <a:xfrm>
            <a:off x="4715428" y="513586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GPT-NL</a:t>
            </a:r>
          </a:p>
        </p:txBody>
      </p:sp>
      <p:sp>
        <p:nvSpPr>
          <p:cNvPr id="35" name="Rektangel: afrundede hjørner 34">
            <a:extLst>
              <a:ext uri="{FF2B5EF4-FFF2-40B4-BE49-F238E27FC236}">
                <a16:creationId xmlns:a16="http://schemas.microsoft.com/office/drawing/2014/main" id="{5964A2FF-B0BD-210C-1D0E-26221FCB2E3C}"/>
              </a:ext>
            </a:extLst>
          </p:cNvPr>
          <p:cNvSpPr>
            <a:spLocks/>
          </p:cNvSpPr>
          <p:nvPr/>
        </p:nvSpPr>
        <p:spPr>
          <a:xfrm>
            <a:off x="8136670" y="2524500"/>
            <a:ext cx="321533" cy="3556223"/>
          </a:xfrm>
          <a:prstGeom prst="roundRect">
            <a:avLst>
              <a:gd name="adj" fmla="val 8772"/>
            </a:avLst>
          </a:prstGeom>
          <a:solidFill>
            <a:srgbClr val="D9D9D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1100" b="1" noProof="0" dirty="0">
                <a:solidFill>
                  <a:srgbClr val="024D78"/>
                </a:solidFill>
              </a:rPr>
              <a:t>Privat sektor</a:t>
            </a:r>
          </a:p>
        </p:txBody>
      </p:sp>
      <p:sp>
        <p:nvSpPr>
          <p:cNvPr id="198" name="Rektangel: afrundede hjørner 15">
            <a:extLst>
              <a:ext uri="{FF2B5EF4-FFF2-40B4-BE49-F238E27FC236}">
                <a16:creationId xmlns:a16="http://schemas.microsoft.com/office/drawing/2014/main" id="{19D6DC0D-4B93-E90B-33D5-C10F0809CE8B}"/>
              </a:ext>
            </a:extLst>
          </p:cNvPr>
          <p:cNvSpPr>
            <a:spLocks/>
          </p:cNvSpPr>
          <p:nvPr/>
        </p:nvSpPr>
        <p:spPr>
          <a:xfrm>
            <a:off x="8505530" y="2525901"/>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Bankdata</a:t>
            </a:r>
            <a:endParaRPr lang="da-DK" sz="800" noProof="0" dirty="0">
              <a:solidFill>
                <a:srgbClr val="024D78"/>
              </a:solidFill>
            </a:endParaRPr>
          </a:p>
        </p:txBody>
      </p:sp>
      <p:sp>
        <p:nvSpPr>
          <p:cNvPr id="195" name="Rektangel: afrundede hjørner 15">
            <a:extLst>
              <a:ext uri="{FF2B5EF4-FFF2-40B4-BE49-F238E27FC236}">
                <a16:creationId xmlns:a16="http://schemas.microsoft.com/office/drawing/2014/main" id="{018FDBDD-5ED7-50A9-1514-FCD0D11DA85D}"/>
              </a:ext>
            </a:extLst>
          </p:cNvPr>
          <p:cNvSpPr>
            <a:spLocks/>
          </p:cNvSpPr>
          <p:nvPr/>
        </p:nvSpPr>
        <p:spPr>
          <a:xfrm>
            <a:off x="9982091" y="2852321"/>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err="1">
                <a:solidFill>
                  <a:srgbClr val="014C77"/>
                </a:solidFill>
              </a:rPr>
              <a:t>Lead</a:t>
            </a:r>
            <a:r>
              <a:rPr lang="da-DK" sz="800" noProof="0" dirty="0">
                <a:solidFill>
                  <a:srgbClr val="014C77"/>
                </a:solidFill>
              </a:rPr>
              <a:t> Arkitekt </a:t>
            </a:r>
          </a:p>
        </p:txBody>
      </p:sp>
      <p:sp>
        <p:nvSpPr>
          <p:cNvPr id="196" name="Rektangel: afrundede hjørner 17">
            <a:extLst>
              <a:ext uri="{FF2B5EF4-FFF2-40B4-BE49-F238E27FC236}">
                <a16:creationId xmlns:a16="http://schemas.microsoft.com/office/drawing/2014/main" id="{9D150E29-81E8-32AD-CB40-3F9E20A2249B}"/>
              </a:ext>
            </a:extLst>
          </p:cNvPr>
          <p:cNvSpPr>
            <a:spLocks/>
          </p:cNvSpPr>
          <p:nvPr/>
        </p:nvSpPr>
        <p:spPr>
          <a:xfrm>
            <a:off x="9982091" y="2525901"/>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Senior direktør</a:t>
            </a:r>
          </a:p>
        </p:txBody>
      </p:sp>
      <p:sp>
        <p:nvSpPr>
          <p:cNvPr id="21" name="Rektangel: afrundede hjørner 52">
            <a:extLst>
              <a:ext uri="{FF2B5EF4-FFF2-40B4-BE49-F238E27FC236}">
                <a16:creationId xmlns:a16="http://schemas.microsoft.com/office/drawing/2014/main" id="{CAB3C72A-7658-9D76-E451-D421BAA6AB7D}"/>
              </a:ext>
            </a:extLst>
          </p:cNvPr>
          <p:cNvSpPr>
            <a:spLocks/>
          </p:cNvSpPr>
          <p:nvPr/>
        </p:nvSpPr>
        <p:spPr>
          <a:xfrm>
            <a:off x="8505530" y="3176919"/>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Magenta</a:t>
            </a:r>
          </a:p>
        </p:txBody>
      </p:sp>
      <p:sp>
        <p:nvSpPr>
          <p:cNvPr id="19" name="Rektangel: afrundede hjørner 38">
            <a:extLst>
              <a:ext uri="{FF2B5EF4-FFF2-40B4-BE49-F238E27FC236}">
                <a16:creationId xmlns:a16="http://schemas.microsoft.com/office/drawing/2014/main" id="{CBFC827F-438B-B0DB-3CB0-78651B21CAF5}"/>
              </a:ext>
            </a:extLst>
          </p:cNvPr>
          <p:cNvSpPr>
            <a:spLocks/>
          </p:cNvSpPr>
          <p:nvPr/>
        </p:nvSpPr>
        <p:spPr>
          <a:xfrm>
            <a:off x="9981036" y="3176919"/>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CEO</a:t>
            </a:r>
          </a:p>
        </p:txBody>
      </p:sp>
      <p:sp>
        <p:nvSpPr>
          <p:cNvPr id="169" name="Rektangel: afrundede hjørner 55">
            <a:extLst>
              <a:ext uri="{FF2B5EF4-FFF2-40B4-BE49-F238E27FC236}">
                <a16:creationId xmlns:a16="http://schemas.microsoft.com/office/drawing/2014/main" id="{B19AB640-8B1A-D177-A0A7-B0FD0E2FE092}"/>
              </a:ext>
            </a:extLst>
          </p:cNvPr>
          <p:cNvSpPr>
            <a:spLocks/>
          </p:cNvSpPr>
          <p:nvPr/>
        </p:nvSpPr>
        <p:spPr>
          <a:xfrm>
            <a:off x="8506585" y="415660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Finansiel Sektor</a:t>
            </a:r>
          </a:p>
        </p:txBody>
      </p:sp>
      <p:sp>
        <p:nvSpPr>
          <p:cNvPr id="42" name="Rektangel: afrundede hjørner 41">
            <a:extLst>
              <a:ext uri="{FF2B5EF4-FFF2-40B4-BE49-F238E27FC236}">
                <a16:creationId xmlns:a16="http://schemas.microsoft.com/office/drawing/2014/main" id="{AEE4AD32-4C92-10E3-1E0E-87D0F2214D76}"/>
              </a:ext>
            </a:extLst>
          </p:cNvPr>
          <p:cNvSpPr>
            <a:spLocks/>
          </p:cNvSpPr>
          <p:nvPr/>
        </p:nvSpPr>
        <p:spPr>
          <a:xfrm>
            <a:off x="9982091" y="350376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PA Partner</a:t>
            </a:r>
          </a:p>
        </p:txBody>
      </p:sp>
      <p:sp>
        <p:nvSpPr>
          <p:cNvPr id="166" name="Rektangel: afrundede hjørner 41">
            <a:extLst>
              <a:ext uri="{FF2B5EF4-FFF2-40B4-BE49-F238E27FC236}">
                <a16:creationId xmlns:a16="http://schemas.microsoft.com/office/drawing/2014/main" id="{A6E202D9-C061-4B29-36D8-4917C012C685}"/>
              </a:ext>
            </a:extLst>
          </p:cNvPr>
          <p:cNvSpPr>
            <a:spLocks/>
          </p:cNvSpPr>
          <p:nvPr/>
        </p:nvSpPr>
        <p:spPr>
          <a:xfrm>
            <a:off x="9982091" y="383018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PA Ekspert, DORA</a:t>
            </a:r>
          </a:p>
        </p:txBody>
      </p:sp>
      <p:sp>
        <p:nvSpPr>
          <p:cNvPr id="168" name="Rektangel: afrundede hjørner 41">
            <a:extLst>
              <a:ext uri="{FF2B5EF4-FFF2-40B4-BE49-F238E27FC236}">
                <a16:creationId xmlns:a16="http://schemas.microsoft.com/office/drawing/2014/main" id="{264929D3-36B7-6AB5-A239-1A45093EA202}"/>
              </a:ext>
            </a:extLst>
          </p:cNvPr>
          <p:cNvSpPr>
            <a:spLocks/>
          </p:cNvSpPr>
          <p:nvPr/>
        </p:nvSpPr>
        <p:spPr>
          <a:xfrm>
            <a:off x="9982091" y="415660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PA Ekspert, DORA</a:t>
            </a:r>
          </a:p>
        </p:txBody>
      </p:sp>
      <p:sp>
        <p:nvSpPr>
          <p:cNvPr id="173" name="Rektangel: afrundede hjørner 60">
            <a:extLst>
              <a:ext uri="{FF2B5EF4-FFF2-40B4-BE49-F238E27FC236}">
                <a16:creationId xmlns:a16="http://schemas.microsoft.com/office/drawing/2014/main" id="{EBF58DE1-14FC-9822-69A1-4D25523951BF}"/>
              </a:ext>
            </a:extLst>
          </p:cNvPr>
          <p:cNvSpPr>
            <a:spLocks/>
          </p:cNvSpPr>
          <p:nvPr/>
        </p:nvSpPr>
        <p:spPr>
          <a:xfrm>
            <a:off x="8506585" y="448302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Tænketanken for Digital Infrastruktur</a:t>
            </a:r>
          </a:p>
        </p:txBody>
      </p:sp>
      <p:sp>
        <p:nvSpPr>
          <p:cNvPr id="172" name="Rektangel: afrundede hjørner 45">
            <a:extLst>
              <a:ext uri="{FF2B5EF4-FFF2-40B4-BE49-F238E27FC236}">
                <a16:creationId xmlns:a16="http://schemas.microsoft.com/office/drawing/2014/main" id="{C62894C5-1C33-865D-C96F-870D4DC163BD}"/>
              </a:ext>
            </a:extLst>
          </p:cNvPr>
          <p:cNvSpPr>
            <a:spLocks/>
          </p:cNvSpPr>
          <p:nvPr/>
        </p:nvSpPr>
        <p:spPr>
          <a:xfrm>
            <a:off x="9982091" y="448302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Direktør</a:t>
            </a:r>
          </a:p>
        </p:txBody>
      </p:sp>
      <p:sp>
        <p:nvSpPr>
          <p:cNvPr id="183" name="Rektangel: afrundede hjørner 49">
            <a:extLst>
              <a:ext uri="{FF2B5EF4-FFF2-40B4-BE49-F238E27FC236}">
                <a16:creationId xmlns:a16="http://schemas.microsoft.com/office/drawing/2014/main" id="{94E394E2-4BC0-2442-D097-814243070AEB}"/>
              </a:ext>
            </a:extLst>
          </p:cNvPr>
          <p:cNvSpPr>
            <a:spLocks/>
          </p:cNvSpPr>
          <p:nvPr/>
        </p:nvSpPr>
        <p:spPr>
          <a:xfrm>
            <a:off x="8506585" y="480944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err="1">
                <a:solidFill>
                  <a:srgbClr val="024D78"/>
                </a:solidFill>
              </a:rPr>
              <a:t>Aeven</a:t>
            </a:r>
            <a:endParaRPr lang="da-DK" sz="800" b="1" noProof="0" dirty="0">
              <a:solidFill>
                <a:srgbClr val="024D78"/>
              </a:solidFill>
            </a:endParaRPr>
          </a:p>
        </p:txBody>
      </p:sp>
      <p:sp>
        <p:nvSpPr>
          <p:cNvPr id="179" name="Rektangel: afrundede hjørner 35">
            <a:extLst>
              <a:ext uri="{FF2B5EF4-FFF2-40B4-BE49-F238E27FC236}">
                <a16:creationId xmlns:a16="http://schemas.microsoft.com/office/drawing/2014/main" id="{3FEC3D22-1199-5626-1147-4AAE6AE80724}"/>
              </a:ext>
            </a:extLst>
          </p:cNvPr>
          <p:cNvSpPr>
            <a:spLocks/>
          </p:cNvSpPr>
          <p:nvPr/>
        </p:nvSpPr>
        <p:spPr>
          <a:xfrm>
            <a:off x="9982091" y="480944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Vicedirektør</a:t>
            </a:r>
          </a:p>
        </p:txBody>
      </p:sp>
      <p:sp>
        <p:nvSpPr>
          <p:cNvPr id="184" name="Rektangel: afrundede hjørner 50">
            <a:extLst>
              <a:ext uri="{FF2B5EF4-FFF2-40B4-BE49-F238E27FC236}">
                <a16:creationId xmlns:a16="http://schemas.microsoft.com/office/drawing/2014/main" id="{FE48112A-E1B6-2A44-E106-8B90225C672C}"/>
              </a:ext>
            </a:extLst>
          </p:cNvPr>
          <p:cNvSpPr>
            <a:spLocks/>
          </p:cNvSpPr>
          <p:nvPr/>
        </p:nvSpPr>
        <p:spPr>
          <a:xfrm>
            <a:off x="8506585" y="513586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err="1">
                <a:solidFill>
                  <a:srgbClr val="024D78"/>
                </a:solidFill>
              </a:rPr>
              <a:t>OpenXchange</a:t>
            </a:r>
            <a:r>
              <a:rPr lang="da-DK" sz="800" b="1" noProof="0" dirty="0">
                <a:solidFill>
                  <a:srgbClr val="024D78"/>
                </a:solidFill>
              </a:rPr>
              <a:t> / IDA</a:t>
            </a:r>
          </a:p>
        </p:txBody>
      </p:sp>
      <p:sp>
        <p:nvSpPr>
          <p:cNvPr id="180" name="Rektangel: afrundede hjørner 36">
            <a:extLst>
              <a:ext uri="{FF2B5EF4-FFF2-40B4-BE49-F238E27FC236}">
                <a16:creationId xmlns:a16="http://schemas.microsoft.com/office/drawing/2014/main" id="{BD0F6E21-0167-F5E5-1700-39393EA88292}"/>
              </a:ext>
            </a:extLst>
          </p:cNvPr>
          <p:cNvSpPr>
            <a:spLocks/>
          </p:cNvSpPr>
          <p:nvPr/>
        </p:nvSpPr>
        <p:spPr>
          <a:xfrm>
            <a:off x="9982091" y="513586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Arkitekt / Formand for IDA IT</a:t>
            </a:r>
          </a:p>
        </p:txBody>
      </p:sp>
      <p:sp>
        <p:nvSpPr>
          <p:cNvPr id="185" name="Rektangel: afrundede hjørner 52">
            <a:extLst>
              <a:ext uri="{FF2B5EF4-FFF2-40B4-BE49-F238E27FC236}">
                <a16:creationId xmlns:a16="http://schemas.microsoft.com/office/drawing/2014/main" id="{8885AE73-E3EB-8175-1F02-F755CC9B2B79}"/>
              </a:ext>
            </a:extLst>
          </p:cNvPr>
          <p:cNvSpPr>
            <a:spLocks/>
          </p:cNvSpPr>
          <p:nvPr/>
        </p:nvSpPr>
        <p:spPr>
          <a:xfrm>
            <a:off x="8506585" y="546228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Dansk Industri</a:t>
            </a:r>
          </a:p>
        </p:txBody>
      </p:sp>
      <p:sp>
        <p:nvSpPr>
          <p:cNvPr id="181" name="Rektangel: afrundede hjørner 38">
            <a:extLst>
              <a:ext uri="{FF2B5EF4-FFF2-40B4-BE49-F238E27FC236}">
                <a16:creationId xmlns:a16="http://schemas.microsoft.com/office/drawing/2014/main" id="{CCA085AB-39D9-4339-4A07-E86FCCDAD6BB}"/>
              </a:ext>
            </a:extLst>
          </p:cNvPr>
          <p:cNvSpPr>
            <a:spLocks/>
          </p:cNvSpPr>
          <p:nvPr/>
        </p:nvSpPr>
        <p:spPr>
          <a:xfrm>
            <a:off x="9982091" y="546228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Branchedirektør, DI Digital</a:t>
            </a:r>
          </a:p>
        </p:txBody>
      </p:sp>
      <p:sp>
        <p:nvSpPr>
          <p:cNvPr id="40" name="Rektangel: afrundede hjørner 55">
            <a:extLst>
              <a:ext uri="{FF2B5EF4-FFF2-40B4-BE49-F238E27FC236}">
                <a16:creationId xmlns:a16="http://schemas.microsoft.com/office/drawing/2014/main" id="{53323051-C5C8-FAF7-4BA4-8A07C987B7C8}"/>
              </a:ext>
            </a:extLst>
          </p:cNvPr>
          <p:cNvSpPr>
            <a:spLocks/>
          </p:cNvSpPr>
          <p:nvPr/>
        </p:nvSpPr>
        <p:spPr>
          <a:xfrm>
            <a:off x="8532176" y="5788699"/>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Teleindustrien</a:t>
            </a:r>
          </a:p>
        </p:txBody>
      </p:sp>
      <p:sp>
        <p:nvSpPr>
          <p:cNvPr id="34" name="Rektangel: afrundede hjørner 41">
            <a:extLst>
              <a:ext uri="{FF2B5EF4-FFF2-40B4-BE49-F238E27FC236}">
                <a16:creationId xmlns:a16="http://schemas.microsoft.com/office/drawing/2014/main" id="{8857816D-041E-7B49-9692-671A932D60D6}"/>
              </a:ext>
            </a:extLst>
          </p:cNvPr>
          <p:cNvSpPr>
            <a:spLocks/>
          </p:cNvSpPr>
          <p:nvPr/>
        </p:nvSpPr>
        <p:spPr>
          <a:xfrm>
            <a:off x="10007682" y="5788699"/>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Direktør</a:t>
            </a:r>
          </a:p>
        </p:txBody>
      </p:sp>
      <p:sp>
        <p:nvSpPr>
          <p:cNvPr id="56" name="Rektangel: afrundede hjørner 55">
            <a:extLst>
              <a:ext uri="{FF2B5EF4-FFF2-40B4-BE49-F238E27FC236}">
                <a16:creationId xmlns:a16="http://schemas.microsoft.com/office/drawing/2014/main" id="{14937074-8F70-0CC8-0B49-CCDD45600913}"/>
              </a:ext>
              <a:ext uri="{C183D7F6-B498-43B3-948B-1728B52AA6E4}">
                <adec:decorative xmlns:adec="http://schemas.microsoft.com/office/drawing/2017/decorative" val="1"/>
              </a:ext>
            </a:extLst>
          </p:cNvPr>
          <p:cNvSpPr>
            <a:spLocks/>
          </p:cNvSpPr>
          <p:nvPr/>
        </p:nvSpPr>
        <p:spPr>
          <a:xfrm>
            <a:off x="8506585" y="350376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Finansiel Sektor</a:t>
            </a:r>
          </a:p>
        </p:txBody>
      </p:sp>
      <p:sp>
        <p:nvSpPr>
          <p:cNvPr id="167" name="Rektangel: afrundede hjørner 55">
            <a:extLst>
              <a:ext uri="{FF2B5EF4-FFF2-40B4-BE49-F238E27FC236}">
                <a16:creationId xmlns:a16="http://schemas.microsoft.com/office/drawing/2014/main" id="{C6D91399-1C9A-752B-8DB7-742320C770E1}"/>
              </a:ext>
              <a:ext uri="{C183D7F6-B498-43B3-948B-1728B52AA6E4}">
                <adec:decorative xmlns:adec="http://schemas.microsoft.com/office/drawing/2017/decorative" val="1"/>
              </a:ext>
            </a:extLst>
          </p:cNvPr>
          <p:cNvSpPr>
            <a:spLocks/>
          </p:cNvSpPr>
          <p:nvPr/>
        </p:nvSpPr>
        <p:spPr>
          <a:xfrm>
            <a:off x="8506585" y="383018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Finansiel Sektor</a:t>
            </a:r>
          </a:p>
        </p:txBody>
      </p:sp>
      <p:sp>
        <p:nvSpPr>
          <p:cNvPr id="199" name="Rektangel: afrundede hjørner 32">
            <a:extLst>
              <a:ext uri="{FF2B5EF4-FFF2-40B4-BE49-F238E27FC236}">
                <a16:creationId xmlns:a16="http://schemas.microsoft.com/office/drawing/2014/main" id="{11F475F3-5EBD-9EF8-D88D-9CA86CF7B89C}"/>
              </a:ext>
              <a:ext uri="{C183D7F6-B498-43B3-948B-1728B52AA6E4}">
                <adec:decorative xmlns:adec="http://schemas.microsoft.com/office/drawing/2017/decorative" val="1"/>
              </a:ext>
            </a:extLst>
          </p:cNvPr>
          <p:cNvSpPr>
            <a:spLocks/>
          </p:cNvSpPr>
          <p:nvPr/>
        </p:nvSpPr>
        <p:spPr>
          <a:xfrm>
            <a:off x="8505530" y="2852321"/>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Bankdata</a:t>
            </a:r>
            <a:endParaRPr lang="da-DK" sz="800" noProof="0" dirty="0">
              <a:solidFill>
                <a:srgbClr val="024D78"/>
              </a:solidFill>
            </a:endParaRPr>
          </a:p>
        </p:txBody>
      </p:sp>
      <p:sp>
        <p:nvSpPr>
          <p:cNvPr id="39" name="Rektangel: afrundede hjørner 38">
            <a:extLst>
              <a:ext uri="{FF2B5EF4-FFF2-40B4-BE49-F238E27FC236}">
                <a16:creationId xmlns:a16="http://schemas.microsoft.com/office/drawing/2014/main" id="{6898A5E5-28E6-E6C9-BF21-FFAF8B617E38}"/>
              </a:ext>
              <a:ext uri="{C183D7F6-B498-43B3-948B-1728B52AA6E4}">
                <adec:decorative xmlns:adec="http://schemas.microsoft.com/office/drawing/2017/decorative" val="1"/>
              </a:ext>
            </a:extLst>
          </p:cNvPr>
          <p:cNvSpPr>
            <a:spLocks/>
          </p:cNvSpPr>
          <p:nvPr/>
        </p:nvSpPr>
        <p:spPr>
          <a:xfrm>
            <a:off x="9982091" y="317734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CEO</a:t>
            </a:r>
          </a:p>
        </p:txBody>
      </p:sp>
      <p:sp>
        <p:nvSpPr>
          <p:cNvPr id="53" name="Rektangel: afrundede hjørner 52">
            <a:extLst>
              <a:ext uri="{FF2B5EF4-FFF2-40B4-BE49-F238E27FC236}">
                <a16:creationId xmlns:a16="http://schemas.microsoft.com/office/drawing/2014/main" id="{9B01D335-A20E-3325-D402-FFFF7C8A01D2}"/>
              </a:ext>
              <a:ext uri="{C183D7F6-B498-43B3-948B-1728B52AA6E4}">
                <adec:decorative xmlns:adec="http://schemas.microsoft.com/office/drawing/2017/decorative" val="1"/>
              </a:ext>
            </a:extLst>
          </p:cNvPr>
          <p:cNvSpPr>
            <a:spLocks/>
          </p:cNvSpPr>
          <p:nvPr/>
        </p:nvSpPr>
        <p:spPr>
          <a:xfrm>
            <a:off x="8506585" y="317734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Magenta</a:t>
            </a:r>
          </a:p>
        </p:txBody>
      </p:sp>
      <p:sp>
        <p:nvSpPr>
          <p:cNvPr id="135" name="Rektangel: afrundede hjørner 134">
            <a:extLst>
              <a:ext uri="{FF2B5EF4-FFF2-40B4-BE49-F238E27FC236}">
                <a16:creationId xmlns:a16="http://schemas.microsoft.com/office/drawing/2014/main" id="{649A9444-CE1E-4D1F-4D81-366251875FA7}"/>
              </a:ext>
              <a:ext uri="{C183D7F6-B498-43B3-948B-1728B52AA6E4}">
                <adec:decorative xmlns:adec="http://schemas.microsoft.com/office/drawing/2017/decorative" val="1"/>
              </a:ext>
            </a:extLst>
          </p:cNvPr>
          <p:cNvSpPr>
            <a:spLocks/>
          </p:cNvSpPr>
          <p:nvPr/>
        </p:nvSpPr>
        <p:spPr>
          <a:xfrm rot="5400000">
            <a:off x="1539819" y="1030884"/>
            <a:ext cx="191213" cy="1457689"/>
          </a:xfrm>
          <a:prstGeom prst="roundRect">
            <a:avLst>
              <a:gd name="adj" fmla="val 8772"/>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i="1" noProof="0" dirty="0">
                <a:solidFill>
                  <a:srgbClr val="024D78"/>
                </a:solidFill>
              </a:rPr>
              <a:t>Organisation</a:t>
            </a:r>
          </a:p>
        </p:txBody>
      </p:sp>
      <p:sp>
        <p:nvSpPr>
          <p:cNvPr id="136" name="Rektangel: afrundede hjørner 135">
            <a:extLst>
              <a:ext uri="{FF2B5EF4-FFF2-40B4-BE49-F238E27FC236}">
                <a16:creationId xmlns:a16="http://schemas.microsoft.com/office/drawing/2014/main" id="{93B17C8C-C584-0B34-4C8D-BCC0F7565DFB}"/>
              </a:ext>
              <a:ext uri="{C183D7F6-B498-43B3-948B-1728B52AA6E4}">
                <adec:decorative xmlns:adec="http://schemas.microsoft.com/office/drawing/2017/decorative" val="1"/>
              </a:ext>
            </a:extLst>
          </p:cNvPr>
          <p:cNvSpPr>
            <a:spLocks/>
          </p:cNvSpPr>
          <p:nvPr/>
        </p:nvSpPr>
        <p:spPr>
          <a:xfrm rot="5400000">
            <a:off x="3204167" y="859730"/>
            <a:ext cx="191213" cy="1799999"/>
          </a:xfrm>
          <a:prstGeom prst="roundRect">
            <a:avLst>
              <a:gd name="adj" fmla="val 8772"/>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i="1" noProof="0" dirty="0">
                <a:solidFill>
                  <a:srgbClr val="024D78"/>
                </a:solidFill>
              </a:rPr>
              <a:t>Rolle</a:t>
            </a:r>
          </a:p>
        </p:txBody>
      </p:sp>
      <p:sp>
        <p:nvSpPr>
          <p:cNvPr id="137" name="Rektangel: afrundede hjørner 136">
            <a:extLst>
              <a:ext uri="{FF2B5EF4-FFF2-40B4-BE49-F238E27FC236}">
                <a16:creationId xmlns:a16="http://schemas.microsoft.com/office/drawing/2014/main" id="{BD2701EF-A9E2-E7AE-384D-13654524E03D}"/>
              </a:ext>
              <a:ext uri="{C183D7F6-B498-43B3-948B-1728B52AA6E4}">
                <adec:decorative xmlns:adec="http://schemas.microsoft.com/office/drawing/2017/decorative" val="1"/>
              </a:ext>
            </a:extLst>
          </p:cNvPr>
          <p:cNvSpPr>
            <a:spLocks/>
          </p:cNvSpPr>
          <p:nvPr/>
        </p:nvSpPr>
        <p:spPr>
          <a:xfrm rot="5400000">
            <a:off x="5331090" y="1030999"/>
            <a:ext cx="191213" cy="1457462"/>
          </a:xfrm>
          <a:prstGeom prst="roundRect">
            <a:avLst>
              <a:gd name="adj" fmla="val 8772"/>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i="1" noProof="0" dirty="0">
                <a:solidFill>
                  <a:srgbClr val="024D78"/>
                </a:solidFill>
              </a:rPr>
              <a:t>Organisation</a:t>
            </a:r>
          </a:p>
        </p:txBody>
      </p:sp>
      <p:sp>
        <p:nvSpPr>
          <p:cNvPr id="138" name="Rektangel: afrundede hjørner 137">
            <a:extLst>
              <a:ext uri="{FF2B5EF4-FFF2-40B4-BE49-F238E27FC236}">
                <a16:creationId xmlns:a16="http://schemas.microsoft.com/office/drawing/2014/main" id="{EC5E456A-3A42-C4DE-0E2D-CA1588DDB770}"/>
              </a:ext>
              <a:ext uri="{C183D7F6-B498-43B3-948B-1728B52AA6E4}">
                <adec:decorative xmlns:adec="http://schemas.microsoft.com/office/drawing/2017/decorative" val="1"/>
              </a:ext>
            </a:extLst>
          </p:cNvPr>
          <p:cNvSpPr>
            <a:spLocks/>
          </p:cNvSpPr>
          <p:nvPr/>
        </p:nvSpPr>
        <p:spPr>
          <a:xfrm rot="5400000">
            <a:off x="6989356" y="865704"/>
            <a:ext cx="191213" cy="1788057"/>
          </a:xfrm>
          <a:prstGeom prst="roundRect">
            <a:avLst>
              <a:gd name="adj" fmla="val 8772"/>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i="1" noProof="0" dirty="0">
                <a:solidFill>
                  <a:srgbClr val="024D78"/>
                </a:solidFill>
              </a:rPr>
              <a:t>Rolle</a:t>
            </a:r>
          </a:p>
        </p:txBody>
      </p:sp>
      <p:sp>
        <p:nvSpPr>
          <p:cNvPr id="149" name="Rektangel: afrundede hjørner 136">
            <a:extLst>
              <a:ext uri="{FF2B5EF4-FFF2-40B4-BE49-F238E27FC236}">
                <a16:creationId xmlns:a16="http://schemas.microsoft.com/office/drawing/2014/main" id="{08C1DED2-7B50-A01B-8FE2-A7413909B8FE}"/>
              </a:ext>
              <a:ext uri="{C183D7F6-B498-43B3-948B-1728B52AA6E4}">
                <adec:decorative xmlns:adec="http://schemas.microsoft.com/office/drawing/2017/decorative" val="1"/>
              </a:ext>
            </a:extLst>
          </p:cNvPr>
          <p:cNvSpPr>
            <a:spLocks/>
          </p:cNvSpPr>
          <p:nvPr/>
        </p:nvSpPr>
        <p:spPr>
          <a:xfrm rot="5400000">
            <a:off x="9122247" y="1030999"/>
            <a:ext cx="191213" cy="1457462"/>
          </a:xfrm>
          <a:prstGeom prst="roundRect">
            <a:avLst>
              <a:gd name="adj" fmla="val 8772"/>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i="1" noProof="0" dirty="0">
                <a:solidFill>
                  <a:srgbClr val="024D78"/>
                </a:solidFill>
              </a:rPr>
              <a:t>Organisation</a:t>
            </a:r>
          </a:p>
        </p:txBody>
      </p:sp>
      <p:sp>
        <p:nvSpPr>
          <p:cNvPr id="150" name="Rektangel: afrundede hjørner 137">
            <a:extLst>
              <a:ext uri="{FF2B5EF4-FFF2-40B4-BE49-F238E27FC236}">
                <a16:creationId xmlns:a16="http://schemas.microsoft.com/office/drawing/2014/main" id="{F78AE62A-A72A-649D-7250-A032E3A2F9E5}"/>
              </a:ext>
              <a:ext uri="{C183D7F6-B498-43B3-948B-1728B52AA6E4}">
                <adec:decorative xmlns:adec="http://schemas.microsoft.com/office/drawing/2017/decorative" val="1"/>
              </a:ext>
            </a:extLst>
          </p:cNvPr>
          <p:cNvSpPr>
            <a:spLocks/>
          </p:cNvSpPr>
          <p:nvPr/>
        </p:nvSpPr>
        <p:spPr>
          <a:xfrm rot="5400000">
            <a:off x="10780513" y="865704"/>
            <a:ext cx="191213" cy="1788057"/>
          </a:xfrm>
          <a:prstGeom prst="roundRect">
            <a:avLst>
              <a:gd name="adj" fmla="val 8772"/>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900" i="1" noProof="0" dirty="0">
                <a:solidFill>
                  <a:srgbClr val="024D78"/>
                </a:solidFill>
              </a:rPr>
              <a:t>Rolle</a:t>
            </a:r>
          </a:p>
        </p:txBody>
      </p:sp>
      <p:sp>
        <p:nvSpPr>
          <p:cNvPr id="182" name="Rektangel: afrundede hjørner 41">
            <a:extLst>
              <a:ext uri="{FF2B5EF4-FFF2-40B4-BE49-F238E27FC236}">
                <a16:creationId xmlns:a16="http://schemas.microsoft.com/office/drawing/2014/main" id="{1CB943BC-228A-99AF-DD09-BB26CAED0A5F}"/>
              </a:ext>
              <a:ext uri="{C183D7F6-B498-43B3-948B-1728B52AA6E4}">
                <adec:decorative xmlns:adec="http://schemas.microsoft.com/office/drawing/2017/decorative" val="1"/>
              </a:ext>
            </a:extLst>
          </p:cNvPr>
          <p:cNvSpPr>
            <a:spLocks/>
          </p:cNvSpPr>
          <p:nvPr/>
        </p:nvSpPr>
        <p:spPr>
          <a:xfrm>
            <a:off x="9982091" y="5788700"/>
            <a:ext cx="180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noProof="0" dirty="0">
                <a:solidFill>
                  <a:srgbClr val="014C77"/>
                </a:solidFill>
              </a:rPr>
              <a:t>Direktør</a:t>
            </a:r>
          </a:p>
        </p:txBody>
      </p:sp>
      <p:sp>
        <p:nvSpPr>
          <p:cNvPr id="186" name="Rektangel: afrundede hjørner 55">
            <a:extLst>
              <a:ext uri="{FF2B5EF4-FFF2-40B4-BE49-F238E27FC236}">
                <a16:creationId xmlns:a16="http://schemas.microsoft.com/office/drawing/2014/main" id="{B4AA5900-84E7-500C-489E-E4FA9079E989}"/>
              </a:ext>
              <a:ext uri="{C183D7F6-B498-43B3-948B-1728B52AA6E4}">
                <adec:decorative xmlns:adec="http://schemas.microsoft.com/office/drawing/2017/decorative" val="1"/>
              </a:ext>
            </a:extLst>
          </p:cNvPr>
          <p:cNvSpPr>
            <a:spLocks/>
          </p:cNvSpPr>
          <p:nvPr/>
        </p:nvSpPr>
        <p:spPr>
          <a:xfrm>
            <a:off x="8506585" y="5788700"/>
            <a:ext cx="1440000" cy="292023"/>
          </a:xfrm>
          <a:prstGeom prst="roundRect">
            <a:avLst>
              <a:gd name="adj" fmla="val 7407"/>
            </a:avLst>
          </a:prstGeom>
          <a:solidFill>
            <a:srgbClr val="DAF1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b="1" noProof="0" dirty="0">
                <a:solidFill>
                  <a:srgbClr val="024D78"/>
                </a:solidFill>
              </a:rPr>
              <a:t>Teleindustrien</a:t>
            </a:r>
          </a:p>
        </p:txBody>
      </p:sp>
      <p:sp>
        <p:nvSpPr>
          <p:cNvPr id="2" name="Rektangel: afrundede hjørner 34">
            <a:extLst>
              <a:ext uri="{FF2B5EF4-FFF2-40B4-BE49-F238E27FC236}">
                <a16:creationId xmlns:a16="http://schemas.microsoft.com/office/drawing/2014/main" id="{5D7E5A94-8EEA-FBBF-3B0A-4DEE58E743D5}"/>
              </a:ext>
              <a:ext uri="{C183D7F6-B498-43B3-948B-1728B52AA6E4}">
                <adec:decorative xmlns:adec="http://schemas.microsoft.com/office/drawing/2017/decorative" val="1"/>
              </a:ext>
            </a:extLst>
          </p:cNvPr>
          <p:cNvSpPr>
            <a:spLocks/>
          </p:cNvSpPr>
          <p:nvPr/>
        </p:nvSpPr>
        <p:spPr>
          <a:xfrm>
            <a:off x="8136670" y="1871661"/>
            <a:ext cx="321533" cy="618442"/>
          </a:xfrm>
          <a:prstGeom prst="roundRect">
            <a:avLst>
              <a:gd name="adj" fmla="val 8772"/>
            </a:avLst>
          </a:prstGeom>
          <a:solidFill>
            <a:srgbClr val="D9D9D9"/>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1100" b="1" noProof="0" dirty="0">
                <a:solidFill>
                  <a:srgbClr val="024D78"/>
                </a:solidFill>
              </a:rPr>
              <a:t>Int.</a:t>
            </a:r>
          </a:p>
        </p:txBody>
      </p:sp>
    </p:spTree>
    <p:extLst>
      <p:ext uri="{BB962C8B-B14F-4D97-AF65-F5344CB8AC3E}">
        <p14:creationId xmlns:p14="http://schemas.microsoft.com/office/powerpoint/2010/main" val="1381248425"/>
      </p:ext>
    </p:extLst>
  </p:cSld>
  <p:clrMapOvr>
    <a:masterClrMapping/>
  </p:clrMapOvr>
  <p:transition>
    <p:fade/>
  </p:transition>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6D1B29C-7176-45E9-F8D4-E3B731086D66}"/>
              </a:ext>
              <a:ext uri="{C183D7F6-B498-43B3-948B-1728B52AA6E4}">
                <adec:decorative xmlns:adec="http://schemas.microsoft.com/office/drawing/2017/decorative" val="0"/>
              </a:ext>
            </a:extLst>
          </p:cNvPr>
          <p:cNvSpPr>
            <a:spLocks noGrp="1"/>
          </p:cNvSpPr>
          <p:nvPr>
            <p:ph type="title" idx="4294967295"/>
          </p:nvPr>
        </p:nvSpPr>
        <p:spPr/>
        <p:txBody>
          <a:bodyPr/>
          <a:lstStyle/>
          <a:p>
            <a:r>
              <a:rPr lang="da-DK" dirty="0"/>
              <a:t>Afsluttende slide</a:t>
            </a:r>
            <a:endParaRPr lang="da-DK" noProof="0" dirty="0"/>
          </a:p>
        </p:txBody>
      </p:sp>
      <p:pic>
        <p:nvPicPr>
          <p:cNvPr id="5" name="Picture 4" descr="Bringing Ingenuity to Life - PA Consulting">
            <a:extLst>
              <a:ext uri="{FF2B5EF4-FFF2-40B4-BE49-F238E27FC236}">
                <a16:creationId xmlns:a16="http://schemas.microsoft.com/office/drawing/2014/main" id="{25CB3F94-D4C4-4D6C-8595-3B2773AE130A}"/>
              </a:ext>
              <a:ext uri="{C183D7F6-B498-43B3-948B-1728B52AA6E4}">
                <adec:decorative xmlns:adec="http://schemas.microsoft.com/office/drawing/2017/decorative" val="0"/>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p:blipFill>
        <p:spPr>
          <a:xfrm>
            <a:off x="4720381" y="2020888"/>
            <a:ext cx="2754411" cy="2817812"/>
          </a:xfrm>
          <a:prstGeom prst="rect">
            <a:avLst/>
          </a:prstGeom>
        </p:spPr>
      </p:pic>
      <p:sp>
        <p:nvSpPr>
          <p:cNvPr id="2" name="TextBox 1">
            <a:extLst>
              <a:ext uri="{FF2B5EF4-FFF2-40B4-BE49-F238E27FC236}">
                <a16:creationId xmlns:a16="http://schemas.microsoft.com/office/drawing/2014/main" id="{F7B9DA59-5348-BD7A-10D9-05089D932119}"/>
              </a:ext>
            </a:extLst>
          </p:cNvPr>
          <p:cNvSpPr txBox="1"/>
          <p:nvPr/>
        </p:nvSpPr>
        <p:spPr>
          <a:xfrm>
            <a:off x="1084598" y="1531215"/>
            <a:ext cx="2364455" cy="1136236"/>
          </a:xfrm>
          <a:prstGeom prst="rect">
            <a:avLst/>
          </a:prstGeom>
          <a:noFill/>
        </p:spPr>
        <p:txBody>
          <a:bodyPr wrap="square" rtlCol="0">
            <a:noAutofit/>
          </a:bodyPr>
          <a:lstStyle/>
          <a:p>
            <a:r>
              <a:rPr lang="da-DK" sz="1100" dirty="0">
                <a:solidFill>
                  <a:srgbClr val="00172D"/>
                </a:solidFill>
              </a:rPr>
              <a:t>Rapporten er udarbejdet af PA Consulting Group for KL, Digitaliseringsministeriet, Digitaliseringsstyrelsen og Danske Regioner.</a:t>
            </a:r>
          </a:p>
        </p:txBody>
      </p:sp>
    </p:spTree>
    <p:custDataLst>
      <p:custData r:id="rId1"/>
      <p:custData r:id="rId2"/>
    </p:custDataLst>
    <p:extLst>
      <p:ext uri="{BB962C8B-B14F-4D97-AF65-F5344CB8AC3E}">
        <p14:creationId xmlns:p14="http://schemas.microsoft.com/office/powerpoint/2010/main" val="4069972108"/>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F87469E-779C-FD65-E54C-1D426320AC08}"/>
              </a:ext>
            </a:extLst>
          </p:cNvPr>
          <p:cNvSpPr>
            <a:spLocks noGrp="1"/>
          </p:cNvSpPr>
          <p:nvPr>
            <p:ph type="title"/>
          </p:nvPr>
        </p:nvSpPr>
        <p:spPr/>
        <p:txBody>
          <a:bodyPr/>
          <a:lstStyle/>
          <a:p>
            <a:r>
              <a:rPr lang="da-DK" sz="2200" noProof="0" dirty="0">
                <a:solidFill>
                  <a:schemeClr val="tx1"/>
                </a:solidFill>
              </a:rPr>
              <a:t>Analysen anlægger en forståelse af digital suverænitet, som primært knytter sig til udfordringer og handlemuligheder for de offentlige myndigheder i Danmark</a:t>
            </a:r>
          </a:p>
        </p:txBody>
      </p:sp>
      <p:sp>
        <p:nvSpPr>
          <p:cNvPr id="3" name="Content Placeholder 5">
            <a:extLst>
              <a:ext uri="{FF2B5EF4-FFF2-40B4-BE49-F238E27FC236}">
                <a16:creationId xmlns:a16="http://schemas.microsoft.com/office/drawing/2014/main" id="{5C09CCCB-4929-FE8A-5DED-E470D6326EA8}"/>
              </a:ext>
            </a:extLst>
          </p:cNvPr>
          <p:cNvSpPr txBox="1">
            <a:spLocks/>
          </p:cNvSpPr>
          <p:nvPr/>
        </p:nvSpPr>
        <p:spPr>
          <a:xfrm>
            <a:off x="552450" y="1599103"/>
            <a:ext cx="11087386" cy="429538"/>
          </a:xfrm>
          <a:prstGeom prst="rect">
            <a:avLst/>
          </a:prstGeom>
        </p:spPr>
        <p:txBody>
          <a:bodyPr vert="horz" lIns="0" tIns="0" rIns="0" bIns="0" rtlCol="0" anchor="t">
            <a:noAutofit/>
          </a:bodyPr>
          <a:lstStyle>
            <a:defPPr>
              <a:defRPr lang="en-US"/>
            </a:defPPr>
            <a:lvl1pPr indent="0" defTabSz="203892">
              <a:lnSpc>
                <a:spcPct val="100000"/>
              </a:lnSpc>
              <a:spcBef>
                <a:spcPts val="0"/>
              </a:spcBef>
              <a:spcAft>
                <a:spcPts val="300"/>
              </a:spcAft>
              <a:buClrTx/>
              <a:buFont typeface="Arial" panose="020B0604020202020204" pitchFamily="34" charset="0"/>
              <a:buNone/>
              <a:defRPr sz="1200" b="1" cap="none" baseline="0">
                <a:solidFill>
                  <a:schemeClr val="accent3"/>
                </a:solidFill>
              </a:defRPr>
            </a:lvl1pPr>
            <a:lvl2pPr marL="0" indent="0" defTabSz="203892">
              <a:lnSpc>
                <a:spcPct val="100000"/>
              </a:lnSpc>
              <a:spcBef>
                <a:spcPts val="0"/>
              </a:spcBef>
              <a:spcAft>
                <a:spcPts val="600"/>
              </a:spcAft>
              <a:buClrTx/>
              <a:buFont typeface="Arial" panose="020B0604020202020204" pitchFamily="34" charset="0"/>
              <a:buNone/>
              <a:defRPr sz="1200" b="1" cap="none" baseline="0">
                <a:solidFill>
                  <a:schemeClr val="accent1"/>
                </a:solidFill>
              </a:defRPr>
            </a:lvl2pPr>
            <a:lvl3pPr marL="0" indent="0" defTabSz="203892">
              <a:lnSpc>
                <a:spcPct val="100000"/>
              </a:lnSpc>
              <a:spcBef>
                <a:spcPts val="0"/>
              </a:spcBef>
              <a:spcAft>
                <a:spcPts val="600"/>
              </a:spcAft>
              <a:buFont typeface="Arial" panose="020B0604020202020204" pitchFamily="34" charset="0"/>
              <a:buNone/>
              <a:defRPr sz="1100">
                <a:solidFill>
                  <a:schemeClr val="accent3"/>
                </a:solidFill>
              </a:defRPr>
            </a:lvl3pPr>
            <a:lvl4pPr marL="180000" indent="-180000" defTabSz="203892">
              <a:lnSpc>
                <a:spcPct val="100000"/>
              </a:lnSpc>
              <a:spcBef>
                <a:spcPts val="0"/>
              </a:spcBef>
              <a:spcAft>
                <a:spcPts val="600"/>
              </a:spcAft>
              <a:buClr>
                <a:srgbClr val="F62B44"/>
              </a:buClr>
              <a:buFont typeface="Arial" panose="020B0604020202020204" pitchFamily="34" charset="0"/>
              <a:buChar char="•"/>
              <a:defRPr sz="1100">
                <a:solidFill>
                  <a:schemeClr val="accent3"/>
                </a:solidFill>
              </a:defRPr>
            </a:lvl4pPr>
            <a:lvl5pPr marL="36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5pPr>
            <a:lvl6pPr marL="540000" indent="-180000" defTabSz="203892">
              <a:lnSpc>
                <a:spcPct val="100000"/>
              </a:lnSpc>
              <a:spcBef>
                <a:spcPts val="0"/>
              </a:spcBef>
              <a:spcAft>
                <a:spcPts val="600"/>
              </a:spcAft>
              <a:buClr>
                <a:srgbClr val="F62B44"/>
              </a:buClr>
              <a:buSzPct val="100000"/>
              <a:buFont typeface="Arial" panose="020B0604020202020204" pitchFamily="34" charset="0"/>
              <a:buChar char="•"/>
              <a:defRPr sz="1100">
                <a:solidFill>
                  <a:schemeClr val="accent3"/>
                </a:solidFill>
              </a:defRPr>
            </a:lvl6pPr>
            <a:lvl7pPr marL="225425" indent="-225425" defTabSz="203892">
              <a:lnSpc>
                <a:spcPct val="100000"/>
              </a:lnSpc>
              <a:spcBef>
                <a:spcPts val="0"/>
              </a:spcBef>
              <a:spcAft>
                <a:spcPts val="600"/>
              </a:spcAft>
              <a:buClr>
                <a:srgbClr val="F62B44"/>
              </a:buClr>
              <a:buFont typeface="+mj-lt"/>
              <a:buAutoNum type="arabicPeriod"/>
              <a:defRPr sz="1100">
                <a:solidFill>
                  <a:schemeClr val="accent3"/>
                </a:solidFill>
              </a:defRPr>
            </a:lvl7pPr>
            <a:lvl8pPr marL="449263" indent="-215900" defTabSz="203892">
              <a:lnSpc>
                <a:spcPct val="100000"/>
              </a:lnSpc>
              <a:spcBef>
                <a:spcPts val="0"/>
              </a:spcBef>
              <a:spcAft>
                <a:spcPts val="600"/>
              </a:spcAft>
              <a:buClr>
                <a:srgbClr val="F62B44"/>
              </a:buClr>
              <a:buFont typeface="+mj-lt"/>
              <a:buAutoNum type="alphaLcParenR"/>
              <a:defRPr sz="1100">
                <a:solidFill>
                  <a:schemeClr val="accent3"/>
                </a:solidFill>
              </a:defRPr>
            </a:lvl8pPr>
            <a:lvl9pPr marL="630238" indent="-180975" defTabSz="203892">
              <a:lnSpc>
                <a:spcPct val="100000"/>
              </a:lnSpc>
              <a:spcBef>
                <a:spcPts val="0"/>
              </a:spcBef>
              <a:spcAft>
                <a:spcPts val="600"/>
              </a:spcAft>
              <a:buClr>
                <a:srgbClr val="F62B44"/>
              </a:buClr>
              <a:buSzPct val="100000"/>
              <a:buFont typeface="+mj-lt"/>
              <a:buAutoNum type="romanLcPeriod"/>
              <a:defRPr sz="1100">
                <a:solidFill>
                  <a:schemeClr val="accent3"/>
                </a:solidFill>
              </a:defRPr>
            </a:lvl9pPr>
          </a:lstStyle>
          <a:p>
            <a:r>
              <a:rPr lang="da-DK" noProof="0" dirty="0"/>
              <a:t>Analysen fokuserer primært på udfordringer og handlemuligheder for de offentlige myndigheder. Her sondres mellem muligheder for den enkelte myndighed, muligheder på et samlet forvaltningsniveau (stat, regioner og kommuner) og muligheder i det fællesoffentlige samarbejde. </a:t>
            </a:r>
          </a:p>
        </p:txBody>
      </p:sp>
      <p:sp>
        <p:nvSpPr>
          <p:cNvPr id="15" name="Rektangel 8">
            <a:extLst>
              <a:ext uri="{FF2B5EF4-FFF2-40B4-BE49-F238E27FC236}">
                <a16:creationId xmlns:a16="http://schemas.microsoft.com/office/drawing/2014/main" id="{C669BE37-BB03-458A-F2D7-A4A6695C3097}"/>
              </a:ext>
            </a:extLst>
          </p:cNvPr>
          <p:cNvSpPr/>
          <p:nvPr/>
        </p:nvSpPr>
        <p:spPr>
          <a:xfrm>
            <a:off x="554355" y="2252582"/>
            <a:ext cx="3508745" cy="3855040"/>
          </a:xfrm>
          <a:prstGeom prst="roundRect">
            <a:avLst>
              <a:gd name="adj" fmla="val 2683"/>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32000" rIns="91440" bIns="45720" rtlCol="0" anchor="t"/>
          <a:lstStyle/>
          <a:p>
            <a:pPr>
              <a:spcAft>
                <a:spcPts val="800"/>
              </a:spcAft>
            </a:pPr>
            <a:r>
              <a:rPr lang="da-DK" sz="1100" noProof="0" dirty="0">
                <a:solidFill>
                  <a:schemeClr val="tx1"/>
                </a:solidFill>
              </a:rPr>
              <a:t>Der findes ikke én entydig, autoritativ definition af digital suverænitet, men der er efterhånden etableret en række forståelser af begrebet*. </a:t>
            </a:r>
          </a:p>
          <a:p>
            <a:pPr>
              <a:spcAft>
                <a:spcPts val="800"/>
              </a:spcAft>
            </a:pPr>
            <a:r>
              <a:rPr lang="da-DK" sz="1100" noProof="0" dirty="0">
                <a:solidFill>
                  <a:schemeClr val="tx1"/>
                </a:solidFill>
              </a:rPr>
              <a:t>I denne analyse anlægges en begrebsforståelse med tydeligt fokus på de </a:t>
            </a:r>
            <a:r>
              <a:rPr lang="da-DK" sz="1100" b="1" noProof="0" dirty="0">
                <a:solidFill>
                  <a:schemeClr val="tx1"/>
                </a:solidFill>
              </a:rPr>
              <a:t>udfordringer </a:t>
            </a:r>
            <a:r>
              <a:rPr lang="da-DK" sz="1100" noProof="0" dirty="0">
                <a:solidFill>
                  <a:schemeClr val="tx1"/>
                </a:solidFill>
              </a:rPr>
              <a:t>og </a:t>
            </a:r>
            <a:r>
              <a:rPr lang="da-DK" sz="1100" b="1" noProof="0" dirty="0">
                <a:solidFill>
                  <a:schemeClr val="tx1"/>
                </a:solidFill>
              </a:rPr>
              <a:t>handlemuligheder</a:t>
            </a:r>
            <a:r>
              <a:rPr lang="da-DK" sz="1100" noProof="0" dirty="0">
                <a:solidFill>
                  <a:schemeClr val="tx1"/>
                </a:solidFill>
              </a:rPr>
              <a:t>, som er relevante for de </a:t>
            </a:r>
            <a:r>
              <a:rPr lang="da-DK" sz="1100" b="1" noProof="0" dirty="0">
                <a:solidFill>
                  <a:schemeClr val="tx1"/>
                </a:solidFill>
              </a:rPr>
              <a:t>offentlige myndigheder </a:t>
            </a:r>
            <a:r>
              <a:rPr lang="da-DK" sz="1100" noProof="0" dirty="0">
                <a:solidFill>
                  <a:schemeClr val="tx1"/>
                </a:solidFill>
              </a:rPr>
              <a:t>i en dansk kontekst.</a:t>
            </a:r>
            <a:endParaRPr lang="da-DK" sz="1100" noProof="0" dirty="0">
              <a:solidFill>
                <a:schemeClr val="tx1"/>
              </a:solidFill>
              <a:cs typeface="Arial"/>
            </a:endParaRPr>
          </a:p>
          <a:p>
            <a:pPr>
              <a:spcAft>
                <a:spcPts val="800"/>
              </a:spcAft>
            </a:pPr>
            <a:r>
              <a:rPr lang="da-DK" sz="1100" b="1" noProof="0" dirty="0">
                <a:solidFill>
                  <a:schemeClr val="tx1"/>
                </a:solidFill>
              </a:rPr>
              <a:t>Øget digital suverænitet handler om at styrke offentlige myndigheders handlefrihed og kontrol</a:t>
            </a:r>
            <a:r>
              <a:rPr lang="da-DK" sz="1100" noProof="0" dirty="0">
                <a:solidFill>
                  <a:schemeClr val="tx1"/>
                </a:solidFill>
              </a:rPr>
              <a:t>, herunder muligheden for selv at til- og fravælge fx udenlandske </a:t>
            </a:r>
            <a:r>
              <a:rPr lang="da-DK" sz="1100" noProof="0" dirty="0" err="1">
                <a:solidFill>
                  <a:schemeClr val="tx1"/>
                </a:solidFill>
              </a:rPr>
              <a:t>tech</a:t>
            </a:r>
            <a:r>
              <a:rPr lang="da-DK" sz="1100" noProof="0" dirty="0">
                <a:solidFill>
                  <a:schemeClr val="tx1"/>
                </a:solidFill>
              </a:rPr>
              <a:t>-leverandørers produkter samt foretage leverandørskifte. Øget digital suverænitet handler ikke om at forbyde eller udfase produkter fra fx USA og andre tredjelande over én kam, men om øget kontrol, driftskontinuitet og færre bindinger til </a:t>
            </a:r>
            <a:r>
              <a:rPr lang="da-DK" sz="1100" noProof="0" dirty="0" err="1">
                <a:solidFill>
                  <a:schemeClr val="tx1"/>
                </a:solidFill>
              </a:rPr>
              <a:t>tech</a:t>
            </a:r>
            <a:r>
              <a:rPr lang="da-DK" sz="1100" noProof="0" dirty="0">
                <a:solidFill>
                  <a:schemeClr val="tx1"/>
                </a:solidFill>
              </a:rPr>
              <a:t>-leverandører. Dette kan også omfatte bindinger til danske og europæiske leverandører.</a:t>
            </a:r>
          </a:p>
        </p:txBody>
      </p:sp>
      <p:sp>
        <p:nvSpPr>
          <p:cNvPr id="10" name="Rektangel 9">
            <a:extLst>
              <a:ext uri="{FF2B5EF4-FFF2-40B4-BE49-F238E27FC236}">
                <a16:creationId xmlns:a16="http://schemas.microsoft.com/office/drawing/2014/main" id="{1C645AF6-25A8-7BE3-05DB-26131179DA86}"/>
              </a:ext>
              <a:ext uri="{C183D7F6-B498-43B3-948B-1728B52AA6E4}">
                <adec:decorative xmlns:adec="http://schemas.microsoft.com/office/drawing/2017/decorative" val="0"/>
              </a:ext>
            </a:extLst>
          </p:cNvPr>
          <p:cNvSpPr/>
          <p:nvPr/>
        </p:nvSpPr>
        <p:spPr>
          <a:xfrm>
            <a:off x="554355" y="2252582"/>
            <a:ext cx="3508745" cy="363390"/>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t>Vores forståelse af digital suverænitet</a:t>
            </a:r>
          </a:p>
        </p:txBody>
      </p:sp>
      <p:sp>
        <p:nvSpPr>
          <p:cNvPr id="44" name="TextBox 43">
            <a:extLst>
              <a:ext uri="{FF2B5EF4-FFF2-40B4-BE49-F238E27FC236}">
                <a16:creationId xmlns:a16="http://schemas.microsoft.com/office/drawing/2014/main" id="{6B811440-9669-AAF8-BF5E-248CAF256B20}"/>
              </a:ext>
            </a:extLst>
          </p:cNvPr>
          <p:cNvSpPr txBox="1"/>
          <p:nvPr/>
        </p:nvSpPr>
        <p:spPr>
          <a:xfrm>
            <a:off x="552451" y="6112862"/>
            <a:ext cx="11085968" cy="429538"/>
          </a:xfrm>
          <a:prstGeom prst="rect">
            <a:avLst/>
          </a:prstGeom>
          <a:noFill/>
        </p:spPr>
        <p:txBody>
          <a:bodyPr wrap="square" rtlCol="0">
            <a:noAutofit/>
          </a:bodyPr>
          <a:lstStyle>
            <a:defPPr>
              <a:defRPr lang="en-US"/>
            </a:defPPr>
            <a:lvl1pPr algn="ctr">
              <a:defRPr sz="1100" i="1"/>
            </a:lvl1pPr>
          </a:lstStyle>
          <a:p>
            <a:pPr algn="l"/>
            <a:r>
              <a:rPr lang="da-DK" sz="700" noProof="0" dirty="0"/>
              <a:t>*Dansk Industri: “Digital suverænitet handler om, at virksomheder, organisationer og lande har kontrol over deres data og it-infrastruktur – frem for at være afhængige af udenlandske teknologileverandører og lovgivning.”. Dirk </a:t>
            </a:r>
            <a:r>
              <a:rPr lang="da-DK" sz="700" noProof="0" dirty="0" err="1"/>
              <a:t>Schrödter</a:t>
            </a:r>
            <a:r>
              <a:rPr lang="da-DK" sz="700" noProof="0" dirty="0"/>
              <a:t> (Digitaliseringsminister i Schleswig-Holstein): “Digital suverænitet betyder, at enkeltpersoner og institutioner har kapacitet og kompetencer til at udfylde deres roller i den digitale verden uafhængigt, autonomt og sikkert”. *European Parliament EPRS Ideas Paper: ”'Digital suverænitet' refererer til Europas evne til at handle uafhængigt i den digitale verden og bør forstås både i form af beskyttelsesmekanismer og offensive værktøjer til at fremme digital innovation (herunder i samarbejde med virksomheder uden for EU)”. </a:t>
            </a:r>
          </a:p>
        </p:txBody>
      </p:sp>
      <p:sp>
        <p:nvSpPr>
          <p:cNvPr id="14" name="Rektangel 8">
            <a:extLst>
              <a:ext uri="{FF2B5EF4-FFF2-40B4-BE49-F238E27FC236}">
                <a16:creationId xmlns:a16="http://schemas.microsoft.com/office/drawing/2014/main" id="{F978D3D2-48EF-2377-3C6F-FEB6892510F2}"/>
              </a:ext>
              <a:ext uri="{C183D7F6-B498-43B3-948B-1728B52AA6E4}">
                <adec:decorative xmlns:adec="http://schemas.microsoft.com/office/drawing/2017/decorative" val="1"/>
              </a:ext>
            </a:extLst>
          </p:cNvPr>
          <p:cNvSpPr/>
          <p:nvPr/>
        </p:nvSpPr>
        <p:spPr>
          <a:xfrm>
            <a:off x="4343102" y="2252582"/>
            <a:ext cx="3508745" cy="3855040"/>
          </a:xfrm>
          <a:prstGeom prst="roundRect">
            <a:avLst>
              <a:gd name="adj" fmla="val 2683"/>
            </a:avLst>
          </a:prstGeom>
          <a:solidFill>
            <a:srgbClr val="E8ECF2"/>
          </a:soli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9" name="Rektangel 8">
            <a:extLst>
              <a:ext uri="{FF2B5EF4-FFF2-40B4-BE49-F238E27FC236}">
                <a16:creationId xmlns:a16="http://schemas.microsoft.com/office/drawing/2014/main" id="{C83BBE59-EC3D-3881-E8A9-FE448EE1C882}"/>
              </a:ext>
              <a:ext uri="{C183D7F6-B498-43B3-948B-1728B52AA6E4}">
                <adec:decorative xmlns:adec="http://schemas.microsoft.com/office/drawing/2017/decorative" val="0"/>
              </a:ext>
            </a:extLst>
          </p:cNvPr>
          <p:cNvSpPr/>
          <p:nvPr/>
        </p:nvSpPr>
        <p:spPr>
          <a:xfrm>
            <a:off x="4343103" y="2252582"/>
            <a:ext cx="3508745" cy="387773"/>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t>Analyseniveauer</a:t>
            </a:r>
          </a:p>
        </p:txBody>
      </p:sp>
      <p:sp>
        <p:nvSpPr>
          <p:cNvPr id="4" name="Rektangel 3">
            <a:extLst>
              <a:ext uri="{FF2B5EF4-FFF2-40B4-BE49-F238E27FC236}">
                <a16:creationId xmlns:a16="http://schemas.microsoft.com/office/drawing/2014/main" id="{EF196DD0-B9AC-D917-576A-0B5EBADA11AD}"/>
              </a:ext>
            </a:extLst>
          </p:cNvPr>
          <p:cNvSpPr/>
          <p:nvPr/>
        </p:nvSpPr>
        <p:spPr>
          <a:xfrm>
            <a:off x="4661067" y="2797499"/>
            <a:ext cx="2841037" cy="391589"/>
          </a:xfrm>
          <a:prstGeom prst="roundRect">
            <a:avLst/>
          </a:prstGeom>
          <a:solidFill>
            <a:srgbClr val="024D7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noProof="0"/>
              <a:t>EU</a:t>
            </a:r>
          </a:p>
        </p:txBody>
      </p:sp>
      <p:sp>
        <p:nvSpPr>
          <p:cNvPr id="5" name="Rektangel 4">
            <a:extLst>
              <a:ext uri="{FF2B5EF4-FFF2-40B4-BE49-F238E27FC236}">
                <a16:creationId xmlns:a16="http://schemas.microsoft.com/office/drawing/2014/main" id="{2AB3F018-8774-522B-B631-FAE8E757C934}"/>
              </a:ext>
            </a:extLst>
          </p:cNvPr>
          <p:cNvSpPr/>
          <p:nvPr/>
        </p:nvSpPr>
        <p:spPr>
          <a:xfrm>
            <a:off x="4661067" y="3412305"/>
            <a:ext cx="2841037" cy="391589"/>
          </a:xfrm>
          <a:prstGeom prst="roundRect">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noProof="0" dirty="0"/>
              <a:t>Det danske samfund</a:t>
            </a:r>
          </a:p>
        </p:txBody>
      </p:sp>
      <p:sp>
        <p:nvSpPr>
          <p:cNvPr id="8" name="Rektangel 7">
            <a:extLst>
              <a:ext uri="{FF2B5EF4-FFF2-40B4-BE49-F238E27FC236}">
                <a16:creationId xmlns:a16="http://schemas.microsoft.com/office/drawing/2014/main" id="{84F269E6-0AC6-34A8-98AC-9D1411AA3A60}"/>
              </a:ext>
              <a:ext uri="{C183D7F6-B498-43B3-948B-1728B52AA6E4}">
                <adec:decorative xmlns:adec="http://schemas.microsoft.com/office/drawing/2017/decorative" val="0"/>
              </a:ext>
            </a:extLst>
          </p:cNvPr>
          <p:cNvSpPr/>
          <p:nvPr/>
        </p:nvSpPr>
        <p:spPr>
          <a:xfrm>
            <a:off x="4661067" y="4027111"/>
            <a:ext cx="2841037" cy="391589"/>
          </a:xfrm>
          <a:prstGeom prst="roundRect">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noProof="0" dirty="0">
                <a:solidFill>
                  <a:srgbClr val="024D78"/>
                </a:solidFill>
              </a:rPr>
              <a:t>Fællesoffentlig</a:t>
            </a:r>
          </a:p>
        </p:txBody>
      </p:sp>
      <p:sp>
        <p:nvSpPr>
          <p:cNvPr id="6" name="Rektangel 5">
            <a:extLst>
              <a:ext uri="{FF2B5EF4-FFF2-40B4-BE49-F238E27FC236}">
                <a16:creationId xmlns:a16="http://schemas.microsoft.com/office/drawing/2014/main" id="{414AE1BF-4789-0AE8-3BED-C3EA661E25E8}"/>
              </a:ext>
            </a:extLst>
          </p:cNvPr>
          <p:cNvSpPr/>
          <p:nvPr/>
        </p:nvSpPr>
        <p:spPr>
          <a:xfrm>
            <a:off x="4661067" y="4641917"/>
            <a:ext cx="2841037" cy="391589"/>
          </a:xfrm>
          <a:prstGeom prst="roundRect">
            <a:avLst/>
          </a:prstGeom>
          <a:solidFill>
            <a:srgbClr val="B7E5E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noProof="0" dirty="0">
                <a:solidFill>
                  <a:srgbClr val="024D78"/>
                </a:solidFill>
              </a:rPr>
              <a:t>Stat, regioner, kommuner</a:t>
            </a:r>
          </a:p>
        </p:txBody>
      </p:sp>
      <p:sp>
        <p:nvSpPr>
          <p:cNvPr id="7" name="Rektangel 6">
            <a:extLst>
              <a:ext uri="{FF2B5EF4-FFF2-40B4-BE49-F238E27FC236}">
                <a16:creationId xmlns:a16="http://schemas.microsoft.com/office/drawing/2014/main" id="{7A5331E3-DA57-9EB3-A5B0-C87E0EB420A1}"/>
              </a:ext>
            </a:extLst>
          </p:cNvPr>
          <p:cNvSpPr/>
          <p:nvPr/>
        </p:nvSpPr>
        <p:spPr>
          <a:xfrm>
            <a:off x="4661066" y="5256722"/>
            <a:ext cx="2841037" cy="391589"/>
          </a:xfrm>
          <a:prstGeom prst="roundRect">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noProof="0" dirty="0">
                <a:solidFill>
                  <a:srgbClr val="024D78"/>
                </a:solidFill>
              </a:rPr>
              <a:t>Myndighed</a:t>
            </a:r>
          </a:p>
        </p:txBody>
      </p:sp>
      <p:sp>
        <p:nvSpPr>
          <p:cNvPr id="21" name="Rectangle: Rounded Corners 20">
            <a:extLst>
              <a:ext uri="{FF2B5EF4-FFF2-40B4-BE49-F238E27FC236}">
                <a16:creationId xmlns:a16="http://schemas.microsoft.com/office/drawing/2014/main" id="{45F91A7D-F38E-8C63-F782-B86FF10091CB}"/>
              </a:ext>
              <a:ext uri="{C183D7F6-B498-43B3-948B-1728B52AA6E4}">
                <adec:decorative xmlns:adec="http://schemas.microsoft.com/office/drawing/2017/decorative" val="1"/>
              </a:ext>
            </a:extLst>
          </p:cNvPr>
          <p:cNvSpPr/>
          <p:nvPr/>
        </p:nvSpPr>
        <p:spPr>
          <a:xfrm>
            <a:off x="4581529" y="3931008"/>
            <a:ext cx="2987012" cy="1800427"/>
          </a:xfrm>
          <a:prstGeom prst="roundRect">
            <a:avLst>
              <a:gd name="adj" fmla="val 6645"/>
            </a:avLst>
          </a:prstGeom>
          <a:noFill/>
          <a:ln w="28575">
            <a:solidFill>
              <a:srgbClr val="2C8027"/>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2" name="Rektangel 8">
            <a:extLst>
              <a:ext uri="{FF2B5EF4-FFF2-40B4-BE49-F238E27FC236}">
                <a16:creationId xmlns:a16="http://schemas.microsoft.com/office/drawing/2014/main" id="{8D716E7C-5E81-6756-12F9-EAB6C3C0F10A}"/>
              </a:ext>
            </a:extLst>
          </p:cNvPr>
          <p:cNvSpPr/>
          <p:nvPr/>
        </p:nvSpPr>
        <p:spPr>
          <a:xfrm>
            <a:off x="8129673" y="2252582"/>
            <a:ext cx="3508745" cy="3855040"/>
          </a:xfrm>
          <a:prstGeom prst="roundRect">
            <a:avLst>
              <a:gd name="adj" fmla="val 2683"/>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tIns="432000" rtlCol="0" anchor="t"/>
          <a:lstStyle/>
          <a:p>
            <a:pPr>
              <a:spcAft>
                <a:spcPts val="800"/>
              </a:spcAft>
            </a:pPr>
            <a:r>
              <a:rPr lang="da-DK" sz="1100" noProof="0" dirty="0">
                <a:solidFill>
                  <a:schemeClr val="tx1"/>
                </a:solidFill>
              </a:rPr>
              <a:t>I et samfundsperspektiv handler øget digital suverænitet også om forskellige politiske instrumenter og rammevilkår – lige fra økonomi, digital regulering og erhvervs- og industripolitik til forsvarspolitik, uddannelse og forskning mv. </a:t>
            </a:r>
          </a:p>
          <a:p>
            <a:r>
              <a:rPr lang="da-DK" sz="1100" noProof="0" dirty="0">
                <a:solidFill>
                  <a:schemeClr val="tx1"/>
                </a:solidFill>
              </a:rPr>
              <a:t>Denne analyse vedrører primært </a:t>
            </a:r>
            <a:r>
              <a:rPr lang="da-DK" sz="1100" b="1" noProof="0" dirty="0">
                <a:solidFill>
                  <a:schemeClr val="tx1"/>
                </a:solidFill>
              </a:rPr>
              <a:t>digitaliserings-politiske muligheder </a:t>
            </a:r>
            <a:r>
              <a:rPr lang="da-DK" sz="1100" noProof="0" dirty="0">
                <a:solidFill>
                  <a:schemeClr val="tx1"/>
                </a:solidFill>
              </a:rPr>
              <a:t>for den offentlige sektor. Analysen afgrænser sig derfor fra bredere løsningsspor rettet mod samfundet og EU.</a:t>
            </a:r>
          </a:p>
          <a:p>
            <a:endParaRPr lang="da-DK" sz="1100" noProof="0" dirty="0">
              <a:solidFill>
                <a:schemeClr val="tx1"/>
              </a:solidFill>
            </a:endParaRPr>
          </a:p>
          <a:p>
            <a:r>
              <a:rPr lang="da-DK" sz="1100" noProof="0" dirty="0">
                <a:solidFill>
                  <a:schemeClr val="tx1"/>
                </a:solidFill>
              </a:rPr>
              <a:t>Analysen identificerer løsningsspor med relevans for øvrige aktører, fx it-leverandører, ifm. samarbejdet om myndighedernes digitale løsninger, men </a:t>
            </a:r>
            <a:r>
              <a:rPr lang="da-DK" sz="1100" b="1" noProof="0" dirty="0">
                <a:solidFill>
                  <a:schemeClr val="tx1"/>
                </a:solidFill>
              </a:rPr>
              <a:t>har ikke som formål at udarbejde egentlige erhvervspolitiske tiltag</a:t>
            </a:r>
            <a:r>
              <a:rPr lang="da-DK" sz="1100" noProof="0" dirty="0">
                <a:solidFill>
                  <a:schemeClr val="tx1"/>
                </a:solidFill>
              </a:rPr>
              <a:t>. Analysen identificerer ligeledes løsningsspor med kobling til indsatser på EU-niveau, men det er </a:t>
            </a:r>
            <a:r>
              <a:rPr lang="da-DK" sz="1100" b="1" noProof="0" dirty="0">
                <a:solidFill>
                  <a:schemeClr val="tx1"/>
                </a:solidFill>
              </a:rPr>
              <a:t>ikke formålet at formulere europæiske policy-initiativer</a:t>
            </a:r>
            <a:r>
              <a:rPr lang="da-DK" sz="1100" noProof="0" dirty="0">
                <a:solidFill>
                  <a:schemeClr val="tx1"/>
                </a:solidFill>
              </a:rPr>
              <a:t>. </a:t>
            </a:r>
          </a:p>
        </p:txBody>
      </p:sp>
      <p:sp>
        <p:nvSpPr>
          <p:cNvPr id="33" name="Rektangel 10">
            <a:extLst>
              <a:ext uri="{FF2B5EF4-FFF2-40B4-BE49-F238E27FC236}">
                <a16:creationId xmlns:a16="http://schemas.microsoft.com/office/drawing/2014/main" id="{E18F494B-9627-2EA4-17A8-7CFAD6B4436B}"/>
              </a:ext>
              <a:ext uri="{C183D7F6-B498-43B3-948B-1728B52AA6E4}">
                <adec:decorative xmlns:adec="http://schemas.microsoft.com/office/drawing/2017/decorative" val="0"/>
              </a:ext>
            </a:extLst>
          </p:cNvPr>
          <p:cNvSpPr/>
          <p:nvPr/>
        </p:nvSpPr>
        <p:spPr>
          <a:xfrm>
            <a:off x="8133980" y="2252582"/>
            <a:ext cx="3508745" cy="387773"/>
          </a:xfrm>
          <a:prstGeom prst="roundRect">
            <a:avLst/>
          </a:prstGeom>
          <a:solidFill>
            <a:srgbClr val="3646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t>Afgrænsninger</a:t>
            </a:r>
          </a:p>
        </p:txBody>
      </p:sp>
    </p:spTree>
    <p:extLst>
      <p:ext uri="{BB962C8B-B14F-4D97-AF65-F5344CB8AC3E}">
        <p14:creationId xmlns:p14="http://schemas.microsoft.com/office/powerpoint/2010/main" val="4066994656"/>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8413799-9FD6-C392-CEC3-1773CC8F722E}"/>
            </a:ext>
          </a:extLst>
        </p:cNvPr>
        <p:cNvGrpSpPr/>
        <p:nvPr/>
      </p:nvGrpSpPr>
      <p:grpSpPr>
        <a:xfrm>
          <a:off x="0" y="0"/>
          <a:ext cx="0" cy="0"/>
          <a:chOff x="0" y="0"/>
          <a:chExt cx="0" cy="0"/>
        </a:xfrm>
      </p:grpSpPr>
      <p:sp>
        <p:nvSpPr>
          <p:cNvPr id="58" name="Rectangle: Rounded Corners 6">
            <a:extLst>
              <a:ext uri="{FF2B5EF4-FFF2-40B4-BE49-F238E27FC236}">
                <a16:creationId xmlns:a16="http://schemas.microsoft.com/office/drawing/2014/main" id="{AB8BC6EE-2A91-FDE4-95B0-66E5C7A44B37}"/>
              </a:ext>
              <a:ext uri="{C183D7F6-B498-43B3-948B-1728B52AA6E4}">
                <adec:decorative xmlns:adec="http://schemas.microsoft.com/office/drawing/2017/decorative" val="1"/>
              </a:ext>
            </a:extLst>
          </p:cNvPr>
          <p:cNvSpPr>
            <a:spLocks/>
          </p:cNvSpPr>
          <p:nvPr/>
        </p:nvSpPr>
        <p:spPr>
          <a:xfrm>
            <a:off x="650957" y="5650405"/>
            <a:ext cx="395915" cy="815373"/>
          </a:xfrm>
          <a:prstGeom prst="roundRect">
            <a:avLst>
              <a:gd name="adj" fmla="val 6579"/>
            </a:avLst>
          </a:prstGeom>
          <a:solidFill>
            <a:srgbClr val="F3809E"/>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endParaRPr lang="da-DK" sz="1100" b="1" noProof="0"/>
          </a:p>
        </p:txBody>
      </p:sp>
      <p:sp>
        <p:nvSpPr>
          <p:cNvPr id="59" name="Rectangle: Rounded Corners 1">
            <a:extLst>
              <a:ext uri="{FF2B5EF4-FFF2-40B4-BE49-F238E27FC236}">
                <a16:creationId xmlns:a16="http://schemas.microsoft.com/office/drawing/2014/main" id="{C81AE87D-D307-75A7-53E7-922C6CB9C7FF}"/>
              </a:ext>
              <a:ext uri="{C183D7F6-B498-43B3-948B-1728B52AA6E4}">
                <adec:decorative xmlns:adec="http://schemas.microsoft.com/office/drawing/2017/decorative" val="1"/>
              </a:ext>
            </a:extLst>
          </p:cNvPr>
          <p:cNvSpPr>
            <a:spLocks/>
          </p:cNvSpPr>
          <p:nvPr/>
        </p:nvSpPr>
        <p:spPr>
          <a:xfrm>
            <a:off x="650958" y="5650405"/>
            <a:ext cx="10893261" cy="815373"/>
          </a:xfrm>
          <a:prstGeom prst="roundRect">
            <a:avLst>
              <a:gd name="adj" fmla="val 5641"/>
            </a:avLst>
          </a:prstGeom>
          <a:solidFill>
            <a:srgbClr val="FFBECF">
              <a:alpha val="20000"/>
            </a:srgbClr>
          </a:solidFill>
          <a:ln>
            <a:solidFill>
              <a:srgbClr val="FFBEC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900" b="1" noProof="0">
              <a:solidFill>
                <a:schemeClr val="tx1"/>
              </a:solidFill>
            </a:endParaRPr>
          </a:p>
        </p:txBody>
      </p:sp>
      <p:sp>
        <p:nvSpPr>
          <p:cNvPr id="66" name="Titel 2">
            <a:extLst>
              <a:ext uri="{FF2B5EF4-FFF2-40B4-BE49-F238E27FC236}">
                <a16:creationId xmlns:a16="http://schemas.microsoft.com/office/drawing/2014/main" id="{4543D9C9-553D-AF82-255A-F7C69B0D54E5}"/>
              </a:ext>
            </a:extLst>
          </p:cNvPr>
          <p:cNvSpPr txBox="1">
            <a:spLocks noGrp="1"/>
          </p:cNvSpPr>
          <p:nvPr>
            <p:ph type="title" idx="4294967295"/>
          </p:nvPr>
        </p:nvSpPr>
        <p:spPr>
          <a:xfrm>
            <a:off x="554355" y="512763"/>
            <a:ext cx="11088000" cy="792465"/>
          </a:xfrm>
          <a:prstGeom prst="rect">
            <a:avLst/>
          </a:prstGeom>
          <a:noFill/>
          <a:ln>
            <a:noFill/>
            <a:prstDash/>
          </a:ln>
          <a:effectLst/>
        </p:spPr>
        <p:txBody>
          <a:bodyPr rot="0" spcFirstLastPara="0" vertOverflow="overflow" horzOverflow="overflow" vert="horz" wrap="square" lIns="0" tIns="0" rIns="103931" bIns="0" numCol="1" spcCol="0" rtlCol="0" fromWordArt="0" anchor="b" anchorCtr="0" forceAA="0" compatLnSpc="1">
            <a:prstTxWarp prst="textNoShape">
              <a:avLst/>
            </a:prstTxWarp>
            <a:noAutofit/>
          </a:bodyPr>
          <a:lstStyle>
            <a:lvl1pPr marL="0" algn="l" defTabSz="1039307" rtl="0" eaLnBrk="1" latinLnBrk="0" hangingPunct="1">
              <a:lnSpc>
                <a:spcPct val="100000"/>
              </a:lnSpc>
              <a:spcBef>
                <a:spcPct val="0"/>
              </a:spcBef>
              <a:buNone/>
              <a:tabLst>
                <a:tab pos="0" algn="l"/>
                <a:tab pos="2874963" algn="l"/>
              </a:tabLst>
              <a:defRPr lang="en-GB" sz="2800" b="0" kern="1200" cap="none" spc="0" baseline="0" dirty="0">
                <a:solidFill>
                  <a:schemeClr val="accent1"/>
                </a:solidFill>
                <a:latin typeface="+mj-lt"/>
                <a:ea typeface="+mj-ea"/>
                <a:cs typeface="+mj-cs"/>
              </a:defRPr>
            </a:lvl1pPr>
          </a:lstStyle>
          <a:p>
            <a:pPr marL="0" marR="0" lvl="0" indent="0" algn="l" defTabSz="1039307" rtl="0" eaLnBrk="1" fontAlgn="auto" latinLnBrk="0" hangingPunct="1">
              <a:lnSpc>
                <a:spcPct val="100000"/>
              </a:lnSpc>
              <a:spcBef>
                <a:spcPct val="0"/>
              </a:spcBef>
              <a:spcAft>
                <a:spcPts val="0"/>
              </a:spcAft>
              <a:buClrTx/>
              <a:buSzTx/>
              <a:buFontTx/>
              <a:buNone/>
              <a:tabLst>
                <a:tab pos="0" algn="l"/>
                <a:tab pos="2874963" algn="l"/>
              </a:tabLst>
              <a:defRPr/>
            </a:pPr>
            <a:r>
              <a:rPr kumimoji="0" lang="da-DK" sz="2200" b="0" i="0" u="none" strike="noStrike" kern="1200" cap="none" spc="0" normalizeH="0" baseline="0" noProof="0" dirty="0">
                <a:ln>
                  <a:noFill/>
                </a:ln>
                <a:solidFill>
                  <a:schemeClr val="tx1"/>
                </a:solidFill>
                <a:effectLst/>
                <a:uLnTx/>
                <a:uFillTx/>
                <a:latin typeface="+mj-lt"/>
                <a:ea typeface="+mj-ea"/>
                <a:cs typeface="+mj-cs"/>
              </a:rPr>
              <a:t>Analysen anvender en model over teknologistakken som en gennemgående forståelsesramme til at strukturere og beskrive både udfordringer og løsningsspor</a:t>
            </a:r>
          </a:p>
        </p:txBody>
      </p:sp>
      <p:sp>
        <p:nvSpPr>
          <p:cNvPr id="3" name="Content Placeholder 5">
            <a:extLst>
              <a:ext uri="{FF2B5EF4-FFF2-40B4-BE49-F238E27FC236}">
                <a16:creationId xmlns:a16="http://schemas.microsoft.com/office/drawing/2014/main" id="{F26662DB-1F45-9788-203D-02D46D38AF2F}"/>
              </a:ext>
            </a:extLst>
          </p:cNvPr>
          <p:cNvSpPr txBox="1">
            <a:spLocks/>
          </p:cNvSpPr>
          <p:nvPr/>
        </p:nvSpPr>
        <p:spPr>
          <a:xfrm>
            <a:off x="552450" y="1599103"/>
            <a:ext cx="11087386" cy="911598"/>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200" noProof="0" dirty="0">
                <a:solidFill>
                  <a:schemeClr val="accent3"/>
                </a:solidFill>
              </a:rPr>
              <a:t>I nedenstående oversigt er de forskellige elementer i teknologistakken uddybet. Analysen beskæftiger sig ikke med niveauet under it-infrastruktur, som omfatter mikrochips og råvarer, der anvendes i fremstillingen af hardware og den it-infrastruktur, som de digitale løsninger afvikles gennem. </a:t>
            </a:r>
          </a:p>
        </p:txBody>
      </p:sp>
      <p:sp>
        <p:nvSpPr>
          <p:cNvPr id="8" name="Rectangle 43">
            <a:extLst>
              <a:ext uri="{FF2B5EF4-FFF2-40B4-BE49-F238E27FC236}">
                <a16:creationId xmlns:a16="http://schemas.microsoft.com/office/drawing/2014/main" id="{C4DB3123-8747-FFE9-DC9E-018FCCA422CD}"/>
              </a:ext>
            </a:extLst>
          </p:cNvPr>
          <p:cNvSpPr/>
          <p:nvPr/>
        </p:nvSpPr>
        <p:spPr>
          <a:xfrm>
            <a:off x="650957" y="2153760"/>
            <a:ext cx="2502506" cy="237831"/>
          </a:xfrm>
          <a:prstGeom prst="roundRect">
            <a:avLst/>
          </a:prstGeom>
          <a:solidFill>
            <a:schemeClr val="accent3"/>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100" b="1" noProof="0">
                <a:solidFill>
                  <a:schemeClr val="bg1"/>
                </a:solidFill>
              </a:rPr>
              <a:t>Teknologistak</a:t>
            </a:r>
          </a:p>
        </p:txBody>
      </p:sp>
      <p:sp>
        <p:nvSpPr>
          <p:cNvPr id="9" name="Rectangle 43">
            <a:extLst>
              <a:ext uri="{FF2B5EF4-FFF2-40B4-BE49-F238E27FC236}">
                <a16:creationId xmlns:a16="http://schemas.microsoft.com/office/drawing/2014/main" id="{39FCF5A2-AA92-FCA7-9D24-78EB79DE412F}"/>
              </a:ext>
            </a:extLst>
          </p:cNvPr>
          <p:cNvSpPr>
            <a:spLocks/>
          </p:cNvSpPr>
          <p:nvPr/>
        </p:nvSpPr>
        <p:spPr>
          <a:xfrm>
            <a:off x="3202301" y="2153758"/>
            <a:ext cx="8341916" cy="244621"/>
          </a:xfrm>
          <a:prstGeom prst="roundRect">
            <a:avLst/>
          </a:prstGeom>
          <a:solidFill>
            <a:schemeClr val="accent3"/>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100" b="1" noProof="0">
                <a:solidFill>
                  <a:schemeClr val="bg1"/>
                </a:solidFill>
              </a:rPr>
              <a:t>Beskrivelse</a:t>
            </a:r>
          </a:p>
        </p:txBody>
      </p:sp>
      <p:sp>
        <p:nvSpPr>
          <p:cNvPr id="4" name="Rectangle: Rounded Corners 3">
            <a:extLst>
              <a:ext uri="{FF2B5EF4-FFF2-40B4-BE49-F238E27FC236}">
                <a16:creationId xmlns:a16="http://schemas.microsoft.com/office/drawing/2014/main" id="{657A9C91-C5C3-C07F-4263-BE970E5DBD4B}"/>
              </a:ext>
              <a:ext uri="{C183D7F6-B498-43B3-948B-1728B52AA6E4}">
                <adec:decorative xmlns:adec="http://schemas.microsoft.com/office/drawing/2017/decorative" val="1"/>
              </a:ext>
            </a:extLst>
          </p:cNvPr>
          <p:cNvSpPr/>
          <p:nvPr/>
        </p:nvSpPr>
        <p:spPr>
          <a:xfrm>
            <a:off x="650957" y="2455007"/>
            <a:ext cx="10893261" cy="1595100"/>
          </a:xfrm>
          <a:prstGeom prst="roundRect">
            <a:avLst>
              <a:gd name="adj" fmla="val 1741"/>
            </a:avLst>
          </a:prstGeom>
          <a:solidFill>
            <a:srgbClr val="CDECF2">
              <a:alpha val="30000"/>
            </a:srgbClr>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700" noProof="0"/>
          </a:p>
        </p:txBody>
      </p:sp>
      <p:sp>
        <p:nvSpPr>
          <p:cNvPr id="5" name="Rectangle: Rounded Corners 4">
            <a:extLst>
              <a:ext uri="{FF2B5EF4-FFF2-40B4-BE49-F238E27FC236}">
                <a16:creationId xmlns:a16="http://schemas.microsoft.com/office/drawing/2014/main" id="{E7846906-B811-0AAF-67BB-156FF3E7940A}"/>
              </a:ext>
              <a:ext uri="{C183D7F6-B498-43B3-948B-1728B52AA6E4}">
                <adec:decorative xmlns:adec="http://schemas.microsoft.com/office/drawing/2017/decorative" val="1"/>
              </a:ext>
            </a:extLst>
          </p:cNvPr>
          <p:cNvSpPr>
            <a:spLocks/>
          </p:cNvSpPr>
          <p:nvPr/>
        </p:nvSpPr>
        <p:spPr>
          <a:xfrm>
            <a:off x="650956" y="4106831"/>
            <a:ext cx="10893261" cy="1322419"/>
          </a:xfrm>
          <a:prstGeom prst="roundRect">
            <a:avLst>
              <a:gd name="adj" fmla="val 1741"/>
            </a:avLst>
          </a:prstGeom>
          <a:solidFill>
            <a:srgbClr val="E8ECF2">
              <a:alpha val="35000"/>
            </a:srgbClr>
          </a:solid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700" noProof="0"/>
          </a:p>
        </p:txBody>
      </p:sp>
      <p:sp>
        <p:nvSpPr>
          <p:cNvPr id="6" name="Rectangle: Rounded Corners 5">
            <a:extLst>
              <a:ext uri="{FF2B5EF4-FFF2-40B4-BE49-F238E27FC236}">
                <a16:creationId xmlns:a16="http://schemas.microsoft.com/office/drawing/2014/main" id="{84D4D9A0-BFB7-F5A0-D752-01FA0E71B597}"/>
              </a:ext>
            </a:extLst>
          </p:cNvPr>
          <p:cNvSpPr/>
          <p:nvPr/>
        </p:nvSpPr>
        <p:spPr>
          <a:xfrm>
            <a:off x="650957" y="2446167"/>
            <a:ext cx="395915" cy="1603940"/>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1100" b="1" noProof="0">
                <a:solidFill>
                  <a:schemeClr val="accent1"/>
                </a:solidFill>
              </a:rPr>
              <a:t>Digitale løsninger </a:t>
            </a:r>
          </a:p>
        </p:txBody>
      </p:sp>
      <p:sp>
        <p:nvSpPr>
          <p:cNvPr id="28" name="Rectangle 36">
            <a:extLst>
              <a:ext uri="{FF2B5EF4-FFF2-40B4-BE49-F238E27FC236}">
                <a16:creationId xmlns:a16="http://schemas.microsoft.com/office/drawing/2014/main" id="{A574ADC7-4FE6-9AD7-8104-F884F90A6A7F}"/>
              </a:ext>
            </a:extLst>
          </p:cNvPr>
          <p:cNvSpPr>
            <a:spLocks/>
          </p:cNvSpPr>
          <p:nvPr/>
        </p:nvSpPr>
        <p:spPr>
          <a:xfrm>
            <a:off x="1068823" y="2479455"/>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AI og digitale services</a:t>
            </a:r>
          </a:p>
        </p:txBody>
      </p:sp>
      <p:sp>
        <p:nvSpPr>
          <p:cNvPr id="12" name="Rectangle 36">
            <a:extLst>
              <a:ext uri="{FF2B5EF4-FFF2-40B4-BE49-F238E27FC236}">
                <a16:creationId xmlns:a16="http://schemas.microsoft.com/office/drawing/2014/main" id="{42C36855-4628-D3C8-4F65-CD0E7E990423}"/>
              </a:ext>
            </a:extLst>
          </p:cNvPr>
          <p:cNvSpPr>
            <a:spLocks/>
          </p:cNvSpPr>
          <p:nvPr/>
        </p:nvSpPr>
        <p:spPr>
          <a:xfrm>
            <a:off x="3202301" y="2484144"/>
            <a:ext cx="8286202"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defTabSz="914400" eaLnBrk="0" fontAlgn="base" hangingPunct="0">
              <a:spcBef>
                <a:spcPct val="0"/>
              </a:spcBef>
              <a:spcAft>
                <a:spcPct val="0"/>
              </a:spcAft>
            </a:pPr>
            <a:r>
              <a:rPr lang="da-DK" sz="900" noProof="0">
                <a:solidFill>
                  <a:schemeClr val="tx1"/>
                </a:solidFill>
              </a:rPr>
              <a:t>AI-platform, automatiseringsløsninger, dataanalyse og apps. Omfatter fx </a:t>
            </a:r>
            <a:r>
              <a:rPr lang="da-DK" sz="900" noProof="0" err="1">
                <a:solidFill>
                  <a:schemeClr val="tx1"/>
                </a:solidFill>
                <a:latin typeface="Arial" panose="020B0604020202020204" pitchFamily="34" charset="0"/>
              </a:rPr>
              <a:t>chatbots</a:t>
            </a:r>
            <a:r>
              <a:rPr lang="da-DK" sz="900" noProof="0">
                <a:solidFill>
                  <a:schemeClr val="tx1"/>
                </a:solidFill>
                <a:latin typeface="Arial" panose="020B0604020202020204" pitchFamily="34" charset="0"/>
              </a:rPr>
              <a:t> og virtuelle assistenter, </a:t>
            </a:r>
            <a:r>
              <a:rPr lang="da-DK" sz="900" noProof="0" err="1">
                <a:solidFill>
                  <a:schemeClr val="tx1"/>
                </a:solidFill>
                <a:latin typeface="Arial" panose="020B0604020202020204" pitchFamily="34" charset="0"/>
              </a:rPr>
              <a:t>predictive</a:t>
            </a:r>
            <a:r>
              <a:rPr lang="da-DK" sz="900" noProof="0">
                <a:solidFill>
                  <a:schemeClr val="tx1"/>
                </a:solidFill>
                <a:latin typeface="Arial" panose="020B0604020202020204" pitchFamily="34" charset="0"/>
              </a:rPr>
              <a:t> </a:t>
            </a:r>
            <a:r>
              <a:rPr lang="da-DK" sz="900" noProof="0" err="1">
                <a:solidFill>
                  <a:schemeClr val="tx1"/>
                </a:solidFill>
                <a:latin typeface="Arial" panose="020B0604020202020204" pitchFamily="34" charset="0"/>
              </a:rPr>
              <a:t>analytics</a:t>
            </a:r>
            <a:r>
              <a:rPr lang="da-DK" sz="900" noProof="0">
                <a:solidFill>
                  <a:schemeClr val="tx1"/>
                </a:solidFill>
                <a:latin typeface="Arial" panose="020B0604020202020204" pitchFamily="34" charset="0"/>
              </a:rPr>
              <a:t>, RPA og RDA, beslutningsstøtte, selvbetjening mv. </a:t>
            </a:r>
            <a:endParaRPr lang="da-DK" sz="900" noProof="0">
              <a:solidFill>
                <a:schemeClr val="tx1"/>
              </a:solidFill>
            </a:endParaRPr>
          </a:p>
        </p:txBody>
      </p:sp>
      <p:sp>
        <p:nvSpPr>
          <p:cNvPr id="26" name="Rectangle 36">
            <a:extLst>
              <a:ext uri="{FF2B5EF4-FFF2-40B4-BE49-F238E27FC236}">
                <a16:creationId xmlns:a16="http://schemas.microsoft.com/office/drawing/2014/main" id="{26493D90-0C11-0AE3-A460-A90E8EC79973}"/>
              </a:ext>
            </a:extLst>
          </p:cNvPr>
          <p:cNvSpPr>
            <a:spLocks/>
          </p:cNvSpPr>
          <p:nvPr/>
        </p:nvSpPr>
        <p:spPr>
          <a:xfrm>
            <a:off x="1068823" y="2797187"/>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Koncern- og fagsystemer</a:t>
            </a:r>
          </a:p>
        </p:txBody>
      </p:sp>
      <p:sp>
        <p:nvSpPr>
          <p:cNvPr id="10" name="Rectangle 36">
            <a:extLst>
              <a:ext uri="{FF2B5EF4-FFF2-40B4-BE49-F238E27FC236}">
                <a16:creationId xmlns:a16="http://schemas.microsoft.com/office/drawing/2014/main" id="{1286E4C3-C043-783E-386C-3B0A04EE262E}"/>
              </a:ext>
            </a:extLst>
          </p:cNvPr>
          <p:cNvSpPr>
            <a:spLocks/>
          </p:cNvSpPr>
          <p:nvPr/>
        </p:nvSpPr>
        <p:spPr>
          <a:xfrm>
            <a:off x="3202302" y="2797187"/>
            <a:ext cx="8286202"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tørre specialudviklede systemer samt standardløsninger, som understøtter regulering og specialiseret opgaveløsning. Koncernløsninger som ERP, ESDH mv. </a:t>
            </a:r>
          </a:p>
        </p:txBody>
      </p:sp>
      <p:sp>
        <p:nvSpPr>
          <p:cNvPr id="27" name="Rectangle 36">
            <a:extLst>
              <a:ext uri="{FF2B5EF4-FFF2-40B4-BE49-F238E27FC236}">
                <a16:creationId xmlns:a16="http://schemas.microsoft.com/office/drawing/2014/main" id="{5C93DBCD-6F04-3362-9FB7-1C009ECF1A72}"/>
              </a:ext>
            </a:extLst>
          </p:cNvPr>
          <p:cNvSpPr>
            <a:spLocks/>
          </p:cNvSpPr>
          <p:nvPr/>
        </p:nvSpPr>
        <p:spPr>
          <a:xfrm>
            <a:off x="1068823" y="3114919"/>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igital arbejdsplads</a:t>
            </a:r>
          </a:p>
        </p:txBody>
      </p:sp>
      <p:sp>
        <p:nvSpPr>
          <p:cNvPr id="11" name="Rectangle 36">
            <a:extLst>
              <a:ext uri="{FF2B5EF4-FFF2-40B4-BE49-F238E27FC236}">
                <a16:creationId xmlns:a16="http://schemas.microsoft.com/office/drawing/2014/main" id="{84C2B472-9404-4B42-CCEA-689EE2B9AC0F}"/>
              </a:ext>
            </a:extLst>
          </p:cNvPr>
          <p:cNvSpPr>
            <a:spLocks/>
          </p:cNvSpPr>
          <p:nvPr/>
        </p:nvSpPr>
        <p:spPr>
          <a:xfrm>
            <a:off x="3202302" y="3114919"/>
            <a:ext cx="8286202"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tyresystemer og samarbejdsværktøjer til it-arbejdspladsen samt relaterede administrative systemer og mindre specialløsninger.</a:t>
            </a:r>
          </a:p>
        </p:txBody>
      </p:sp>
      <p:sp>
        <p:nvSpPr>
          <p:cNvPr id="29" name="Rectangle 36">
            <a:extLst>
              <a:ext uri="{FF2B5EF4-FFF2-40B4-BE49-F238E27FC236}">
                <a16:creationId xmlns:a16="http://schemas.microsoft.com/office/drawing/2014/main" id="{F499C777-55C7-8B31-7A9B-CDD3D8DC6552}"/>
              </a:ext>
            </a:extLst>
          </p:cNvPr>
          <p:cNvSpPr>
            <a:spLocks/>
          </p:cNvSpPr>
          <p:nvPr/>
        </p:nvSpPr>
        <p:spPr>
          <a:xfrm>
            <a:off x="1068823" y="3432651"/>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Sikkerhedsløsninger</a:t>
            </a:r>
          </a:p>
        </p:txBody>
      </p:sp>
      <p:sp>
        <p:nvSpPr>
          <p:cNvPr id="13" name="Rectangle 36">
            <a:extLst>
              <a:ext uri="{FF2B5EF4-FFF2-40B4-BE49-F238E27FC236}">
                <a16:creationId xmlns:a16="http://schemas.microsoft.com/office/drawing/2014/main" id="{1D59DC66-079A-D8E9-8A5C-66D7769A7F1A}"/>
              </a:ext>
            </a:extLst>
          </p:cNvPr>
          <p:cNvSpPr>
            <a:spLocks/>
          </p:cNvSpPr>
          <p:nvPr/>
        </p:nvSpPr>
        <p:spPr>
          <a:xfrm>
            <a:off x="3202302" y="3432651"/>
            <a:ext cx="8286202" cy="274932"/>
          </a:xfrm>
          <a:prstGeom prst="roundRect">
            <a:avLst>
              <a:gd name="adj" fmla="val 2658"/>
            </a:avLst>
          </a:prstGeom>
          <a:noFill/>
          <a:ln w="9525" cap="flat" cmpd="sng" algn="ctr">
            <a:solidFill>
              <a:schemeClr val="tx2"/>
            </a:solidFill>
            <a:prstDash val="solid"/>
            <a:miter lim="800000"/>
            <a:headEnd type="none" w="med" len="med"/>
            <a:tailEnd type="none" w="med" len="med"/>
          </a:ln>
          <a:effectLst/>
          <a:extLst>
            <a:ext uri="{909E8E84-426E-40DD-AFC4-6F175D3DCCD1}">
              <a14:hiddenFill xmlns:a14="http://schemas.microsoft.com/office/drawing/2010/main">
                <a:solidFill>
                  <a:srgbClr val="CD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End point-sikkerhed (EDR), kryptering og firewalls, brugerstyring (IAM), overvågning og styring (SAC, SAC, SIEM), datastyring (DLP), beredskab og </a:t>
            </a:r>
            <a:r>
              <a:rPr lang="da-DK" sz="900" noProof="0" err="1">
                <a:solidFill>
                  <a:schemeClr val="tx1"/>
                </a:solidFill>
              </a:rPr>
              <a:t>awareness</a:t>
            </a:r>
            <a:r>
              <a:rPr lang="da-DK" sz="900" noProof="0">
                <a:solidFill>
                  <a:schemeClr val="tx1"/>
                </a:solidFill>
              </a:rPr>
              <a:t>.</a:t>
            </a:r>
          </a:p>
        </p:txBody>
      </p:sp>
      <p:sp>
        <p:nvSpPr>
          <p:cNvPr id="15" name="Rectangle 36">
            <a:extLst>
              <a:ext uri="{FF2B5EF4-FFF2-40B4-BE49-F238E27FC236}">
                <a16:creationId xmlns:a16="http://schemas.microsoft.com/office/drawing/2014/main" id="{44B840DE-94FD-281A-E2F9-2CCB3177A70D}"/>
              </a:ext>
            </a:extLst>
          </p:cNvPr>
          <p:cNvSpPr>
            <a:spLocks/>
          </p:cNvSpPr>
          <p:nvPr/>
        </p:nvSpPr>
        <p:spPr>
          <a:xfrm>
            <a:off x="1068823" y="3750383"/>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atadeling og basis-software</a:t>
            </a:r>
          </a:p>
        </p:txBody>
      </p:sp>
      <p:sp>
        <p:nvSpPr>
          <p:cNvPr id="18" name="Rectangle 36">
            <a:extLst>
              <a:ext uri="{FF2B5EF4-FFF2-40B4-BE49-F238E27FC236}">
                <a16:creationId xmlns:a16="http://schemas.microsoft.com/office/drawing/2014/main" id="{4EB5AE8B-F5A6-698F-1802-A901EEF7AE98}"/>
              </a:ext>
            </a:extLst>
          </p:cNvPr>
          <p:cNvSpPr>
            <a:spLocks/>
          </p:cNvSpPr>
          <p:nvPr/>
        </p:nvSpPr>
        <p:spPr>
          <a:xfrm>
            <a:off x="3202302" y="3750383"/>
            <a:ext cx="8286202" cy="274932"/>
          </a:xfrm>
          <a:prstGeom prst="roundRect">
            <a:avLst>
              <a:gd name="adj" fmla="val 2658"/>
            </a:avLst>
          </a:prstGeom>
          <a:noFill/>
          <a:ln w="9525" cap="flat" cmpd="sng" algn="ctr">
            <a:solidFill>
              <a:srgbClr val="CDECF2"/>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Integrationsplatforme, </a:t>
            </a:r>
            <a:r>
              <a:rPr lang="da-DK" sz="900" noProof="0" err="1">
                <a:solidFill>
                  <a:schemeClr val="tx1"/>
                </a:solidFill>
              </a:rPr>
              <a:t>middleware</a:t>
            </a:r>
            <a:r>
              <a:rPr lang="da-DK" sz="900" noProof="0">
                <a:solidFill>
                  <a:schemeClr val="tx1"/>
                </a:solidFill>
              </a:rPr>
              <a:t>-komponenter, API-styring, datadelingsservices og komponenter, fx til styring af servere. </a:t>
            </a:r>
          </a:p>
        </p:txBody>
      </p:sp>
      <p:sp>
        <p:nvSpPr>
          <p:cNvPr id="25" name="Rectangle: Rounded Corners 24">
            <a:extLst>
              <a:ext uri="{FF2B5EF4-FFF2-40B4-BE49-F238E27FC236}">
                <a16:creationId xmlns:a16="http://schemas.microsoft.com/office/drawing/2014/main" id="{83FCB6CF-4ED3-0E31-1743-E3BFF35B0E4B}"/>
              </a:ext>
              <a:ext uri="{C183D7F6-B498-43B3-948B-1728B52AA6E4}">
                <adec:decorative xmlns:adec="http://schemas.microsoft.com/office/drawing/2017/decorative" val="1"/>
              </a:ext>
            </a:extLst>
          </p:cNvPr>
          <p:cNvSpPr>
            <a:spLocks/>
          </p:cNvSpPr>
          <p:nvPr/>
        </p:nvSpPr>
        <p:spPr>
          <a:xfrm>
            <a:off x="554355" y="2115417"/>
            <a:ext cx="11087999" cy="3478171"/>
          </a:xfrm>
          <a:prstGeom prst="roundRect">
            <a:avLst>
              <a:gd name="adj" fmla="val 1336"/>
            </a:avLst>
          </a:prstGeom>
          <a:noFill/>
          <a:ln w="9525" cap="flat" cmpd="sng" algn="ctr">
            <a:solidFill>
              <a:schemeClr val="accent3"/>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200" noProof="0"/>
          </a:p>
        </p:txBody>
      </p:sp>
      <p:sp>
        <p:nvSpPr>
          <p:cNvPr id="7" name="Rectangle: Rounded Corners 6">
            <a:extLst>
              <a:ext uri="{FF2B5EF4-FFF2-40B4-BE49-F238E27FC236}">
                <a16:creationId xmlns:a16="http://schemas.microsoft.com/office/drawing/2014/main" id="{5A7D331B-D576-6E3F-1DF0-2BB9240F012A}"/>
              </a:ext>
            </a:extLst>
          </p:cNvPr>
          <p:cNvSpPr>
            <a:spLocks/>
          </p:cNvSpPr>
          <p:nvPr/>
        </p:nvSpPr>
        <p:spPr>
          <a:xfrm>
            <a:off x="650957" y="4106830"/>
            <a:ext cx="395915" cy="1322419"/>
          </a:xfrm>
          <a:prstGeom prst="roundRect">
            <a:avLst>
              <a:gd name="adj" fmla="val 6579"/>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1100" b="1" noProof="0" dirty="0">
                <a:solidFill>
                  <a:schemeClr val="tx1"/>
                </a:solidFill>
              </a:rPr>
              <a:t>It-infrastruktur</a:t>
            </a:r>
          </a:p>
        </p:txBody>
      </p:sp>
      <p:sp>
        <p:nvSpPr>
          <p:cNvPr id="19" name="Rectangle 36">
            <a:extLst>
              <a:ext uri="{FF2B5EF4-FFF2-40B4-BE49-F238E27FC236}">
                <a16:creationId xmlns:a16="http://schemas.microsoft.com/office/drawing/2014/main" id="{21B11FCE-9998-9280-7A69-5A1264344145}"/>
              </a:ext>
            </a:extLst>
          </p:cNvPr>
          <p:cNvSpPr>
            <a:spLocks/>
          </p:cNvSpPr>
          <p:nvPr/>
        </p:nvSpPr>
        <p:spPr>
          <a:xfrm>
            <a:off x="1068823" y="4148006"/>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evices, slutbrugerudstyr, OT og </a:t>
            </a:r>
            <a:r>
              <a:rPr lang="da-DK" sz="900" b="1" noProof="0" err="1">
                <a:solidFill>
                  <a:schemeClr val="tx1"/>
                </a:solidFill>
              </a:rPr>
              <a:t>IoT</a:t>
            </a:r>
            <a:endParaRPr lang="da-DK" sz="900" b="1" noProof="0">
              <a:solidFill>
                <a:schemeClr val="tx1"/>
              </a:solidFill>
            </a:endParaRPr>
          </a:p>
        </p:txBody>
      </p:sp>
      <p:sp>
        <p:nvSpPr>
          <p:cNvPr id="16" name="Rectangle 36">
            <a:extLst>
              <a:ext uri="{FF2B5EF4-FFF2-40B4-BE49-F238E27FC236}">
                <a16:creationId xmlns:a16="http://schemas.microsoft.com/office/drawing/2014/main" id="{7FEDFA12-0344-8175-256F-D5EBC3DEFD64}"/>
              </a:ext>
            </a:extLst>
          </p:cNvPr>
          <p:cNvSpPr>
            <a:spLocks/>
          </p:cNvSpPr>
          <p:nvPr/>
        </p:nvSpPr>
        <p:spPr>
          <a:xfrm>
            <a:off x="3207618" y="4148006"/>
            <a:ext cx="8286202"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err="1">
                <a:solidFill>
                  <a:schemeClr val="tx1"/>
                </a:solidFill>
              </a:rPr>
              <a:t>PC’er</a:t>
            </a:r>
            <a:r>
              <a:rPr lang="da-DK" sz="900" noProof="0">
                <a:solidFill>
                  <a:schemeClr val="tx1"/>
                </a:solidFill>
              </a:rPr>
              <a:t>, slutbrugerudstyr (mødeudstyr, printere, telefoner, tablets mv.) operationel teknologi (SCADA, drift af maskiner mv.) samt </a:t>
            </a:r>
            <a:r>
              <a:rPr lang="da-DK" sz="900" noProof="0" err="1">
                <a:solidFill>
                  <a:schemeClr val="tx1"/>
                </a:solidFill>
              </a:rPr>
              <a:t>IoT</a:t>
            </a:r>
            <a:r>
              <a:rPr lang="da-DK" sz="900" noProof="0">
                <a:solidFill>
                  <a:schemeClr val="tx1"/>
                </a:solidFill>
              </a:rPr>
              <a:t> (kameraer og sensorer). </a:t>
            </a:r>
          </a:p>
        </p:txBody>
      </p:sp>
      <p:sp>
        <p:nvSpPr>
          <p:cNvPr id="17" name="Rectangle 36">
            <a:extLst>
              <a:ext uri="{FF2B5EF4-FFF2-40B4-BE49-F238E27FC236}">
                <a16:creationId xmlns:a16="http://schemas.microsoft.com/office/drawing/2014/main" id="{F4BFE2D0-A05E-6589-A5CE-71703090896B}"/>
              </a:ext>
            </a:extLst>
          </p:cNvPr>
          <p:cNvSpPr>
            <a:spLocks/>
          </p:cNvSpPr>
          <p:nvPr/>
        </p:nvSpPr>
        <p:spPr>
          <a:xfrm>
            <a:off x="1068823" y="4464662"/>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Cloud services</a:t>
            </a:r>
          </a:p>
        </p:txBody>
      </p:sp>
      <p:sp>
        <p:nvSpPr>
          <p:cNvPr id="20" name="Rectangle 36">
            <a:extLst>
              <a:ext uri="{FF2B5EF4-FFF2-40B4-BE49-F238E27FC236}">
                <a16:creationId xmlns:a16="http://schemas.microsoft.com/office/drawing/2014/main" id="{897EE5F5-D425-A2FD-A4B8-78A01719977E}"/>
              </a:ext>
            </a:extLst>
          </p:cNvPr>
          <p:cNvSpPr>
            <a:spLocks/>
          </p:cNvSpPr>
          <p:nvPr/>
        </p:nvSpPr>
        <p:spPr>
          <a:xfrm>
            <a:off x="3202302" y="4464662"/>
            <a:ext cx="8286202"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Skybaseret databehandling, hvor it-ressourcer som servere, lagring, databaser, netværk, software og analyse leveres via internettet og som forskellige services. </a:t>
            </a:r>
          </a:p>
        </p:txBody>
      </p:sp>
      <p:sp>
        <p:nvSpPr>
          <p:cNvPr id="21" name="Rectangle 36">
            <a:extLst>
              <a:ext uri="{FF2B5EF4-FFF2-40B4-BE49-F238E27FC236}">
                <a16:creationId xmlns:a16="http://schemas.microsoft.com/office/drawing/2014/main" id="{DB40DBB1-ACB5-339D-6D67-EF02EAEA73CA}"/>
              </a:ext>
            </a:extLst>
          </p:cNvPr>
          <p:cNvSpPr>
            <a:spLocks/>
          </p:cNvSpPr>
          <p:nvPr/>
        </p:nvSpPr>
        <p:spPr>
          <a:xfrm>
            <a:off x="1068823" y="4791735"/>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atacenterinfrastruktur</a:t>
            </a:r>
          </a:p>
        </p:txBody>
      </p:sp>
      <p:sp>
        <p:nvSpPr>
          <p:cNvPr id="22" name="Rectangle 36">
            <a:extLst>
              <a:ext uri="{FF2B5EF4-FFF2-40B4-BE49-F238E27FC236}">
                <a16:creationId xmlns:a16="http://schemas.microsoft.com/office/drawing/2014/main" id="{C4AC9E3E-8AF8-0F0A-1155-54F315C43DFF}"/>
              </a:ext>
            </a:extLst>
          </p:cNvPr>
          <p:cNvSpPr>
            <a:spLocks/>
          </p:cNvSpPr>
          <p:nvPr/>
        </p:nvSpPr>
        <p:spPr>
          <a:xfrm>
            <a:off x="3202302" y="4791735"/>
            <a:ext cx="8286202"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Fysiske og virtuelle servere og </a:t>
            </a:r>
            <a:r>
              <a:rPr lang="da-DK" sz="900" noProof="0" err="1">
                <a:solidFill>
                  <a:schemeClr val="tx1"/>
                </a:solidFill>
              </a:rPr>
              <a:t>hosting</a:t>
            </a:r>
            <a:r>
              <a:rPr lang="da-DK" sz="900" noProof="0">
                <a:solidFill>
                  <a:schemeClr val="tx1"/>
                </a:solidFill>
              </a:rPr>
              <a:t> via in-house datacentre og eksterne datacentre (outsourcing). </a:t>
            </a:r>
          </a:p>
        </p:txBody>
      </p:sp>
      <p:sp>
        <p:nvSpPr>
          <p:cNvPr id="23" name="Rectangle 36">
            <a:extLst>
              <a:ext uri="{FF2B5EF4-FFF2-40B4-BE49-F238E27FC236}">
                <a16:creationId xmlns:a16="http://schemas.microsoft.com/office/drawing/2014/main" id="{3F21D251-113C-2DE6-D43F-F8505619F346}"/>
              </a:ext>
            </a:extLst>
          </p:cNvPr>
          <p:cNvSpPr>
            <a:spLocks/>
          </p:cNvSpPr>
          <p:nvPr/>
        </p:nvSpPr>
        <p:spPr>
          <a:xfrm>
            <a:off x="1068823" y="5113142"/>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Netværksinfrastruktur</a:t>
            </a:r>
          </a:p>
        </p:txBody>
      </p:sp>
      <p:sp>
        <p:nvSpPr>
          <p:cNvPr id="24" name="Rectangle 36">
            <a:extLst>
              <a:ext uri="{FF2B5EF4-FFF2-40B4-BE49-F238E27FC236}">
                <a16:creationId xmlns:a16="http://schemas.microsoft.com/office/drawing/2014/main" id="{F391B586-B26B-2CAA-8840-A719C28DDDCC}"/>
              </a:ext>
            </a:extLst>
          </p:cNvPr>
          <p:cNvSpPr>
            <a:spLocks/>
          </p:cNvSpPr>
          <p:nvPr/>
        </p:nvSpPr>
        <p:spPr>
          <a:xfrm>
            <a:off x="3202302" y="5113142"/>
            <a:ext cx="8286202" cy="274932"/>
          </a:xfrm>
          <a:prstGeom prst="roundRect">
            <a:avLst>
              <a:gd name="adj" fmla="val 2658"/>
            </a:avLst>
          </a:prstGeom>
          <a:noFill/>
          <a:ln w="9525" cap="flat" cmpd="sng" algn="ctr">
            <a:solidFill>
              <a:schemeClr val="accent6"/>
            </a:solidFill>
            <a:prstDash val="solid"/>
            <a:miter lim="800000"/>
            <a:headEnd type="none" w="med" len="med"/>
            <a:tailEnd type="none" w="med" len="med"/>
          </a:ln>
          <a:effectLst/>
          <a:extLst>
            <a:ext uri="{909E8E84-426E-40DD-AFC4-6F175D3DCCD1}">
              <a14:hiddenFill xmlns:a14="http://schemas.microsoft.com/office/drawing/2010/main">
                <a:solidFill>
                  <a:srgbClr val="E8ECF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noProof="0">
                <a:solidFill>
                  <a:schemeClr val="tx1"/>
                </a:solidFill>
              </a:rPr>
              <a:t>Kernenetværk, lokalnetværk, kabler, datalinjer mellem lokationer og forskelligt netværksudstyr</a:t>
            </a:r>
            <a:r>
              <a:rPr lang="da-DK" sz="900" noProof="0" dirty="0">
                <a:solidFill>
                  <a:schemeClr val="tx1"/>
                </a:solidFill>
              </a:rPr>
              <a:t>.</a:t>
            </a:r>
            <a:endParaRPr lang="da-DK" sz="900" noProof="0">
              <a:solidFill>
                <a:schemeClr val="tx1"/>
              </a:solidFill>
            </a:endParaRPr>
          </a:p>
        </p:txBody>
      </p:sp>
      <p:sp>
        <p:nvSpPr>
          <p:cNvPr id="30" name="TextBox 39">
            <a:extLst>
              <a:ext uri="{FF2B5EF4-FFF2-40B4-BE49-F238E27FC236}">
                <a16:creationId xmlns:a16="http://schemas.microsoft.com/office/drawing/2014/main" id="{540CC911-9BF4-8384-3400-D383DE6569E0}"/>
              </a:ext>
            </a:extLst>
          </p:cNvPr>
          <p:cNvSpPr txBox="1">
            <a:spLocks/>
          </p:cNvSpPr>
          <p:nvPr/>
        </p:nvSpPr>
        <p:spPr>
          <a:xfrm>
            <a:off x="650957" y="5595888"/>
            <a:ext cx="395915" cy="924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defPPr>
              <a:defRPr lang="en-US"/>
            </a:defPPr>
            <a:lvl1pPr algn="ctr">
              <a:defRPr sz="1100" b="1">
                <a:solidFill>
                  <a:schemeClr val="lt1"/>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noProof="0" dirty="0">
                <a:solidFill>
                  <a:schemeClr val="tx1"/>
                </a:solidFill>
              </a:rPr>
              <a:t>Forsynings-kæder</a:t>
            </a:r>
          </a:p>
        </p:txBody>
      </p:sp>
      <p:sp>
        <p:nvSpPr>
          <p:cNvPr id="2" name="Rectangle: Rounded Corners 1">
            <a:extLst>
              <a:ext uri="{FF2B5EF4-FFF2-40B4-BE49-F238E27FC236}">
                <a16:creationId xmlns:a16="http://schemas.microsoft.com/office/drawing/2014/main" id="{7BEC1DFC-E785-85A8-40AD-4A93DC379614}"/>
              </a:ext>
            </a:extLst>
          </p:cNvPr>
          <p:cNvSpPr>
            <a:spLocks/>
          </p:cNvSpPr>
          <p:nvPr/>
        </p:nvSpPr>
        <p:spPr>
          <a:xfrm>
            <a:off x="1068823" y="5763852"/>
            <a:ext cx="2084640" cy="274932"/>
          </a:xfrm>
          <a:prstGeom prst="roundRect">
            <a:avLst/>
          </a:prstGeom>
          <a:solidFill>
            <a:srgbClr val="FFBEC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solidFill>
                  <a:schemeClr val="tx1"/>
                </a:solidFill>
              </a:rPr>
              <a:t>(Mikro)chips</a:t>
            </a:r>
          </a:p>
        </p:txBody>
      </p:sp>
      <p:sp>
        <p:nvSpPr>
          <p:cNvPr id="14" name="Rectangle: Rounded Corners 13">
            <a:extLst>
              <a:ext uri="{FF2B5EF4-FFF2-40B4-BE49-F238E27FC236}">
                <a16:creationId xmlns:a16="http://schemas.microsoft.com/office/drawing/2014/main" id="{0BC708B8-DB86-2117-F86D-23025D06BC23}"/>
              </a:ext>
            </a:extLst>
          </p:cNvPr>
          <p:cNvSpPr>
            <a:spLocks/>
          </p:cNvSpPr>
          <p:nvPr/>
        </p:nvSpPr>
        <p:spPr>
          <a:xfrm>
            <a:off x="1068823" y="6077789"/>
            <a:ext cx="2084640" cy="274932"/>
          </a:xfrm>
          <a:prstGeom prst="roundRect">
            <a:avLst/>
          </a:prstGeom>
          <a:solidFill>
            <a:srgbClr val="FFBEC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solidFill>
                  <a:schemeClr val="tx1"/>
                </a:solidFill>
              </a:rPr>
              <a:t>Råvarer såsom sjældne metaller samt energi og vand</a:t>
            </a:r>
          </a:p>
        </p:txBody>
      </p:sp>
      <p:sp>
        <p:nvSpPr>
          <p:cNvPr id="37" name="TextBox 36">
            <a:extLst>
              <a:ext uri="{FF2B5EF4-FFF2-40B4-BE49-F238E27FC236}">
                <a16:creationId xmlns:a16="http://schemas.microsoft.com/office/drawing/2014/main" id="{5BA102BF-157E-1E01-7589-892C9DF9F3E9}"/>
              </a:ext>
            </a:extLst>
          </p:cNvPr>
          <p:cNvSpPr txBox="1">
            <a:spLocks/>
          </p:cNvSpPr>
          <p:nvPr/>
        </p:nvSpPr>
        <p:spPr>
          <a:xfrm>
            <a:off x="3202301" y="5889010"/>
            <a:ext cx="8286201" cy="369332"/>
          </a:xfrm>
          <a:prstGeom prst="rect">
            <a:avLst/>
          </a:prstGeom>
          <a:noFill/>
        </p:spPr>
        <p:txBody>
          <a:bodyPr wrap="square">
            <a:spAutoFit/>
          </a:bodyPr>
          <a:lstStyle/>
          <a:p>
            <a:pPr marR="0" lvl="0" algn="l" defTabSz="1039307" rtl="0" eaLnBrk="1" fontAlgn="auto" latinLnBrk="0" hangingPunct="1">
              <a:lnSpc>
                <a:spcPct val="100000"/>
              </a:lnSpc>
              <a:spcBef>
                <a:spcPts val="0"/>
              </a:spcBef>
              <a:spcAft>
                <a:spcPts val="600"/>
              </a:spcAft>
              <a:buClrTx/>
              <a:buSzTx/>
              <a:tabLst/>
              <a:defRPr/>
            </a:pPr>
            <a:r>
              <a:rPr kumimoji="0" lang="da-DK" sz="900" b="0" i="1" u="none" strike="noStrike" kern="1200" cap="none" spc="0" normalizeH="0" baseline="0" noProof="0">
                <a:ln>
                  <a:noFill/>
                </a:ln>
                <a:solidFill>
                  <a:srgbClr val="000000">
                    <a:lumMod val="75000"/>
                    <a:lumOff val="25000"/>
                  </a:srgbClr>
                </a:solidFill>
                <a:effectLst/>
                <a:uLnTx/>
                <a:uFillTx/>
                <a:latin typeface="Arial" panose="020B0604020202020204"/>
                <a:ea typeface="+mn-ea"/>
                <a:cs typeface="+mn-cs"/>
              </a:rPr>
              <a:t>Leverandørafhængigheder kan betragtes helt fra råvareniveau (sjældne metaller) over mikrochips samt øvrige materialer, energi og vand, men fokus er på den klassiske teknologistak fra it-infrastruktur til </a:t>
            </a:r>
            <a:r>
              <a:rPr lang="da-DK" sz="900" i="1" noProof="0">
                <a:solidFill>
                  <a:srgbClr val="000000">
                    <a:lumMod val="75000"/>
                    <a:lumOff val="25000"/>
                  </a:srgbClr>
                </a:solidFill>
                <a:latin typeface="Arial" panose="020B0604020202020204"/>
              </a:rPr>
              <a:t>digitale løsninger</a:t>
            </a:r>
            <a:r>
              <a:rPr kumimoji="0" lang="da-DK" sz="900" b="0" i="1" u="none" strike="noStrike" kern="1200" cap="none" spc="0" normalizeH="0" baseline="0" noProof="0">
                <a:ln>
                  <a:noFill/>
                </a:ln>
                <a:solidFill>
                  <a:srgbClr val="000000">
                    <a:lumMod val="75000"/>
                    <a:lumOff val="25000"/>
                  </a:srgbClr>
                </a:solidFill>
                <a:effectLst/>
                <a:uLnTx/>
                <a:uFillTx/>
                <a:latin typeface="Arial" panose="020B0604020202020204"/>
                <a:ea typeface="+mn-ea"/>
                <a:cs typeface="+mn-cs"/>
              </a:rPr>
              <a:t>, der er relevante for myndighederne at håndtere.</a:t>
            </a:r>
          </a:p>
        </p:txBody>
      </p:sp>
      <p:sp>
        <p:nvSpPr>
          <p:cNvPr id="60" name="Rectangle: Rounded Corners 24">
            <a:extLst>
              <a:ext uri="{FF2B5EF4-FFF2-40B4-BE49-F238E27FC236}">
                <a16:creationId xmlns:a16="http://schemas.microsoft.com/office/drawing/2014/main" id="{FCBB91A6-0EBB-95CA-90F9-F2E9AEA62A3E}"/>
              </a:ext>
              <a:ext uri="{C183D7F6-B498-43B3-948B-1728B52AA6E4}">
                <adec:decorative xmlns:adec="http://schemas.microsoft.com/office/drawing/2017/decorative" val="1"/>
              </a:ext>
            </a:extLst>
          </p:cNvPr>
          <p:cNvSpPr>
            <a:spLocks/>
          </p:cNvSpPr>
          <p:nvPr/>
        </p:nvSpPr>
        <p:spPr>
          <a:xfrm>
            <a:off x="554356" y="5616475"/>
            <a:ext cx="11087999" cy="883233"/>
          </a:xfrm>
          <a:prstGeom prst="roundRect">
            <a:avLst>
              <a:gd name="adj" fmla="val 5243"/>
            </a:avLst>
          </a:prstGeom>
          <a:noFill/>
          <a:ln w="9525" cap="flat" cmpd="sng" algn="ctr">
            <a:solidFill>
              <a:schemeClr val="accent3"/>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200" noProof="0"/>
          </a:p>
        </p:txBody>
      </p:sp>
    </p:spTree>
    <p:extLst>
      <p:ext uri="{BB962C8B-B14F-4D97-AF65-F5344CB8AC3E}">
        <p14:creationId xmlns:p14="http://schemas.microsoft.com/office/powerpoint/2010/main" val="35042809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113469-F8AF-08B9-30D6-3A21F931E9A1}"/>
            </a:ext>
          </a:extLst>
        </p:cNvPr>
        <p:cNvGrpSpPr/>
        <p:nvPr/>
      </p:nvGrpSpPr>
      <p:grpSpPr>
        <a:xfrm>
          <a:off x="0" y="0"/>
          <a:ext cx="0" cy="0"/>
          <a:chOff x="0" y="0"/>
          <a:chExt cx="0" cy="0"/>
        </a:xfrm>
      </p:grpSpPr>
      <p:sp>
        <p:nvSpPr>
          <p:cNvPr id="44" name="Rectangle: Rounded Corners 6">
            <a:extLst>
              <a:ext uri="{FF2B5EF4-FFF2-40B4-BE49-F238E27FC236}">
                <a16:creationId xmlns:a16="http://schemas.microsoft.com/office/drawing/2014/main" id="{BAB3990D-B552-FEF4-B58B-F95C792EA6D4}"/>
              </a:ext>
              <a:ext uri="{C183D7F6-B498-43B3-948B-1728B52AA6E4}">
                <adec:decorative xmlns:adec="http://schemas.microsoft.com/office/drawing/2017/decorative" val="1"/>
              </a:ext>
            </a:extLst>
          </p:cNvPr>
          <p:cNvSpPr>
            <a:spLocks/>
          </p:cNvSpPr>
          <p:nvPr/>
        </p:nvSpPr>
        <p:spPr>
          <a:xfrm>
            <a:off x="650957" y="5564040"/>
            <a:ext cx="395915" cy="815373"/>
          </a:xfrm>
          <a:prstGeom prst="roundRect">
            <a:avLst>
              <a:gd name="adj" fmla="val 6579"/>
            </a:avLst>
          </a:prstGeom>
          <a:solidFill>
            <a:srgbClr val="F3809E"/>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endParaRPr lang="da-DK" sz="1100" b="1" noProof="0"/>
          </a:p>
        </p:txBody>
      </p:sp>
      <p:sp>
        <p:nvSpPr>
          <p:cNvPr id="247" name="Rectangle 246">
            <a:extLst>
              <a:ext uri="{FF2B5EF4-FFF2-40B4-BE49-F238E27FC236}">
                <a16:creationId xmlns:a16="http://schemas.microsoft.com/office/drawing/2014/main" id="{CAFBD436-13F7-6EC0-B91C-062B45854FE2}"/>
              </a:ext>
              <a:ext uri="{C183D7F6-B498-43B3-948B-1728B52AA6E4}">
                <adec:decorative xmlns:adec="http://schemas.microsoft.com/office/drawing/2017/decorative" val="1"/>
              </a:ext>
            </a:extLst>
          </p:cNvPr>
          <p:cNvSpPr/>
          <p:nvPr/>
        </p:nvSpPr>
        <p:spPr>
          <a:xfrm>
            <a:off x="9981876" y="4427276"/>
            <a:ext cx="424281" cy="337936"/>
          </a:xfrm>
          <a:prstGeom prst="rect">
            <a:avLst/>
          </a:prstGeom>
          <a:solidFill>
            <a:srgbClr val="7030A0">
              <a:alpha val="10000"/>
            </a:srgbClr>
          </a:solidFill>
          <a:ln w="12700">
            <a:solidFill>
              <a:srgbClr val="024D78"/>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pic>
        <p:nvPicPr>
          <p:cNvPr id="277" name="Picture 276">
            <a:extLst>
              <a:ext uri="{FF2B5EF4-FFF2-40B4-BE49-F238E27FC236}">
                <a16:creationId xmlns:a16="http://schemas.microsoft.com/office/drawing/2014/main" id="{17DD2B6E-7445-8529-0832-FC9A8B0629CC}"/>
              </a:ext>
              <a:ext uri="{C183D7F6-B498-43B3-948B-1728B52AA6E4}">
                <adec:decorative xmlns:adec="http://schemas.microsoft.com/office/drawing/2017/decorative" val="1"/>
              </a:ext>
            </a:extLst>
          </p:cNvPr>
          <p:cNvPicPr>
            <a:picLocks noChangeAspect="1"/>
          </p:cNvPicPr>
          <p:nvPr/>
        </p:nvPicPr>
        <p:blipFill>
          <a:blip r:embed="rId3"/>
          <a:stretch>
            <a:fillRect/>
          </a:stretch>
        </p:blipFill>
        <p:spPr>
          <a:xfrm>
            <a:off x="5195484" y="2060426"/>
            <a:ext cx="2994195" cy="4648771"/>
          </a:xfrm>
          <a:prstGeom prst="rect">
            <a:avLst/>
          </a:prstGeom>
        </p:spPr>
      </p:pic>
      <p:sp>
        <p:nvSpPr>
          <p:cNvPr id="66" name="Titel 2">
            <a:extLst>
              <a:ext uri="{FF2B5EF4-FFF2-40B4-BE49-F238E27FC236}">
                <a16:creationId xmlns:a16="http://schemas.microsoft.com/office/drawing/2014/main" id="{DC3216AF-1E0F-EE31-870C-F6A033B93B06}"/>
              </a:ext>
            </a:extLst>
          </p:cNvPr>
          <p:cNvSpPr txBox="1">
            <a:spLocks noGrp="1"/>
          </p:cNvSpPr>
          <p:nvPr>
            <p:ph type="title" idx="4294967295"/>
          </p:nvPr>
        </p:nvSpPr>
        <p:spPr>
          <a:xfrm>
            <a:off x="554355" y="512763"/>
            <a:ext cx="11088000" cy="792465"/>
          </a:xfrm>
          <a:prstGeom prst="rect">
            <a:avLst/>
          </a:prstGeom>
          <a:noFill/>
          <a:ln>
            <a:noFill/>
            <a:prstDash/>
          </a:ln>
          <a:effectLst/>
        </p:spPr>
        <p:txBody>
          <a:bodyPr rot="0" spcFirstLastPara="0" vertOverflow="overflow" horzOverflow="overflow" vert="horz" wrap="square" lIns="0" tIns="0" rIns="103931" bIns="0" numCol="1" spcCol="0" rtlCol="0" fromWordArt="0" anchor="b" anchorCtr="0" forceAA="0" compatLnSpc="1">
            <a:prstTxWarp prst="textNoShape">
              <a:avLst/>
            </a:prstTxWarp>
            <a:noAutofit/>
          </a:bodyPr>
          <a:lstStyle>
            <a:lvl1pPr marL="0" algn="l" defTabSz="1039307" rtl="0" eaLnBrk="1" latinLnBrk="0" hangingPunct="1">
              <a:lnSpc>
                <a:spcPct val="100000"/>
              </a:lnSpc>
              <a:spcBef>
                <a:spcPct val="0"/>
              </a:spcBef>
              <a:buNone/>
              <a:tabLst>
                <a:tab pos="0" algn="l"/>
                <a:tab pos="2874963" algn="l"/>
              </a:tabLst>
              <a:defRPr lang="en-GB" sz="2800" b="0" kern="1200" cap="none" spc="0" baseline="0" dirty="0">
                <a:solidFill>
                  <a:schemeClr val="accent1"/>
                </a:solidFill>
                <a:latin typeface="+mj-lt"/>
                <a:ea typeface="+mj-ea"/>
                <a:cs typeface="+mj-cs"/>
              </a:defRPr>
            </a:lvl1pPr>
          </a:lstStyle>
          <a:p>
            <a:pPr marL="0" marR="0" lvl="0" indent="0" algn="l" defTabSz="1039307" rtl="0" eaLnBrk="1" fontAlgn="auto" latinLnBrk="0" hangingPunct="1">
              <a:lnSpc>
                <a:spcPct val="100000"/>
              </a:lnSpc>
              <a:spcBef>
                <a:spcPct val="0"/>
              </a:spcBef>
              <a:spcAft>
                <a:spcPts val="0"/>
              </a:spcAft>
              <a:buClrTx/>
              <a:buSzTx/>
              <a:buFontTx/>
              <a:buNone/>
              <a:tabLst>
                <a:tab pos="0" algn="l"/>
                <a:tab pos="2874963" algn="l"/>
              </a:tabLst>
              <a:defRPr/>
            </a:pPr>
            <a:r>
              <a:rPr kumimoji="0" lang="da-DK" sz="2200" b="0" i="0" u="none" strike="noStrike" kern="1200" cap="none" spc="0" normalizeH="0" baseline="0" noProof="0" dirty="0">
                <a:ln>
                  <a:noFill/>
                </a:ln>
                <a:solidFill>
                  <a:schemeClr val="tx1"/>
                </a:solidFill>
                <a:effectLst/>
                <a:uLnTx/>
                <a:uFillTx/>
                <a:latin typeface="+mj-lt"/>
                <a:ea typeface="+mj-ea"/>
                <a:cs typeface="+mj-cs"/>
              </a:rPr>
              <a:t>Det er et grundlæggende karakteristika, at Danmark er en lille nation med betydelige teknologiske afhængigheder – særligt til amerikanske leverandører og produkter</a:t>
            </a:r>
          </a:p>
        </p:txBody>
      </p:sp>
      <p:sp>
        <p:nvSpPr>
          <p:cNvPr id="3" name="Content Placeholder 5">
            <a:extLst>
              <a:ext uri="{FF2B5EF4-FFF2-40B4-BE49-F238E27FC236}">
                <a16:creationId xmlns:a16="http://schemas.microsoft.com/office/drawing/2014/main" id="{C29C7660-8212-D008-4A38-8A5F122954F1}"/>
              </a:ext>
            </a:extLst>
          </p:cNvPr>
          <p:cNvSpPr txBox="1">
            <a:spLocks/>
          </p:cNvSpPr>
          <p:nvPr/>
        </p:nvSpPr>
        <p:spPr>
          <a:xfrm>
            <a:off x="552450" y="1599103"/>
            <a:ext cx="11087386" cy="911598"/>
          </a:xfrm>
          <a:prstGeom prst="rect">
            <a:avLst/>
          </a:prstGeom>
        </p:spPr>
        <p:txBody>
          <a:bodyPr vert="horz" lIns="0" tIns="0" rIns="0" bIns="0" rtlCol="0" anchor="t">
            <a:noAutofit/>
          </a:bodyP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a:spcAft>
                <a:spcPts val="300"/>
              </a:spcAft>
            </a:pPr>
            <a:r>
              <a:rPr lang="da-DK" sz="1200" noProof="0" dirty="0">
                <a:solidFill>
                  <a:schemeClr val="accent3"/>
                </a:solidFill>
              </a:rPr>
              <a:t>De fleste dele af teknologistakken domineres* af amerikanske og herefter kinesiske produkter og leverandører. Der ses enkelte styrkepositioner i Europa som helhed og i enkelte EU-lande herunder Tyskland, Holland og Danmark. </a:t>
            </a:r>
          </a:p>
        </p:txBody>
      </p:sp>
      <p:sp>
        <p:nvSpPr>
          <p:cNvPr id="10" name="Rectangle: Rounded Corners 9">
            <a:extLst>
              <a:ext uri="{FF2B5EF4-FFF2-40B4-BE49-F238E27FC236}">
                <a16:creationId xmlns:a16="http://schemas.microsoft.com/office/drawing/2014/main" id="{D3CC2E16-48B5-4C2C-9D6F-983C731E5A2D}"/>
              </a:ext>
              <a:ext uri="{C183D7F6-B498-43B3-948B-1728B52AA6E4}">
                <adec:decorative xmlns:adec="http://schemas.microsoft.com/office/drawing/2017/decorative" val="1"/>
              </a:ext>
            </a:extLst>
          </p:cNvPr>
          <p:cNvSpPr/>
          <p:nvPr/>
        </p:nvSpPr>
        <p:spPr>
          <a:xfrm>
            <a:off x="650958" y="2368642"/>
            <a:ext cx="2576874" cy="1595100"/>
          </a:xfrm>
          <a:prstGeom prst="roundRect">
            <a:avLst>
              <a:gd name="adj" fmla="val 1741"/>
            </a:avLst>
          </a:prstGeom>
          <a:solidFill>
            <a:srgbClr val="CDECF2">
              <a:alpha val="30000"/>
            </a:srgbClr>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700" noProof="0"/>
          </a:p>
        </p:txBody>
      </p:sp>
      <p:sp>
        <p:nvSpPr>
          <p:cNvPr id="11" name="Rectangle: Rounded Corners 10">
            <a:extLst>
              <a:ext uri="{FF2B5EF4-FFF2-40B4-BE49-F238E27FC236}">
                <a16:creationId xmlns:a16="http://schemas.microsoft.com/office/drawing/2014/main" id="{0A393255-FA83-B065-A199-0ACF21DED2D1}"/>
              </a:ext>
              <a:ext uri="{C183D7F6-B498-43B3-948B-1728B52AA6E4}">
                <adec:decorative xmlns:adec="http://schemas.microsoft.com/office/drawing/2017/decorative" val="1"/>
              </a:ext>
            </a:extLst>
          </p:cNvPr>
          <p:cNvSpPr>
            <a:spLocks/>
          </p:cNvSpPr>
          <p:nvPr/>
        </p:nvSpPr>
        <p:spPr>
          <a:xfrm>
            <a:off x="650957" y="4020466"/>
            <a:ext cx="2576874" cy="1322419"/>
          </a:xfrm>
          <a:prstGeom prst="roundRect">
            <a:avLst>
              <a:gd name="adj" fmla="val 1741"/>
            </a:avLst>
          </a:prstGeom>
          <a:solidFill>
            <a:srgbClr val="E8ECF2">
              <a:alpha val="35000"/>
            </a:srgbClr>
          </a:solid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700" noProof="0"/>
          </a:p>
        </p:txBody>
      </p:sp>
      <p:sp>
        <p:nvSpPr>
          <p:cNvPr id="16" name="Rectangle 43">
            <a:extLst>
              <a:ext uri="{FF2B5EF4-FFF2-40B4-BE49-F238E27FC236}">
                <a16:creationId xmlns:a16="http://schemas.microsoft.com/office/drawing/2014/main" id="{93755B23-100D-CBB8-B28A-56AB09877A09}"/>
              </a:ext>
            </a:extLst>
          </p:cNvPr>
          <p:cNvSpPr/>
          <p:nvPr/>
        </p:nvSpPr>
        <p:spPr>
          <a:xfrm>
            <a:off x="650957" y="2067395"/>
            <a:ext cx="2502506" cy="237831"/>
          </a:xfrm>
          <a:prstGeom prst="roundRect">
            <a:avLst/>
          </a:prstGeom>
          <a:solidFill>
            <a:schemeClr val="accent3"/>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100" b="1" noProof="0">
                <a:solidFill>
                  <a:schemeClr val="bg1"/>
                </a:solidFill>
              </a:rPr>
              <a:t>Teknologistak</a:t>
            </a:r>
          </a:p>
        </p:txBody>
      </p:sp>
      <p:sp>
        <p:nvSpPr>
          <p:cNvPr id="12" name="Rectangle: Rounded Corners 11">
            <a:extLst>
              <a:ext uri="{FF2B5EF4-FFF2-40B4-BE49-F238E27FC236}">
                <a16:creationId xmlns:a16="http://schemas.microsoft.com/office/drawing/2014/main" id="{8415D873-C2B3-1B4B-B04B-EBE9B5678215}"/>
              </a:ext>
            </a:extLst>
          </p:cNvPr>
          <p:cNvSpPr/>
          <p:nvPr/>
        </p:nvSpPr>
        <p:spPr>
          <a:xfrm>
            <a:off x="650957" y="2359802"/>
            <a:ext cx="395915" cy="1603940"/>
          </a:xfrm>
          <a:prstGeom prst="roundRect">
            <a:avLst>
              <a:gd name="adj" fmla="val 9101"/>
            </a:avLst>
          </a:pr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1100" b="1" noProof="0">
                <a:solidFill>
                  <a:schemeClr val="accent1"/>
                </a:solidFill>
              </a:rPr>
              <a:t>Digitale løsninger </a:t>
            </a:r>
          </a:p>
        </p:txBody>
      </p:sp>
      <p:sp>
        <p:nvSpPr>
          <p:cNvPr id="34" name="Rectangle 36">
            <a:extLst>
              <a:ext uri="{FF2B5EF4-FFF2-40B4-BE49-F238E27FC236}">
                <a16:creationId xmlns:a16="http://schemas.microsoft.com/office/drawing/2014/main" id="{8CFCF92D-98EF-92DD-A1C3-637ACB35686D}"/>
              </a:ext>
            </a:extLst>
          </p:cNvPr>
          <p:cNvSpPr>
            <a:spLocks/>
          </p:cNvSpPr>
          <p:nvPr/>
        </p:nvSpPr>
        <p:spPr>
          <a:xfrm>
            <a:off x="1068823" y="2393090"/>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AI og digitale services</a:t>
            </a:r>
          </a:p>
        </p:txBody>
      </p:sp>
      <p:grpSp>
        <p:nvGrpSpPr>
          <p:cNvPr id="89" name="Group 88" descr="USAs flag">
            <a:extLst>
              <a:ext uri="{FF2B5EF4-FFF2-40B4-BE49-F238E27FC236}">
                <a16:creationId xmlns:a16="http://schemas.microsoft.com/office/drawing/2014/main" id="{0AE59D09-DB0D-12DE-F2C8-3A556B9E2E8F}"/>
              </a:ext>
            </a:extLst>
          </p:cNvPr>
          <p:cNvGrpSpPr/>
          <p:nvPr/>
        </p:nvGrpSpPr>
        <p:grpSpPr>
          <a:xfrm>
            <a:off x="9065131" y="2107297"/>
            <a:ext cx="343190" cy="357397"/>
            <a:chOff x="11483284" y="2817221"/>
            <a:chExt cx="343190" cy="357397"/>
          </a:xfrm>
        </p:grpSpPr>
        <p:pic>
          <p:nvPicPr>
            <p:cNvPr id="86" name="Graphic 85">
              <a:extLst>
                <a:ext uri="{FF2B5EF4-FFF2-40B4-BE49-F238E27FC236}">
                  <a16:creationId xmlns:a16="http://schemas.microsoft.com/office/drawing/2014/main" id="{CE3DB07F-B816-F640-533F-A39FED69B03A}"/>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483284" y="2817221"/>
              <a:ext cx="343190" cy="228794"/>
            </a:xfrm>
            <a:prstGeom prst="rect">
              <a:avLst/>
            </a:prstGeom>
            <a:effectLst>
              <a:outerShdw blurRad="50800" dist="38100" dir="2700000" algn="tl" rotWithShape="0">
                <a:prstClr val="black">
                  <a:alpha val="40000"/>
                </a:prstClr>
              </a:outerShdw>
            </a:effectLst>
          </p:spPr>
        </p:pic>
        <p:sp>
          <p:nvSpPr>
            <p:cNvPr id="88" name="TextBox 87">
              <a:extLst>
                <a:ext uri="{FF2B5EF4-FFF2-40B4-BE49-F238E27FC236}">
                  <a16:creationId xmlns:a16="http://schemas.microsoft.com/office/drawing/2014/main" id="{49601A87-5FD0-C35F-3971-628F0D289E3F}"/>
                </a:ext>
              </a:extLst>
            </p:cNvPr>
            <p:cNvSpPr txBox="1"/>
            <p:nvPr/>
          </p:nvSpPr>
          <p:spPr>
            <a:xfrm>
              <a:off x="11483284" y="3015672"/>
              <a:ext cx="343190" cy="158946"/>
            </a:xfrm>
            <a:prstGeom prst="rect">
              <a:avLst/>
            </a:prstGeom>
            <a:noFill/>
          </p:spPr>
          <p:txBody>
            <a:bodyPr wrap="square" rtlCol="0">
              <a:noAutofit/>
            </a:bodyPr>
            <a:lstStyle/>
            <a:p>
              <a:pPr algn="ctr"/>
              <a:r>
                <a:rPr lang="da-DK" sz="500" noProof="0"/>
                <a:t>USA</a:t>
              </a:r>
            </a:p>
          </p:txBody>
        </p:sp>
      </p:grpSp>
      <p:sp>
        <p:nvSpPr>
          <p:cNvPr id="239" name="Rectangle 238" descr="EUs flag&#10;">
            <a:extLst>
              <a:ext uri="{FF2B5EF4-FFF2-40B4-BE49-F238E27FC236}">
                <a16:creationId xmlns:a16="http://schemas.microsoft.com/office/drawing/2014/main" id="{B9583A92-F0C4-CF0F-0699-FA9421BECF18}"/>
              </a:ext>
              <a:ext uri="{C183D7F6-B498-43B3-948B-1728B52AA6E4}">
                <adec:decorative xmlns:adec="http://schemas.microsoft.com/office/drawing/2017/decorative" val="0"/>
              </a:ext>
            </a:extLst>
          </p:cNvPr>
          <p:cNvSpPr/>
          <p:nvPr/>
        </p:nvSpPr>
        <p:spPr>
          <a:xfrm>
            <a:off x="9488100" y="2085975"/>
            <a:ext cx="424281" cy="331598"/>
          </a:xfrm>
          <a:prstGeom prst="rect">
            <a:avLst/>
          </a:prstGeom>
          <a:solidFill>
            <a:srgbClr val="7030A0">
              <a:alpha val="10000"/>
            </a:srgbClr>
          </a:solidFill>
          <a:ln w="12700">
            <a:solidFill>
              <a:srgbClr val="024D78"/>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dirty="0"/>
          </a:p>
        </p:txBody>
      </p:sp>
      <p:grpSp>
        <p:nvGrpSpPr>
          <p:cNvPr id="289" name="Group 288" descr="Danmarks flag">
            <a:extLst>
              <a:ext uri="{FF2B5EF4-FFF2-40B4-BE49-F238E27FC236}">
                <a16:creationId xmlns:a16="http://schemas.microsoft.com/office/drawing/2014/main" id="{6593BC5D-B1C0-2040-6700-864583B12B9C}"/>
              </a:ext>
            </a:extLst>
          </p:cNvPr>
          <p:cNvGrpSpPr/>
          <p:nvPr/>
        </p:nvGrpSpPr>
        <p:grpSpPr>
          <a:xfrm>
            <a:off x="9977496" y="2086038"/>
            <a:ext cx="424281" cy="331535"/>
            <a:chOff x="10040519" y="2099841"/>
            <a:chExt cx="510861" cy="399189"/>
          </a:xfrm>
        </p:grpSpPr>
        <p:grpSp>
          <p:nvGrpSpPr>
            <p:cNvPr id="286" name="Group 285">
              <a:extLst>
                <a:ext uri="{FF2B5EF4-FFF2-40B4-BE49-F238E27FC236}">
                  <a16:creationId xmlns:a16="http://schemas.microsoft.com/office/drawing/2014/main" id="{EE3CE41F-CCF0-45B8-E267-94884028A687}"/>
                </a:ext>
              </a:extLst>
            </p:cNvPr>
            <p:cNvGrpSpPr/>
            <p:nvPr/>
          </p:nvGrpSpPr>
          <p:grpSpPr>
            <a:xfrm>
              <a:off x="10126946" y="2143429"/>
              <a:ext cx="338006" cy="355601"/>
              <a:chOff x="10015670" y="4447480"/>
              <a:chExt cx="338006" cy="355601"/>
            </a:xfrm>
          </p:grpSpPr>
          <p:pic>
            <p:nvPicPr>
              <p:cNvPr id="287" name="Graphic 286">
                <a:extLst>
                  <a:ext uri="{FF2B5EF4-FFF2-40B4-BE49-F238E27FC236}">
                    <a16:creationId xmlns:a16="http://schemas.microsoft.com/office/drawing/2014/main" id="{695E763A-78AE-9334-9476-F18D2CB5C67E}"/>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0015671" y="4447480"/>
                <a:ext cx="338005" cy="225337"/>
              </a:xfrm>
              <a:prstGeom prst="rect">
                <a:avLst/>
              </a:prstGeom>
              <a:effectLst>
                <a:outerShdw blurRad="50800" dist="38100" dir="2700000" algn="tl" rotWithShape="0">
                  <a:prstClr val="black">
                    <a:alpha val="40000"/>
                  </a:prstClr>
                </a:outerShdw>
              </a:effectLst>
            </p:spPr>
          </p:pic>
          <p:sp>
            <p:nvSpPr>
              <p:cNvPr id="288" name="TextBox 287">
                <a:extLst>
                  <a:ext uri="{FF2B5EF4-FFF2-40B4-BE49-F238E27FC236}">
                    <a16:creationId xmlns:a16="http://schemas.microsoft.com/office/drawing/2014/main" id="{CDE2B3C9-A903-D59B-0DAA-41B1D9D00CBB}"/>
                  </a:ext>
                </a:extLst>
              </p:cNvPr>
              <p:cNvSpPr txBox="1"/>
              <p:nvPr/>
            </p:nvSpPr>
            <p:spPr>
              <a:xfrm>
                <a:off x="10015670" y="4644135"/>
                <a:ext cx="338006" cy="158946"/>
              </a:xfrm>
              <a:prstGeom prst="rect">
                <a:avLst/>
              </a:prstGeom>
              <a:noFill/>
            </p:spPr>
            <p:txBody>
              <a:bodyPr wrap="square" lIns="0" rIns="0" rtlCol="0">
                <a:noAutofit/>
              </a:bodyPr>
              <a:lstStyle/>
              <a:p>
                <a:pPr algn="ctr"/>
                <a:r>
                  <a:rPr lang="da-DK" sz="500" noProof="0"/>
                  <a:t>Danmark</a:t>
                </a:r>
              </a:p>
            </p:txBody>
          </p:sp>
        </p:grpSp>
        <p:sp>
          <p:nvSpPr>
            <p:cNvPr id="285" name="Rectangle 284">
              <a:extLst>
                <a:ext uri="{FF2B5EF4-FFF2-40B4-BE49-F238E27FC236}">
                  <a16:creationId xmlns:a16="http://schemas.microsoft.com/office/drawing/2014/main" id="{2477E59E-E975-B3FF-EF75-5979A88C8A01}"/>
                </a:ext>
              </a:extLst>
            </p:cNvPr>
            <p:cNvSpPr/>
            <p:nvPr/>
          </p:nvSpPr>
          <p:spPr>
            <a:xfrm>
              <a:off x="10040519" y="2099841"/>
              <a:ext cx="510861" cy="395886"/>
            </a:xfrm>
            <a:prstGeom prst="rect">
              <a:avLst/>
            </a:prstGeom>
            <a:solidFill>
              <a:srgbClr val="7030A0">
                <a:alpha val="10000"/>
              </a:srgbClr>
            </a:solidFill>
            <a:ln w="12700">
              <a:solidFill>
                <a:srgbClr val="024D78"/>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grpSp>
      <p:sp>
        <p:nvSpPr>
          <p:cNvPr id="22" name="Rectangle 36">
            <a:extLst>
              <a:ext uri="{FF2B5EF4-FFF2-40B4-BE49-F238E27FC236}">
                <a16:creationId xmlns:a16="http://schemas.microsoft.com/office/drawing/2014/main" id="{51610D04-F8B6-1843-985F-233264D81573}"/>
              </a:ext>
            </a:extLst>
          </p:cNvPr>
          <p:cNvSpPr>
            <a:spLocks/>
          </p:cNvSpPr>
          <p:nvPr/>
        </p:nvSpPr>
        <p:spPr>
          <a:xfrm>
            <a:off x="1068823" y="2710822"/>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Koncern- og fagsystemer</a:t>
            </a:r>
          </a:p>
        </p:txBody>
      </p:sp>
      <p:grpSp>
        <p:nvGrpSpPr>
          <p:cNvPr id="218" name="Group 217" descr="USAs flag">
            <a:extLst>
              <a:ext uri="{FF2B5EF4-FFF2-40B4-BE49-F238E27FC236}">
                <a16:creationId xmlns:a16="http://schemas.microsoft.com/office/drawing/2014/main" id="{8824F5BA-B418-CB9D-0FE1-63C70E895803}"/>
              </a:ext>
            </a:extLst>
          </p:cNvPr>
          <p:cNvGrpSpPr/>
          <p:nvPr/>
        </p:nvGrpSpPr>
        <p:grpSpPr>
          <a:xfrm>
            <a:off x="9065131" y="2482981"/>
            <a:ext cx="343190" cy="357397"/>
            <a:chOff x="11483284" y="2817221"/>
            <a:chExt cx="343190" cy="357397"/>
          </a:xfrm>
        </p:grpSpPr>
        <p:pic>
          <p:nvPicPr>
            <p:cNvPr id="219" name="Graphic 218">
              <a:extLst>
                <a:ext uri="{FF2B5EF4-FFF2-40B4-BE49-F238E27FC236}">
                  <a16:creationId xmlns:a16="http://schemas.microsoft.com/office/drawing/2014/main" id="{93DE4912-3A07-25C4-977F-8237C969CCA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483284" y="2817221"/>
              <a:ext cx="343190" cy="228794"/>
            </a:xfrm>
            <a:prstGeom prst="rect">
              <a:avLst/>
            </a:prstGeom>
            <a:effectLst>
              <a:outerShdw blurRad="50800" dist="38100" dir="2700000" algn="tl" rotWithShape="0">
                <a:prstClr val="black">
                  <a:alpha val="40000"/>
                </a:prstClr>
              </a:outerShdw>
            </a:effectLst>
          </p:spPr>
        </p:pic>
        <p:sp>
          <p:nvSpPr>
            <p:cNvPr id="220" name="TextBox 219">
              <a:extLst>
                <a:ext uri="{FF2B5EF4-FFF2-40B4-BE49-F238E27FC236}">
                  <a16:creationId xmlns:a16="http://schemas.microsoft.com/office/drawing/2014/main" id="{FB08041C-2FC2-A91B-1497-CCC3C65CE05B}"/>
                </a:ext>
              </a:extLst>
            </p:cNvPr>
            <p:cNvSpPr txBox="1"/>
            <p:nvPr/>
          </p:nvSpPr>
          <p:spPr>
            <a:xfrm>
              <a:off x="11483284" y="3015672"/>
              <a:ext cx="343190" cy="158946"/>
            </a:xfrm>
            <a:prstGeom prst="rect">
              <a:avLst/>
            </a:prstGeom>
            <a:noFill/>
          </p:spPr>
          <p:txBody>
            <a:bodyPr wrap="square" rtlCol="0">
              <a:noAutofit/>
            </a:bodyPr>
            <a:lstStyle/>
            <a:p>
              <a:pPr algn="ctr"/>
              <a:r>
                <a:rPr lang="da-DK" sz="500" noProof="0"/>
                <a:t>USA</a:t>
              </a:r>
            </a:p>
          </p:txBody>
        </p:sp>
      </p:grpSp>
      <p:grpSp>
        <p:nvGrpSpPr>
          <p:cNvPr id="131" name="Group 130" descr="Tyskland">
            <a:extLst>
              <a:ext uri="{FF2B5EF4-FFF2-40B4-BE49-F238E27FC236}">
                <a16:creationId xmlns:a16="http://schemas.microsoft.com/office/drawing/2014/main" id="{44BA8DE1-82A2-7D84-D41C-38AB6C5FD06C}"/>
              </a:ext>
            </a:extLst>
          </p:cNvPr>
          <p:cNvGrpSpPr/>
          <p:nvPr/>
        </p:nvGrpSpPr>
        <p:grpSpPr>
          <a:xfrm>
            <a:off x="9528644" y="2480996"/>
            <a:ext cx="343192" cy="354715"/>
            <a:chOff x="11486144" y="4478175"/>
            <a:chExt cx="343192" cy="354715"/>
          </a:xfrm>
        </p:grpSpPr>
        <p:pic>
          <p:nvPicPr>
            <p:cNvPr id="132" name="Graphic 131">
              <a:extLst>
                <a:ext uri="{FF2B5EF4-FFF2-40B4-BE49-F238E27FC236}">
                  <a16:creationId xmlns:a16="http://schemas.microsoft.com/office/drawing/2014/main" id="{22174096-3C56-DA2A-57A3-4A2793C08DD0}"/>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1486144" y="4478175"/>
              <a:ext cx="343192" cy="228795"/>
            </a:xfrm>
            <a:prstGeom prst="rect">
              <a:avLst/>
            </a:prstGeom>
            <a:effectLst>
              <a:outerShdw blurRad="50800" dist="38100" dir="2700000" algn="tl" rotWithShape="0">
                <a:prstClr val="black">
                  <a:alpha val="40000"/>
                </a:prstClr>
              </a:outerShdw>
            </a:effectLst>
          </p:spPr>
        </p:pic>
        <p:sp>
          <p:nvSpPr>
            <p:cNvPr id="133" name="TextBox 132">
              <a:extLst>
                <a:ext uri="{FF2B5EF4-FFF2-40B4-BE49-F238E27FC236}">
                  <a16:creationId xmlns:a16="http://schemas.microsoft.com/office/drawing/2014/main" id="{690C5640-DDFC-E5DE-864E-506EB6E29600}"/>
                </a:ext>
              </a:extLst>
            </p:cNvPr>
            <p:cNvSpPr txBox="1"/>
            <p:nvPr/>
          </p:nvSpPr>
          <p:spPr>
            <a:xfrm>
              <a:off x="11486146" y="4673944"/>
              <a:ext cx="343190" cy="158946"/>
            </a:xfrm>
            <a:prstGeom prst="rect">
              <a:avLst/>
            </a:prstGeom>
            <a:noFill/>
          </p:spPr>
          <p:txBody>
            <a:bodyPr wrap="square" lIns="0" rIns="0" rtlCol="0">
              <a:noAutofit/>
            </a:bodyPr>
            <a:lstStyle/>
            <a:p>
              <a:pPr algn="ctr"/>
              <a:r>
                <a:rPr lang="da-DK" sz="500" noProof="0"/>
                <a:t>Tyskland</a:t>
              </a:r>
            </a:p>
          </p:txBody>
        </p:sp>
      </p:grpSp>
      <p:grpSp>
        <p:nvGrpSpPr>
          <p:cNvPr id="232" name="Group 231" descr="Danmarks flag">
            <a:extLst>
              <a:ext uri="{FF2B5EF4-FFF2-40B4-BE49-F238E27FC236}">
                <a16:creationId xmlns:a16="http://schemas.microsoft.com/office/drawing/2014/main" id="{14B8BBCC-44C7-E17C-102A-6665A4AE2180}"/>
              </a:ext>
            </a:extLst>
          </p:cNvPr>
          <p:cNvGrpSpPr/>
          <p:nvPr/>
        </p:nvGrpSpPr>
        <p:grpSpPr>
          <a:xfrm>
            <a:off x="9978000" y="2480046"/>
            <a:ext cx="424281" cy="331535"/>
            <a:chOff x="10040519" y="2099841"/>
            <a:chExt cx="510861" cy="399189"/>
          </a:xfrm>
        </p:grpSpPr>
        <p:grpSp>
          <p:nvGrpSpPr>
            <p:cNvPr id="233" name="Group 232">
              <a:extLst>
                <a:ext uri="{FF2B5EF4-FFF2-40B4-BE49-F238E27FC236}">
                  <a16:creationId xmlns:a16="http://schemas.microsoft.com/office/drawing/2014/main" id="{58812B05-8B49-F2FF-74DA-6594252F9713}"/>
                </a:ext>
              </a:extLst>
            </p:cNvPr>
            <p:cNvGrpSpPr/>
            <p:nvPr/>
          </p:nvGrpSpPr>
          <p:grpSpPr>
            <a:xfrm>
              <a:off x="10126946" y="2143429"/>
              <a:ext cx="338006" cy="355601"/>
              <a:chOff x="10015670" y="4447480"/>
              <a:chExt cx="338006" cy="355601"/>
            </a:xfrm>
          </p:grpSpPr>
          <p:pic>
            <p:nvPicPr>
              <p:cNvPr id="235" name="Graphic 234">
                <a:extLst>
                  <a:ext uri="{FF2B5EF4-FFF2-40B4-BE49-F238E27FC236}">
                    <a16:creationId xmlns:a16="http://schemas.microsoft.com/office/drawing/2014/main" id="{9DC45D3F-FA95-CC07-3FC3-4FC360489FB1}"/>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0015671" y="4447480"/>
                <a:ext cx="338005" cy="225337"/>
              </a:xfrm>
              <a:prstGeom prst="rect">
                <a:avLst/>
              </a:prstGeom>
              <a:effectLst>
                <a:outerShdw blurRad="50800" dist="38100" dir="2700000" algn="tl" rotWithShape="0">
                  <a:prstClr val="black">
                    <a:alpha val="40000"/>
                  </a:prstClr>
                </a:outerShdw>
              </a:effectLst>
            </p:spPr>
          </p:pic>
          <p:sp>
            <p:nvSpPr>
              <p:cNvPr id="236" name="TextBox 235">
                <a:extLst>
                  <a:ext uri="{FF2B5EF4-FFF2-40B4-BE49-F238E27FC236}">
                    <a16:creationId xmlns:a16="http://schemas.microsoft.com/office/drawing/2014/main" id="{B70917F2-77C5-61E9-B4FF-7C04AC63BCF0}"/>
                  </a:ext>
                </a:extLst>
              </p:cNvPr>
              <p:cNvSpPr txBox="1"/>
              <p:nvPr/>
            </p:nvSpPr>
            <p:spPr>
              <a:xfrm>
                <a:off x="10015670" y="4644135"/>
                <a:ext cx="338006" cy="158946"/>
              </a:xfrm>
              <a:prstGeom prst="rect">
                <a:avLst/>
              </a:prstGeom>
              <a:noFill/>
            </p:spPr>
            <p:txBody>
              <a:bodyPr wrap="square" lIns="0" rIns="0" rtlCol="0">
                <a:noAutofit/>
              </a:bodyPr>
              <a:lstStyle/>
              <a:p>
                <a:pPr algn="ctr"/>
                <a:r>
                  <a:rPr lang="da-DK" sz="500" noProof="0"/>
                  <a:t>Danmark</a:t>
                </a:r>
              </a:p>
            </p:txBody>
          </p:sp>
        </p:grpSp>
        <p:sp>
          <p:nvSpPr>
            <p:cNvPr id="234" name="Rectangle 233">
              <a:extLst>
                <a:ext uri="{FF2B5EF4-FFF2-40B4-BE49-F238E27FC236}">
                  <a16:creationId xmlns:a16="http://schemas.microsoft.com/office/drawing/2014/main" id="{64BBA6D4-6AF1-E0AC-308A-8E1BA0F68617}"/>
                </a:ext>
              </a:extLst>
            </p:cNvPr>
            <p:cNvSpPr/>
            <p:nvPr/>
          </p:nvSpPr>
          <p:spPr>
            <a:xfrm>
              <a:off x="10040519" y="2099841"/>
              <a:ext cx="510861" cy="395886"/>
            </a:xfrm>
            <a:prstGeom prst="rect">
              <a:avLst/>
            </a:prstGeom>
            <a:solidFill>
              <a:srgbClr val="7030A0">
                <a:alpha val="10000"/>
              </a:srgbClr>
            </a:solidFill>
            <a:ln w="12700">
              <a:solidFill>
                <a:srgbClr val="024D78"/>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grpSp>
      <p:sp>
        <p:nvSpPr>
          <p:cNvPr id="24" name="Rectangle 36">
            <a:extLst>
              <a:ext uri="{FF2B5EF4-FFF2-40B4-BE49-F238E27FC236}">
                <a16:creationId xmlns:a16="http://schemas.microsoft.com/office/drawing/2014/main" id="{9E3EF6EF-C0D2-4917-060E-9033A397B3F5}"/>
              </a:ext>
            </a:extLst>
          </p:cNvPr>
          <p:cNvSpPr>
            <a:spLocks/>
          </p:cNvSpPr>
          <p:nvPr/>
        </p:nvSpPr>
        <p:spPr>
          <a:xfrm>
            <a:off x="1068823" y="3028554"/>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igital arbejdsplads</a:t>
            </a:r>
          </a:p>
        </p:txBody>
      </p:sp>
      <p:grpSp>
        <p:nvGrpSpPr>
          <p:cNvPr id="82" name="Group 81" descr="USAs flag">
            <a:extLst>
              <a:ext uri="{FF2B5EF4-FFF2-40B4-BE49-F238E27FC236}">
                <a16:creationId xmlns:a16="http://schemas.microsoft.com/office/drawing/2014/main" id="{EF7450DB-CE54-2FF3-2D35-A7C59DE37FA0}"/>
              </a:ext>
            </a:extLst>
          </p:cNvPr>
          <p:cNvGrpSpPr/>
          <p:nvPr/>
        </p:nvGrpSpPr>
        <p:grpSpPr>
          <a:xfrm>
            <a:off x="9065131" y="2863095"/>
            <a:ext cx="343190" cy="357397"/>
            <a:chOff x="11483284" y="2817221"/>
            <a:chExt cx="343190" cy="357397"/>
          </a:xfrm>
        </p:grpSpPr>
        <p:pic>
          <p:nvPicPr>
            <p:cNvPr id="83" name="Graphic 82">
              <a:extLst>
                <a:ext uri="{FF2B5EF4-FFF2-40B4-BE49-F238E27FC236}">
                  <a16:creationId xmlns:a16="http://schemas.microsoft.com/office/drawing/2014/main" id="{B3F2F672-129C-F420-97E8-802DA8063B08}"/>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483284" y="2817221"/>
              <a:ext cx="343190" cy="228794"/>
            </a:xfrm>
            <a:prstGeom prst="rect">
              <a:avLst/>
            </a:prstGeom>
            <a:effectLst>
              <a:outerShdw blurRad="50800" dist="38100" dir="2700000" algn="tl" rotWithShape="0">
                <a:prstClr val="black">
                  <a:alpha val="40000"/>
                </a:prstClr>
              </a:outerShdw>
            </a:effectLst>
          </p:spPr>
        </p:pic>
        <p:sp>
          <p:nvSpPr>
            <p:cNvPr id="87" name="TextBox 86">
              <a:extLst>
                <a:ext uri="{FF2B5EF4-FFF2-40B4-BE49-F238E27FC236}">
                  <a16:creationId xmlns:a16="http://schemas.microsoft.com/office/drawing/2014/main" id="{DB6B0606-6B3D-2F84-B75D-E8246D01EE8A}"/>
                </a:ext>
              </a:extLst>
            </p:cNvPr>
            <p:cNvSpPr txBox="1"/>
            <p:nvPr/>
          </p:nvSpPr>
          <p:spPr>
            <a:xfrm>
              <a:off x="11483284" y="3015672"/>
              <a:ext cx="343190" cy="158946"/>
            </a:xfrm>
            <a:prstGeom prst="rect">
              <a:avLst/>
            </a:prstGeom>
            <a:noFill/>
          </p:spPr>
          <p:txBody>
            <a:bodyPr wrap="square" rtlCol="0">
              <a:noAutofit/>
            </a:bodyPr>
            <a:lstStyle/>
            <a:p>
              <a:pPr algn="ctr"/>
              <a:r>
                <a:rPr lang="da-DK" sz="500" noProof="0"/>
                <a:t>USA</a:t>
              </a:r>
            </a:p>
          </p:txBody>
        </p:sp>
      </p:grpSp>
      <p:sp>
        <p:nvSpPr>
          <p:cNvPr id="71" name="Rectangle 70" descr="EUs flag&#10;">
            <a:extLst>
              <a:ext uri="{FF2B5EF4-FFF2-40B4-BE49-F238E27FC236}">
                <a16:creationId xmlns:a16="http://schemas.microsoft.com/office/drawing/2014/main" id="{3ECECC93-AE91-C1AE-65BA-B55726A4DA7A}"/>
              </a:ext>
              <a:ext uri="{C183D7F6-B498-43B3-948B-1728B52AA6E4}">
                <adec:decorative xmlns:adec="http://schemas.microsoft.com/office/drawing/2017/decorative" val="0"/>
              </a:ext>
            </a:extLst>
          </p:cNvPr>
          <p:cNvSpPr/>
          <p:nvPr/>
        </p:nvSpPr>
        <p:spPr>
          <a:xfrm>
            <a:off x="9503340" y="2851023"/>
            <a:ext cx="424281" cy="331598"/>
          </a:xfrm>
          <a:prstGeom prst="rect">
            <a:avLst/>
          </a:prstGeom>
          <a:solidFill>
            <a:srgbClr val="7030A0">
              <a:alpha val="10000"/>
            </a:srgbClr>
          </a:solidFill>
          <a:ln w="12700">
            <a:solidFill>
              <a:srgbClr val="024D78"/>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5" name="Rectangle 36">
            <a:extLst>
              <a:ext uri="{FF2B5EF4-FFF2-40B4-BE49-F238E27FC236}">
                <a16:creationId xmlns:a16="http://schemas.microsoft.com/office/drawing/2014/main" id="{0D839B0C-0E82-B609-5454-AF75DF6A82F1}"/>
              </a:ext>
            </a:extLst>
          </p:cNvPr>
          <p:cNvSpPr>
            <a:spLocks/>
          </p:cNvSpPr>
          <p:nvPr/>
        </p:nvSpPr>
        <p:spPr>
          <a:xfrm>
            <a:off x="1068823" y="3346286"/>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Sikkerhedsløsninger</a:t>
            </a:r>
          </a:p>
        </p:txBody>
      </p:sp>
      <p:grpSp>
        <p:nvGrpSpPr>
          <p:cNvPr id="29" name="Group 28" descr="USAs flag">
            <a:extLst>
              <a:ext uri="{FF2B5EF4-FFF2-40B4-BE49-F238E27FC236}">
                <a16:creationId xmlns:a16="http://schemas.microsoft.com/office/drawing/2014/main" id="{BA007764-D336-7BF2-BD7B-69BEEEA77EAE}"/>
              </a:ext>
            </a:extLst>
          </p:cNvPr>
          <p:cNvGrpSpPr/>
          <p:nvPr/>
        </p:nvGrpSpPr>
        <p:grpSpPr>
          <a:xfrm>
            <a:off x="9065131" y="3263027"/>
            <a:ext cx="343190" cy="357397"/>
            <a:chOff x="11483284" y="2817221"/>
            <a:chExt cx="343190" cy="357397"/>
          </a:xfrm>
        </p:grpSpPr>
        <p:pic>
          <p:nvPicPr>
            <p:cNvPr id="30" name="Graphic 29">
              <a:extLst>
                <a:ext uri="{FF2B5EF4-FFF2-40B4-BE49-F238E27FC236}">
                  <a16:creationId xmlns:a16="http://schemas.microsoft.com/office/drawing/2014/main" id="{79B58E85-06F5-8F9A-5DD8-D7A032CC7AAB}"/>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483284" y="2817221"/>
              <a:ext cx="343190" cy="228794"/>
            </a:xfrm>
            <a:prstGeom prst="rect">
              <a:avLst/>
            </a:prstGeom>
            <a:effectLst>
              <a:outerShdw blurRad="50800" dist="38100" dir="2700000" algn="tl" rotWithShape="0">
                <a:prstClr val="black">
                  <a:alpha val="40000"/>
                </a:prstClr>
              </a:outerShdw>
            </a:effectLst>
          </p:spPr>
        </p:pic>
        <p:sp>
          <p:nvSpPr>
            <p:cNvPr id="31" name="TextBox 30">
              <a:extLst>
                <a:ext uri="{FF2B5EF4-FFF2-40B4-BE49-F238E27FC236}">
                  <a16:creationId xmlns:a16="http://schemas.microsoft.com/office/drawing/2014/main" id="{E8F5DB14-68FE-73A4-FB0C-C14339E6B38B}"/>
                </a:ext>
              </a:extLst>
            </p:cNvPr>
            <p:cNvSpPr txBox="1"/>
            <p:nvPr/>
          </p:nvSpPr>
          <p:spPr>
            <a:xfrm>
              <a:off x="11483284" y="3015672"/>
              <a:ext cx="343190" cy="158946"/>
            </a:xfrm>
            <a:prstGeom prst="rect">
              <a:avLst/>
            </a:prstGeom>
            <a:noFill/>
          </p:spPr>
          <p:txBody>
            <a:bodyPr wrap="square" rtlCol="0">
              <a:noAutofit/>
            </a:bodyPr>
            <a:lstStyle/>
            <a:p>
              <a:pPr algn="ctr"/>
              <a:r>
                <a:rPr lang="da-DK" sz="500" noProof="0"/>
                <a:t>USA</a:t>
              </a:r>
            </a:p>
          </p:txBody>
        </p:sp>
      </p:grpSp>
      <p:grpSp>
        <p:nvGrpSpPr>
          <p:cNvPr id="51" name="Group 50" descr="EU">
            <a:extLst>
              <a:ext uri="{FF2B5EF4-FFF2-40B4-BE49-F238E27FC236}">
                <a16:creationId xmlns:a16="http://schemas.microsoft.com/office/drawing/2014/main" id="{7536F2A1-FF72-D20B-718B-C2E39DAC42FA}"/>
              </a:ext>
            </a:extLst>
          </p:cNvPr>
          <p:cNvGrpSpPr/>
          <p:nvPr/>
        </p:nvGrpSpPr>
        <p:grpSpPr>
          <a:xfrm>
            <a:off x="9544897" y="3263027"/>
            <a:ext cx="343192" cy="355124"/>
            <a:chOff x="11486144" y="3613571"/>
            <a:chExt cx="343192" cy="355124"/>
          </a:xfrm>
        </p:grpSpPr>
        <p:pic>
          <p:nvPicPr>
            <p:cNvPr id="54" name="Graphic 53">
              <a:extLst>
                <a:ext uri="{FF2B5EF4-FFF2-40B4-BE49-F238E27FC236}">
                  <a16:creationId xmlns:a16="http://schemas.microsoft.com/office/drawing/2014/main" id="{8268D46A-7592-8777-3D89-8A254EB67C73}"/>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1486144" y="3613571"/>
              <a:ext cx="343192" cy="228795"/>
            </a:xfrm>
            <a:prstGeom prst="rect">
              <a:avLst/>
            </a:prstGeom>
            <a:effectLst>
              <a:outerShdw blurRad="50800" dist="38100" dir="2700000" algn="tl" rotWithShape="0">
                <a:prstClr val="black">
                  <a:alpha val="40000"/>
                </a:prstClr>
              </a:outerShdw>
            </a:effectLst>
          </p:spPr>
        </p:pic>
        <p:sp>
          <p:nvSpPr>
            <p:cNvPr id="70" name="TextBox 69">
              <a:extLst>
                <a:ext uri="{FF2B5EF4-FFF2-40B4-BE49-F238E27FC236}">
                  <a16:creationId xmlns:a16="http://schemas.microsoft.com/office/drawing/2014/main" id="{D56D5E13-6E76-828C-04EF-63DE49281E2E}"/>
                </a:ext>
              </a:extLst>
            </p:cNvPr>
            <p:cNvSpPr txBox="1"/>
            <p:nvPr/>
          </p:nvSpPr>
          <p:spPr>
            <a:xfrm>
              <a:off x="11486145" y="3809749"/>
              <a:ext cx="343190" cy="158946"/>
            </a:xfrm>
            <a:prstGeom prst="rect">
              <a:avLst/>
            </a:prstGeom>
            <a:noFill/>
          </p:spPr>
          <p:txBody>
            <a:bodyPr wrap="square" rtlCol="0">
              <a:noAutofit/>
            </a:bodyPr>
            <a:lstStyle/>
            <a:p>
              <a:pPr algn="ctr"/>
              <a:r>
                <a:rPr lang="da-DK" sz="500" noProof="0"/>
                <a:t>EU</a:t>
              </a:r>
            </a:p>
          </p:txBody>
        </p:sp>
      </p:grpSp>
      <p:sp>
        <p:nvSpPr>
          <p:cNvPr id="77" name="Rectangle 76">
            <a:extLst>
              <a:ext uri="{FF2B5EF4-FFF2-40B4-BE49-F238E27FC236}">
                <a16:creationId xmlns:a16="http://schemas.microsoft.com/office/drawing/2014/main" id="{1F3ADD25-9CDC-DD3B-52DB-2CD70B71E43B}"/>
              </a:ext>
              <a:ext uri="{C183D7F6-B498-43B3-948B-1728B52AA6E4}">
                <adec:decorative xmlns:adec="http://schemas.microsoft.com/office/drawing/2017/decorative" val="1"/>
              </a:ext>
            </a:extLst>
          </p:cNvPr>
          <p:cNvSpPr/>
          <p:nvPr/>
        </p:nvSpPr>
        <p:spPr>
          <a:xfrm>
            <a:off x="9500292" y="3250311"/>
            <a:ext cx="424281" cy="331598"/>
          </a:xfrm>
          <a:prstGeom prst="rect">
            <a:avLst/>
          </a:prstGeom>
          <a:solidFill>
            <a:srgbClr val="7030A0">
              <a:alpha val="10000"/>
            </a:srgbClr>
          </a:solidFill>
          <a:ln w="12700">
            <a:solidFill>
              <a:srgbClr val="024D78"/>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18" name="Rectangle 36">
            <a:extLst>
              <a:ext uri="{FF2B5EF4-FFF2-40B4-BE49-F238E27FC236}">
                <a16:creationId xmlns:a16="http://schemas.microsoft.com/office/drawing/2014/main" id="{A574F990-E82C-E7AA-AF1D-76F641680F5F}"/>
              </a:ext>
            </a:extLst>
          </p:cNvPr>
          <p:cNvSpPr>
            <a:spLocks/>
          </p:cNvSpPr>
          <p:nvPr/>
        </p:nvSpPr>
        <p:spPr>
          <a:xfrm>
            <a:off x="1068823" y="3664018"/>
            <a:ext cx="2084640" cy="274932"/>
          </a:xfrm>
          <a:prstGeom prst="roundRect">
            <a:avLst/>
          </a:prstGeom>
          <a:solidFill>
            <a:srgbClr val="CDECF2"/>
          </a:solidFill>
          <a:ln w="9525" cap="flat" cmpd="sng" algn="ctr">
            <a:noFill/>
            <a:prstDash val="solid"/>
            <a:miter lim="800000"/>
            <a:headEnd type="none" w="med" len="med"/>
            <a:tailEnd type="none" w="med" len="med"/>
          </a:ln>
          <a:effectLst/>
          <a:extLst>
            <a:ext uri="{91240B29-F687-4F45-9708-019B960494DF}">
              <a14:hiddenLine xmlns:a14="http://schemas.microsoft.com/office/drawing/2010/main" w="9525" cap="flat" cmpd="sng" algn="ctr">
                <a:solidFill>
                  <a:srgbClr val="0580A7"/>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atadeling og basis-software</a:t>
            </a:r>
          </a:p>
        </p:txBody>
      </p:sp>
      <p:grpSp>
        <p:nvGrpSpPr>
          <p:cNvPr id="107" name="Group 106" descr="USAs flag">
            <a:extLst>
              <a:ext uri="{FF2B5EF4-FFF2-40B4-BE49-F238E27FC236}">
                <a16:creationId xmlns:a16="http://schemas.microsoft.com/office/drawing/2014/main" id="{AAAFC311-D0F0-ADBF-F347-D9D6817FD8B3}"/>
              </a:ext>
            </a:extLst>
          </p:cNvPr>
          <p:cNvGrpSpPr/>
          <p:nvPr/>
        </p:nvGrpSpPr>
        <p:grpSpPr>
          <a:xfrm>
            <a:off x="9065131" y="4056206"/>
            <a:ext cx="343190" cy="357397"/>
            <a:chOff x="11483284" y="2817221"/>
            <a:chExt cx="343190" cy="357397"/>
          </a:xfrm>
        </p:grpSpPr>
        <p:pic>
          <p:nvPicPr>
            <p:cNvPr id="108" name="Graphic 107">
              <a:extLst>
                <a:ext uri="{FF2B5EF4-FFF2-40B4-BE49-F238E27FC236}">
                  <a16:creationId xmlns:a16="http://schemas.microsoft.com/office/drawing/2014/main" id="{2F4B1BFA-60EC-DDCD-8F40-8BF88D5CE702}"/>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483284" y="2817221"/>
              <a:ext cx="343190" cy="228794"/>
            </a:xfrm>
            <a:prstGeom prst="rect">
              <a:avLst/>
            </a:prstGeom>
            <a:effectLst>
              <a:outerShdw blurRad="50800" dist="38100" dir="2700000" algn="tl" rotWithShape="0">
                <a:prstClr val="black">
                  <a:alpha val="40000"/>
                </a:prstClr>
              </a:outerShdw>
            </a:effectLst>
          </p:spPr>
        </p:pic>
        <p:sp>
          <p:nvSpPr>
            <p:cNvPr id="109" name="TextBox 108">
              <a:extLst>
                <a:ext uri="{FF2B5EF4-FFF2-40B4-BE49-F238E27FC236}">
                  <a16:creationId xmlns:a16="http://schemas.microsoft.com/office/drawing/2014/main" id="{2D2744EA-6A36-D409-9830-B8AAA7A3E7C1}"/>
                </a:ext>
              </a:extLst>
            </p:cNvPr>
            <p:cNvSpPr txBox="1"/>
            <p:nvPr/>
          </p:nvSpPr>
          <p:spPr>
            <a:xfrm>
              <a:off x="11483284" y="3015672"/>
              <a:ext cx="343190" cy="158946"/>
            </a:xfrm>
            <a:prstGeom prst="rect">
              <a:avLst/>
            </a:prstGeom>
            <a:noFill/>
          </p:spPr>
          <p:txBody>
            <a:bodyPr wrap="square" rtlCol="0">
              <a:noAutofit/>
            </a:bodyPr>
            <a:lstStyle/>
            <a:p>
              <a:pPr algn="ctr"/>
              <a:r>
                <a:rPr lang="da-DK" sz="500" noProof="0"/>
                <a:t>USA</a:t>
              </a:r>
            </a:p>
          </p:txBody>
        </p:sp>
      </p:grpSp>
      <p:grpSp>
        <p:nvGrpSpPr>
          <p:cNvPr id="119" name="Group 118" descr="Tyskland">
            <a:extLst>
              <a:ext uri="{FF2B5EF4-FFF2-40B4-BE49-F238E27FC236}">
                <a16:creationId xmlns:a16="http://schemas.microsoft.com/office/drawing/2014/main" id="{F0E8D4E6-5282-B2A9-0BAA-A679C5DB16D4}"/>
              </a:ext>
            </a:extLst>
          </p:cNvPr>
          <p:cNvGrpSpPr/>
          <p:nvPr/>
        </p:nvGrpSpPr>
        <p:grpSpPr>
          <a:xfrm>
            <a:off x="9546932" y="4056206"/>
            <a:ext cx="343192" cy="363981"/>
            <a:chOff x="11486144" y="4478175"/>
            <a:chExt cx="343192" cy="363981"/>
          </a:xfrm>
        </p:grpSpPr>
        <p:pic>
          <p:nvPicPr>
            <p:cNvPr id="120" name="Graphic 119">
              <a:extLst>
                <a:ext uri="{FF2B5EF4-FFF2-40B4-BE49-F238E27FC236}">
                  <a16:creationId xmlns:a16="http://schemas.microsoft.com/office/drawing/2014/main" id="{2F9744AD-BB54-187A-4AEA-0AE7A0E92A77}"/>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1486144" y="4478175"/>
              <a:ext cx="343192" cy="228795"/>
            </a:xfrm>
            <a:prstGeom prst="rect">
              <a:avLst/>
            </a:prstGeom>
            <a:effectLst>
              <a:outerShdw blurRad="50800" dist="38100" dir="2700000" algn="tl" rotWithShape="0">
                <a:prstClr val="black">
                  <a:alpha val="40000"/>
                </a:prstClr>
              </a:outerShdw>
            </a:effectLst>
          </p:spPr>
        </p:pic>
        <p:sp>
          <p:nvSpPr>
            <p:cNvPr id="121" name="TextBox 120">
              <a:extLst>
                <a:ext uri="{FF2B5EF4-FFF2-40B4-BE49-F238E27FC236}">
                  <a16:creationId xmlns:a16="http://schemas.microsoft.com/office/drawing/2014/main" id="{ECBF6734-33F0-CDB5-E704-A52AAF98B6EB}"/>
                </a:ext>
              </a:extLst>
            </p:cNvPr>
            <p:cNvSpPr txBox="1"/>
            <p:nvPr/>
          </p:nvSpPr>
          <p:spPr>
            <a:xfrm>
              <a:off x="11486145" y="4683210"/>
              <a:ext cx="343190" cy="158946"/>
            </a:xfrm>
            <a:prstGeom prst="rect">
              <a:avLst/>
            </a:prstGeom>
            <a:noFill/>
          </p:spPr>
          <p:txBody>
            <a:bodyPr wrap="square" lIns="0" rIns="0" rtlCol="0">
              <a:noAutofit/>
            </a:bodyPr>
            <a:lstStyle/>
            <a:p>
              <a:pPr algn="ctr"/>
              <a:r>
                <a:rPr lang="da-DK" sz="500" noProof="0"/>
                <a:t>Tyskland</a:t>
              </a:r>
            </a:p>
          </p:txBody>
        </p:sp>
      </p:grpSp>
      <p:sp>
        <p:nvSpPr>
          <p:cNvPr id="20" name="Rectangle: Rounded Corners 19">
            <a:extLst>
              <a:ext uri="{FF2B5EF4-FFF2-40B4-BE49-F238E27FC236}">
                <a16:creationId xmlns:a16="http://schemas.microsoft.com/office/drawing/2014/main" id="{D92F91F4-E847-AB04-2402-3A97EC8E14DA}"/>
              </a:ext>
              <a:ext uri="{C183D7F6-B498-43B3-948B-1728B52AA6E4}">
                <adec:decorative xmlns:adec="http://schemas.microsoft.com/office/drawing/2017/decorative" val="1"/>
              </a:ext>
            </a:extLst>
          </p:cNvPr>
          <p:cNvSpPr>
            <a:spLocks/>
          </p:cNvSpPr>
          <p:nvPr/>
        </p:nvSpPr>
        <p:spPr>
          <a:xfrm>
            <a:off x="554355" y="2029052"/>
            <a:ext cx="2746629" cy="3478171"/>
          </a:xfrm>
          <a:prstGeom prst="roundRect">
            <a:avLst>
              <a:gd name="adj" fmla="val 1336"/>
            </a:avLst>
          </a:prstGeom>
          <a:noFill/>
          <a:ln w="9525" cap="flat" cmpd="sng" algn="ctr">
            <a:solidFill>
              <a:schemeClr val="accent3"/>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200" noProof="0"/>
          </a:p>
        </p:txBody>
      </p:sp>
      <p:sp>
        <p:nvSpPr>
          <p:cNvPr id="13" name="Rectangle: Rounded Corners 12">
            <a:extLst>
              <a:ext uri="{FF2B5EF4-FFF2-40B4-BE49-F238E27FC236}">
                <a16:creationId xmlns:a16="http://schemas.microsoft.com/office/drawing/2014/main" id="{64B951E9-A0FD-D6A9-5BC7-86B6CBBA86DF}"/>
              </a:ext>
            </a:extLst>
          </p:cNvPr>
          <p:cNvSpPr>
            <a:spLocks/>
          </p:cNvSpPr>
          <p:nvPr/>
        </p:nvSpPr>
        <p:spPr>
          <a:xfrm>
            <a:off x="650957" y="4020465"/>
            <a:ext cx="395915" cy="1322419"/>
          </a:xfrm>
          <a:prstGeom prst="roundRect">
            <a:avLst>
              <a:gd name="adj" fmla="val 6579"/>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a:r>
              <a:rPr lang="da-DK" sz="1100" b="1" noProof="0">
                <a:solidFill>
                  <a:schemeClr val="tx1"/>
                </a:solidFill>
              </a:rPr>
              <a:t>It-infrastruktur</a:t>
            </a:r>
          </a:p>
        </p:txBody>
      </p:sp>
      <p:sp>
        <p:nvSpPr>
          <p:cNvPr id="37" name="Rectangle 36">
            <a:extLst>
              <a:ext uri="{FF2B5EF4-FFF2-40B4-BE49-F238E27FC236}">
                <a16:creationId xmlns:a16="http://schemas.microsoft.com/office/drawing/2014/main" id="{B053FC09-A847-CB3E-3B4D-C39E3EEE42E2}"/>
              </a:ext>
            </a:extLst>
          </p:cNvPr>
          <p:cNvSpPr>
            <a:spLocks/>
          </p:cNvSpPr>
          <p:nvPr/>
        </p:nvSpPr>
        <p:spPr>
          <a:xfrm>
            <a:off x="1068823" y="4061641"/>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evices, slutbrugerudstyr, OT og </a:t>
            </a:r>
            <a:r>
              <a:rPr lang="da-DK" sz="900" b="1" noProof="0" err="1">
                <a:solidFill>
                  <a:schemeClr val="tx1"/>
                </a:solidFill>
              </a:rPr>
              <a:t>IoT</a:t>
            </a:r>
            <a:endParaRPr lang="da-DK" sz="900" b="1" noProof="0">
              <a:solidFill>
                <a:schemeClr val="tx1"/>
              </a:solidFill>
            </a:endParaRPr>
          </a:p>
        </p:txBody>
      </p:sp>
      <p:grpSp>
        <p:nvGrpSpPr>
          <p:cNvPr id="122" name="Group 121" descr="USAs flag">
            <a:extLst>
              <a:ext uri="{FF2B5EF4-FFF2-40B4-BE49-F238E27FC236}">
                <a16:creationId xmlns:a16="http://schemas.microsoft.com/office/drawing/2014/main" id="{38C29B48-FCF8-2D1B-CC82-9D2CA49CE0D8}"/>
              </a:ext>
            </a:extLst>
          </p:cNvPr>
          <p:cNvGrpSpPr/>
          <p:nvPr/>
        </p:nvGrpSpPr>
        <p:grpSpPr>
          <a:xfrm>
            <a:off x="9065131" y="3667171"/>
            <a:ext cx="343190" cy="357397"/>
            <a:chOff x="11483284" y="2817221"/>
            <a:chExt cx="343190" cy="357397"/>
          </a:xfrm>
        </p:grpSpPr>
        <p:pic>
          <p:nvPicPr>
            <p:cNvPr id="123" name="Graphic 122">
              <a:extLst>
                <a:ext uri="{FF2B5EF4-FFF2-40B4-BE49-F238E27FC236}">
                  <a16:creationId xmlns:a16="http://schemas.microsoft.com/office/drawing/2014/main" id="{D1ABA8EA-2C80-522C-6B42-6E52F003D1AE}"/>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483284" y="2817221"/>
              <a:ext cx="343190" cy="228794"/>
            </a:xfrm>
            <a:prstGeom prst="rect">
              <a:avLst/>
            </a:prstGeom>
            <a:effectLst>
              <a:outerShdw blurRad="50800" dist="38100" dir="2700000" algn="tl" rotWithShape="0">
                <a:prstClr val="black">
                  <a:alpha val="40000"/>
                </a:prstClr>
              </a:outerShdw>
            </a:effectLst>
          </p:spPr>
        </p:pic>
        <p:sp>
          <p:nvSpPr>
            <p:cNvPr id="124" name="TextBox 123">
              <a:extLst>
                <a:ext uri="{FF2B5EF4-FFF2-40B4-BE49-F238E27FC236}">
                  <a16:creationId xmlns:a16="http://schemas.microsoft.com/office/drawing/2014/main" id="{BBA99748-5CD6-4FFB-9757-B2896D2719DB}"/>
                </a:ext>
              </a:extLst>
            </p:cNvPr>
            <p:cNvSpPr txBox="1"/>
            <p:nvPr/>
          </p:nvSpPr>
          <p:spPr>
            <a:xfrm>
              <a:off x="11483284" y="3015672"/>
              <a:ext cx="343190" cy="158946"/>
            </a:xfrm>
            <a:prstGeom prst="rect">
              <a:avLst/>
            </a:prstGeom>
            <a:noFill/>
          </p:spPr>
          <p:txBody>
            <a:bodyPr wrap="square" rtlCol="0">
              <a:noAutofit/>
            </a:bodyPr>
            <a:lstStyle/>
            <a:p>
              <a:pPr algn="ctr"/>
              <a:r>
                <a:rPr lang="da-DK" sz="500" noProof="0"/>
                <a:t>USA</a:t>
              </a:r>
            </a:p>
          </p:txBody>
        </p:sp>
      </p:grpSp>
      <p:grpSp>
        <p:nvGrpSpPr>
          <p:cNvPr id="125" name="Group 124" descr="Kinas flag">
            <a:extLst>
              <a:ext uri="{FF2B5EF4-FFF2-40B4-BE49-F238E27FC236}">
                <a16:creationId xmlns:a16="http://schemas.microsoft.com/office/drawing/2014/main" id="{54B58BDE-05CA-D5DB-98E9-69091A860572}"/>
              </a:ext>
            </a:extLst>
          </p:cNvPr>
          <p:cNvGrpSpPr/>
          <p:nvPr/>
        </p:nvGrpSpPr>
        <p:grpSpPr>
          <a:xfrm>
            <a:off x="9544897" y="3667171"/>
            <a:ext cx="343191" cy="354574"/>
            <a:chOff x="11486144" y="3219337"/>
            <a:chExt cx="343191" cy="354574"/>
          </a:xfrm>
        </p:grpSpPr>
        <p:pic>
          <p:nvPicPr>
            <p:cNvPr id="126" name="Graphic 125">
              <a:extLst>
                <a:ext uri="{FF2B5EF4-FFF2-40B4-BE49-F238E27FC236}">
                  <a16:creationId xmlns:a16="http://schemas.microsoft.com/office/drawing/2014/main" id="{C5BC8FC2-1050-7C9E-EBE2-931E9D37AACF}"/>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11486144" y="3219337"/>
              <a:ext cx="343191" cy="228795"/>
            </a:xfrm>
            <a:prstGeom prst="rect">
              <a:avLst/>
            </a:prstGeom>
            <a:effectLst>
              <a:outerShdw blurRad="50800" dist="38100" dir="2700000" algn="tl" rotWithShape="0">
                <a:prstClr val="black">
                  <a:alpha val="40000"/>
                </a:prstClr>
              </a:outerShdw>
            </a:effectLst>
          </p:spPr>
        </p:pic>
        <p:sp>
          <p:nvSpPr>
            <p:cNvPr id="127" name="TextBox 126">
              <a:extLst>
                <a:ext uri="{FF2B5EF4-FFF2-40B4-BE49-F238E27FC236}">
                  <a16:creationId xmlns:a16="http://schemas.microsoft.com/office/drawing/2014/main" id="{65EAA6FC-EFA7-FE29-D315-9A39FD7B6E52}"/>
                </a:ext>
              </a:extLst>
            </p:cNvPr>
            <p:cNvSpPr txBox="1"/>
            <p:nvPr/>
          </p:nvSpPr>
          <p:spPr>
            <a:xfrm>
              <a:off x="11486145" y="3414965"/>
              <a:ext cx="343190" cy="158946"/>
            </a:xfrm>
            <a:prstGeom prst="rect">
              <a:avLst/>
            </a:prstGeom>
            <a:noFill/>
          </p:spPr>
          <p:txBody>
            <a:bodyPr wrap="square" rtlCol="0">
              <a:noAutofit/>
            </a:bodyPr>
            <a:lstStyle/>
            <a:p>
              <a:pPr algn="ctr"/>
              <a:r>
                <a:rPr lang="da-DK" sz="500" noProof="0"/>
                <a:t>Kina</a:t>
              </a:r>
            </a:p>
          </p:txBody>
        </p:sp>
      </p:grpSp>
      <p:grpSp>
        <p:nvGrpSpPr>
          <p:cNvPr id="128" name="Group 127" descr="Syd Koreas flag">
            <a:extLst>
              <a:ext uri="{FF2B5EF4-FFF2-40B4-BE49-F238E27FC236}">
                <a16:creationId xmlns:a16="http://schemas.microsoft.com/office/drawing/2014/main" id="{303BA2A7-58C3-8D84-4731-DE0570837C56}"/>
              </a:ext>
            </a:extLst>
          </p:cNvPr>
          <p:cNvGrpSpPr/>
          <p:nvPr/>
        </p:nvGrpSpPr>
        <p:grpSpPr>
          <a:xfrm>
            <a:off x="10022420" y="3667171"/>
            <a:ext cx="343192" cy="354715"/>
            <a:chOff x="11486144" y="5833618"/>
            <a:chExt cx="343192" cy="354715"/>
          </a:xfrm>
        </p:grpSpPr>
        <p:pic>
          <p:nvPicPr>
            <p:cNvPr id="129" name="Graphic 128">
              <a:extLst>
                <a:ext uri="{FF2B5EF4-FFF2-40B4-BE49-F238E27FC236}">
                  <a16:creationId xmlns:a16="http://schemas.microsoft.com/office/drawing/2014/main" id="{24F4C1A3-2B31-47C0-6554-769538A30451}"/>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11486144" y="5833618"/>
              <a:ext cx="343192" cy="228795"/>
            </a:xfrm>
            <a:prstGeom prst="rect">
              <a:avLst/>
            </a:prstGeom>
            <a:effectLst>
              <a:outerShdw blurRad="50800" dist="38100" dir="2700000" algn="tl" rotWithShape="0">
                <a:prstClr val="black">
                  <a:alpha val="40000"/>
                </a:prstClr>
              </a:outerShdw>
            </a:effectLst>
          </p:spPr>
        </p:pic>
        <p:sp>
          <p:nvSpPr>
            <p:cNvPr id="130" name="TextBox 129">
              <a:extLst>
                <a:ext uri="{FF2B5EF4-FFF2-40B4-BE49-F238E27FC236}">
                  <a16:creationId xmlns:a16="http://schemas.microsoft.com/office/drawing/2014/main" id="{3283C6DF-2568-4FD0-9987-FF3387432913}"/>
                </a:ext>
              </a:extLst>
            </p:cNvPr>
            <p:cNvSpPr txBox="1"/>
            <p:nvPr/>
          </p:nvSpPr>
          <p:spPr>
            <a:xfrm>
              <a:off x="11486145" y="6029387"/>
              <a:ext cx="343190" cy="158946"/>
            </a:xfrm>
            <a:prstGeom prst="rect">
              <a:avLst/>
            </a:prstGeom>
            <a:noFill/>
          </p:spPr>
          <p:txBody>
            <a:bodyPr wrap="square" lIns="0" rIns="0" rtlCol="0">
              <a:noAutofit/>
            </a:bodyPr>
            <a:lstStyle/>
            <a:p>
              <a:pPr algn="ctr"/>
              <a:r>
                <a:rPr lang="da-DK" sz="500" noProof="0"/>
                <a:t>Syd Korea</a:t>
              </a:r>
            </a:p>
          </p:txBody>
        </p:sp>
      </p:grpSp>
      <p:grpSp>
        <p:nvGrpSpPr>
          <p:cNvPr id="79" name="Group 78" descr="Tyskland">
            <a:extLst>
              <a:ext uri="{FF2B5EF4-FFF2-40B4-BE49-F238E27FC236}">
                <a16:creationId xmlns:a16="http://schemas.microsoft.com/office/drawing/2014/main" id="{9A86E0CD-8120-CB64-9E87-6F11C49F381D}"/>
              </a:ext>
            </a:extLst>
          </p:cNvPr>
          <p:cNvGrpSpPr/>
          <p:nvPr/>
        </p:nvGrpSpPr>
        <p:grpSpPr>
          <a:xfrm>
            <a:off x="10476857" y="3683059"/>
            <a:ext cx="343192" cy="354715"/>
            <a:chOff x="11486144" y="4478175"/>
            <a:chExt cx="343192" cy="354715"/>
          </a:xfrm>
        </p:grpSpPr>
        <p:pic>
          <p:nvPicPr>
            <p:cNvPr id="80" name="Graphic 79">
              <a:extLst>
                <a:ext uri="{FF2B5EF4-FFF2-40B4-BE49-F238E27FC236}">
                  <a16:creationId xmlns:a16="http://schemas.microsoft.com/office/drawing/2014/main" id="{7521C895-56CB-9980-BCF8-73C436CAC13A}"/>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1486144" y="4478175"/>
              <a:ext cx="343192" cy="228795"/>
            </a:xfrm>
            <a:prstGeom prst="rect">
              <a:avLst/>
            </a:prstGeom>
            <a:effectLst>
              <a:outerShdw blurRad="50800" dist="38100" dir="2700000" algn="tl" rotWithShape="0">
                <a:prstClr val="black">
                  <a:alpha val="40000"/>
                </a:prstClr>
              </a:outerShdw>
            </a:effectLst>
          </p:spPr>
        </p:pic>
        <p:sp>
          <p:nvSpPr>
            <p:cNvPr id="81" name="TextBox 80">
              <a:extLst>
                <a:ext uri="{FF2B5EF4-FFF2-40B4-BE49-F238E27FC236}">
                  <a16:creationId xmlns:a16="http://schemas.microsoft.com/office/drawing/2014/main" id="{9238E2BF-1B6F-7333-C4C4-2B56E60CEBFA}"/>
                </a:ext>
              </a:extLst>
            </p:cNvPr>
            <p:cNvSpPr txBox="1"/>
            <p:nvPr/>
          </p:nvSpPr>
          <p:spPr>
            <a:xfrm>
              <a:off x="11486146" y="4673944"/>
              <a:ext cx="343190" cy="158946"/>
            </a:xfrm>
            <a:prstGeom prst="rect">
              <a:avLst/>
            </a:prstGeom>
            <a:noFill/>
          </p:spPr>
          <p:txBody>
            <a:bodyPr wrap="square" lIns="0" rIns="0" rtlCol="0">
              <a:noAutofit/>
            </a:bodyPr>
            <a:lstStyle/>
            <a:p>
              <a:pPr algn="ctr"/>
              <a:r>
                <a:rPr lang="da-DK" sz="500" noProof="0"/>
                <a:t>Tyskland</a:t>
              </a:r>
            </a:p>
          </p:txBody>
        </p:sp>
      </p:grpSp>
      <p:sp>
        <p:nvSpPr>
          <p:cNvPr id="36" name="Rectangle 36">
            <a:extLst>
              <a:ext uri="{FF2B5EF4-FFF2-40B4-BE49-F238E27FC236}">
                <a16:creationId xmlns:a16="http://schemas.microsoft.com/office/drawing/2014/main" id="{65B80A27-8A3D-8CD2-861E-3287DB4C3769}"/>
              </a:ext>
            </a:extLst>
          </p:cNvPr>
          <p:cNvSpPr>
            <a:spLocks/>
          </p:cNvSpPr>
          <p:nvPr/>
        </p:nvSpPr>
        <p:spPr>
          <a:xfrm>
            <a:off x="1068823" y="4378297"/>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Cloud services</a:t>
            </a:r>
          </a:p>
        </p:txBody>
      </p:sp>
      <p:grpSp>
        <p:nvGrpSpPr>
          <p:cNvPr id="113" name="Group 112" descr="USAs flag">
            <a:extLst>
              <a:ext uri="{FF2B5EF4-FFF2-40B4-BE49-F238E27FC236}">
                <a16:creationId xmlns:a16="http://schemas.microsoft.com/office/drawing/2014/main" id="{474FFA61-5122-034C-A702-5A0370C8D0F4}"/>
              </a:ext>
            </a:extLst>
          </p:cNvPr>
          <p:cNvGrpSpPr/>
          <p:nvPr/>
        </p:nvGrpSpPr>
        <p:grpSpPr>
          <a:xfrm>
            <a:off x="9065131" y="4442644"/>
            <a:ext cx="343190" cy="357397"/>
            <a:chOff x="11483284" y="2817221"/>
            <a:chExt cx="343190" cy="357397"/>
          </a:xfrm>
        </p:grpSpPr>
        <p:pic>
          <p:nvPicPr>
            <p:cNvPr id="114" name="Graphic 113">
              <a:extLst>
                <a:ext uri="{FF2B5EF4-FFF2-40B4-BE49-F238E27FC236}">
                  <a16:creationId xmlns:a16="http://schemas.microsoft.com/office/drawing/2014/main" id="{4A2564D8-C689-0987-C558-CFAD4172FA3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483284" y="2817221"/>
              <a:ext cx="343190" cy="228794"/>
            </a:xfrm>
            <a:prstGeom prst="rect">
              <a:avLst/>
            </a:prstGeom>
            <a:effectLst>
              <a:outerShdw blurRad="50800" dist="38100" dir="2700000" algn="tl" rotWithShape="0">
                <a:prstClr val="black">
                  <a:alpha val="40000"/>
                </a:prstClr>
              </a:outerShdw>
            </a:effectLst>
          </p:spPr>
        </p:pic>
        <p:sp>
          <p:nvSpPr>
            <p:cNvPr id="115" name="TextBox 114">
              <a:extLst>
                <a:ext uri="{FF2B5EF4-FFF2-40B4-BE49-F238E27FC236}">
                  <a16:creationId xmlns:a16="http://schemas.microsoft.com/office/drawing/2014/main" id="{4DA964C5-D96F-EA9C-62FE-0F9FD0CDE641}"/>
                </a:ext>
              </a:extLst>
            </p:cNvPr>
            <p:cNvSpPr txBox="1"/>
            <p:nvPr/>
          </p:nvSpPr>
          <p:spPr>
            <a:xfrm>
              <a:off x="11483284" y="3015672"/>
              <a:ext cx="343190" cy="158946"/>
            </a:xfrm>
            <a:prstGeom prst="rect">
              <a:avLst/>
            </a:prstGeom>
            <a:noFill/>
          </p:spPr>
          <p:txBody>
            <a:bodyPr wrap="square" rtlCol="0">
              <a:noAutofit/>
            </a:bodyPr>
            <a:lstStyle/>
            <a:p>
              <a:pPr algn="ctr"/>
              <a:r>
                <a:rPr lang="da-DK" sz="500" noProof="0"/>
                <a:t>USA</a:t>
              </a:r>
            </a:p>
          </p:txBody>
        </p:sp>
      </p:grpSp>
      <p:grpSp>
        <p:nvGrpSpPr>
          <p:cNvPr id="116" name="Group 115" descr="Kinas flag">
            <a:extLst>
              <a:ext uri="{FF2B5EF4-FFF2-40B4-BE49-F238E27FC236}">
                <a16:creationId xmlns:a16="http://schemas.microsoft.com/office/drawing/2014/main" id="{834DB6A5-3292-C9AA-F52F-94B8E484D0DA}"/>
              </a:ext>
            </a:extLst>
          </p:cNvPr>
          <p:cNvGrpSpPr/>
          <p:nvPr/>
        </p:nvGrpSpPr>
        <p:grpSpPr>
          <a:xfrm>
            <a:off x="9544897" y="4442644"/>
            <a:ext cx="343191" cy="354574"/>
            <a:chOff x="11486144" y="3219337"/>
            <a:chExt cx="343191" cy="354574"/>
          </a:xfrm>
        </p:grpSpPr>
        <p:pic>
          <p:nvPicPr>
            <p:cNvPr id="117" name="Graphic 116">
              <a:extLst>
                <a:ext uri="{FF2B5EF4-FFF2-40B4-BE49-F238E27FC236}">
                  <a16:creationId xmlns:a16="http://schemas.microsoft.com/office/drawing/2014/main" id="{3F42D33B-5B16-D979-7CBC-AB18FCDF40DF}"/>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11486144" y="3219337"/>
              <a:ext cx="343191" cy="228795"/>
            </a:xfrm>
            <a:prstGeom prst="rect">
              <a:avLst/>
            </a:prstGeom>
            <a:effectLst>
              <a:outerShdw blurRad="50800" dist="38100" dir="2700000" algn="tl" rotWithShape="0">
                <a:prstClr val="black">
                  <a:alpha val="40000"/>
                </a:prstClr>
              </a:outerShdw>
            </a:effectLst>
          </p:spPr>
        </p:pic>
        <p:sp>
          <p:nvSpPr>
            <p:cNvPr id="118" name="TextBox 117">
              <a:extLst>
                <a:ext uri="{FF2B5EF4-FFF2-40B4-BE49-F238E27FC236}">
                  <a16:creationId xmlns:a16="http://schemas.microsoft.com/office/drawing/2014/main" id="{C1F2C088-68C3-5D45-AD8E-1293927D9092}"/>
                </a:ext>
              </a:extLst>
            </p:cNvPr>
            <p:cNvSpPr txBox="1"/>
            <p:nvPr/>
          </p:nvSpPr>
          <p:spPr>
            <a:xfrm>
              <a:off x="11486145" y="3414965"/>
              <a:ext cx="343190" cy="158946"/>
            </a:xfrm>
            <a:prstGeom prst="rect">
              <a:avLst/>
            </a:prstGeom>
            <a:noFill/>
          </p:spPr>
          <p:txBody>
            <a:bodyPr wrap="square" rtlCol="0">
              <a:noAutofit/>
            </a:bodyPr>
            <a:lstStyle/>
            <a:p>
              <a:pPr algn="ctr"/>
              <a:r>
                <a:rPr lang="da-DK" sz="500" noProof="0"/>
                <a:t>Kina</a:t>
              </a:r>
            </a:p>
          </p:txBody>
        </p:sp>
      </p:grpSp>
      <p:grpSp>
        <p:nvGrpSpPr>
          <p:cNvPr id="26" name="Group 25" descr="EU">
            <a:extLst>
              <a:ext uri="{FF2B5EF4-FFF2-40B4-BE49-F238E27FC236}">
                <a16:creationId xmlns:a16="http://schemas.microsoft.com/office/drawing/2014/main" id="{6554E99D-7537-0DA7-67E3-5EFC6A7CDF23}"/>
              </a:ext>
            </a:extLst>
          </p:cNvPr>
          <p:cNvGrpSpPr/>
          <p:nvPr/>
        </p:nvGrpSpPr>
        <p:grpSpPr>
          <a:xfrm>
            <a:off x="10022420" y="4447347"/>
            <a:ext cx="343192" cy="355124"/>
            <a:chOff x="11486144" y="3613571"/>
            <a:chExt cx="343192" cy="355124"/>
          </a:xfrm>
        </p:grpSpPr>
        <p:pic>
          <p:nvPicPr>
            <p:cNvPr id="27" name="Graphic 26">
              <a:extLst>
                <a:ext uri="{FF2B5EF4-FFF2-40B4-BE49-F238E27FC236}">
                  <a16:creationId xmlns:a16="http://schemas.microsoft.com/office/drawing/2014/main" id="{2C2F675F-BDE7-1532-B902-00D949896720}"/>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1486144" y="3613571"/>
              <a:ext cx="343192" cy="228795"/>
            </a:xfrm>
            <a:prstGeom prst="rect">
              <a:avLst/>
            </a:prstGeom>
            <a:effectLst>
              <a:outerShdw blurRad="50800" dist="38100" dir="2700000" algn="tl" rotWithShape="0">
                <a:prstClr val="black">
                  <a:alpha val="40000"/>
                </a:prstClr>
              </a:outerShdw>
            </a:effectLst>
          </p:spPr>
        </p:pic>
        <p:sp>
          <p:nvSpPr>
            <p:cNvPr id="28" name="TextBox 27">
              <a:extLst>
                <a:ext uri="{FF2B5EF4-FFF2-40B4-BE49-F238E27FC236}">
                  <a16:creationId xmlns:a16="http://schemas.microsoft.com/office/drawing/2014/main" id="{2E89B9D5-91E2-AFD0-B6F5-8A33F2C05E9B}"/>
                </a:ext>
              </a:extLst>
            </p:cNvPr>
            <p:cNvSpPr txBox="1"/>
            <p:nvPr/>
          </p:nvSpPr>
          <p:spPr>
            <a:xfrm>
              <a:off x="11486145" y="3809749"/>
              <a:ext cx="343190" cy="158946"/>
            </a:xfrm>
            <a:prstGeom prst="rect">
              <a:avLst/>
            </a:prstGeom>
            <a:noFill/>
          </p:spPr>
          <p:txBody>
            <a:bodyPr wrap="square" rtlCol="0">
              <a:noAutofit/>
            </a:bodyPr>
            <a:lstStyle/>
            <a:p>
              <a:pPr algn="ctr"/>
              <a:r>
                <a:rPr lang="da-DK" sz="500" noProof="0"/>
                <a:t>EU</a:t>
              </a:r>
            </a:p>
          </p:txBody>
        </p:sp>
      </p:grpSp>
      <p:sp>
        <p:nvSpPr>
          <p:cNvPr id="38" name="Rectangle 36">
            <a:extLst>
              <a:ext uri="{FF2B5EF4-FFF2-40B4-BE49-F238E27FC236}">
                <a16:creationId xmlns:a16="http://schemas.microsoft.com/office/drawing/2014/main" id="{DD546882-1DA7-29DC-35F8-AB7B7A8DC675}"/>
              </a:ext>
            </a:extLst>
          </p:cNvPr>
          <p:cNvSpPr>
            <a:spLocks/>
          </p:cNvSpPr>
          <p:nvPr/>
        </p:nvSpPr>
        <p:spPr>
          <a:xfrm>
            <a:off x="1068823" y="4705370"/>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Datacenterinfrastruktur</a:t>
            </a:r>
          </a:p>
        </p:txBody>
      </p:sp>
      <p:grpSp>
        <p:nvGrpSpPr>
          <p:cNvPr id="4" name="Group 3" descr="USAs flag">
            <a:extLst>
              <a:ext uri="{FF2B5EF4-FFF2-40B4-BE49-F238E27FC236}">
                <a16:creationId xmlns:a16="http://schemas.microsoft.com/office/drawing/2014/main" id="{325F9DF0-A344-F48F-FAF2-AE773A502F5C}"/>
              </a:ext>
            </a:extLst>
          </p:cNvPr>
          <p:cNvGrpSpPr/>
          <p:nvPr/>
        </p:nvGrpSpPr>
        <p:grpSpPr>
          <a:xfrm>
            <a:off x="9065131" y="4847846"/>
            <a:ext cx="343190" cy="357397"/>
            <a:chOff x="11483284" y="2817221"/>
            <a:chExt cx="343190" cy="357397"/>
          </a:xfrm>
        </p:grpSpPr>
        <p:pic>
          <p:nvPicPr>
            <p:cNvPr id="5" name="Graphic 4">
              <a:extLst>
                <a:ext uri="{FF2B5EF4-FFF2-40B4-BE49-F238E27FC236}">
                  <a16:creationId xmlns:a16="http://schemas.microsoft.com/office/drawing/2014/main" id="{0A000552-00CD-1D79-AE71-ABC6E4AEA6A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483284" y="2817221"/>
              <a:ext cx="343190" cy="228794"/>
            </a:xfrm>
            <a:prstGeom prst="rect">
              <a:avLst/>
            </a:prstGeom>
            <a:effectLst>
              <a:outerShdw blurRad="50800" dist="38100" dir="2700000" algn="tl" rotWithShape="0">
                <a:prstClr val="black">
                  <a:alpha val="40000"/>
                </a:prstClr>
              </a:outerShdw>
            </a:effectLst>
          </p:spPr>
        </p:pic>
        <p:sp>
          <p:nvSpPr>
            <p:cNvPr id="6" name="TextBox 5">
              <a:extLst>
                <a:ext uri="{FF2B5EF4-FFF2-40B4-BE49-F238E27FC236}">
                  <a16:creationId xmlns:a16="http://schemas.microsoft.com/office/drawing/2014/main" id="{4755354C-17CE-3DF3-8530-B2B1540273FF}"/>
                </a:ext>
              </a:extLst>
            </p:cNvPr>
            <p:cNvSpPr txBox="1"/>
            <p:nvPr/>
          </p:nvSpPr>
          <p:spPr>
            <a:xfrm>
              <a:off x="11483284" y="3015672"/>
              <a:ext cx="343190" cy="158946"/>
            </a:xfrm>
            <a:prstGeom prst="rect">
              <a:avLst/>
            </a:prstGeom>
            <a:noFill/>
          </p:spPr>
          <p:txBody>
            <a:bodyPr wrap="square" rtlCol="0">
              <a:noAutofit/>
            </a:bodyPr>
            <a:lstStyle/>
            <a:p>
              <a:pPr algn="ctr"/>
              <a:r>
                <a:rPr lang="da-DK" sz="500" noProof="0"/>
                <a:t>USA</a:t>
              </a:r>
            </a:p>
          </p:txBody>
        </p:sp>
      </p:grpSp>
      <p:sp>
        <p:nvSpPr>
          <p:cNvPr id="224" name="Rectangle 223" descr="EUs flag&#10;">
            <a:extLst>
              <a:ext uri="{FF2B5EF4-FFF2-40B4-BE49-F238E27FC236}">
                <a16:creationId xmlns:a16="http://schemas.microsoft.com/office/drawing/2014/main" id="{E54041CC-FBE9-D8DF-5D68-8B6E3F789DAC}"/>
              </a:ext>
              <a:ext uri="{C183D7F6-B498-43B3-948B-1728B52AA6E4}">
                <adec:decorative xmlns:adec="http://schemas.microsoft.com/office/drawing/2017/decorative" val="0"/>
              </a:ext>
            </a:extLst>
          </p:cNvPr>
          <p:cNvSpPr/>
          <p:nvPr/>
        </p:nvSpPr>
        <p:spPr>
          <a:xfrm>
            <a:off x="9521628" y="4826127"/>
            <a:ext cx="424281" cy="331598"/>
          </a:xfrm>
          <a:prstGeom prst="rect">
            <a:avLst/>
          </a:prstGeom>
          <a:solidFill>
            <a:srgbClr val="7030A0">
              <a:alpha val="10000"/>
            </a:srgbClr>
          </a:solidFill>
          <a:ln w="12700">
            <a:solidFill>
              <a:srgbClr val="024D78"/>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39" name="Rectangle 36">
            <a:extLst>
              <a:ext uri="{FF2B5EF4-FFF2-40B4-BE49-F238E27FC236}">
                <a16:creationId xmlns:a16="http://schemas.microsoft.com/office/drawing/2014/main" id="{76E0F04C-5C96-7FA5-8827-675B71E8B19A}"/>
              </a:ext>
            </a:extLst>
          </p:cNvPr>
          <p:cNvSpPr>
            <a:spLocks/>
          </p:cNvSpPr>
          <p:nvPr/>
        </p:nvSpPr>
        <p:spPr>
          <a:xfrm>
            <a:off x="1068823" y="5026777"/>
            <a:ext cx="2084640" cy="274932"/>
          </a:xfrm>
          <a:prstGeom prst="roundRect">
            <a:avLst/>
          </a:prstGeom>
          <a:solidFill>
            <a:srgbClr val="E8ECF2"/>
          </a:solidFill>
          <a:ln w="952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a:solidFill>
                  <a:schemeClr val="tx1"/>
                </a:solidFill>
              </a:rPr>
              <a:t>Netværksinfrastruktur</a:t>
            </a:r>
          </a:p>
        </p:txBody>
      </p:sp>
      <p:sp>
        <p:nvSpPr>
          <p:cNvPr id="40" name="Rectangle: Rounded Corners 1">
            <a:extLst>
              <a:ext uri="{FF2B5EF4-FFF2-40B4-BE49-F238E27FC236}">
                <a16:creationId xmlns:a16="http://schemas.microsoft.com/office/drawing/2014/main" id="{7E96BFC9-34FE-B911-EAD4-5E8946E8023A}"/>
              </a:ext>
              <a:ext uri="{C183D7F6-B498-43B3-948B-1728B52AA6E4}">
                <adec:decorative xmlns:adec="http://schemas.microsoft.com/office/drawing/2017/decorative" val="1"/>
              </a:ext>
            </a:extLst>
          </p:cNvPr>
          <p:cNvSpPr>
            <a:spLocks/>
          </p:cNvSpPr>
          <p:nvPr/>
        </p:nvSpPr>
        <p:spPr>
          <a:xfrm>
            <a:off x="650959" y="5564040"/>
            <a:ext cx="2576872" cy="815373"/>
          </a:xfrm>
          <a:prstGeom prst="roundRect">
            <a:avLst>
              <a:gd name="adj" fmla="val 5641"/>
            </a:avLst>
          </a:prstGeom>
          <a:solidFill>
            <a:srgbClr val="FFBECF">
              <a:alpha val="20000"/>
            </a:srgbClr>
          </a:solidFill>
          <a:ln>
            <a:solidFill>
              <a:srgbClr val="FFBEC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da-DK" sz="900" b="1" noProof="0">
              <a:solidFill>
                <a:schemeClr val="tx1"/>
              </a:solidFill>
            </a:endParaRPr>
          </a:p>
        </p:txBody>
      </p:sp>
      <p:sp>
        <p:nvSpPr>
          <p:cNvPr id="46" name="TextBox 39">
            <a:extLst>
              <a:ext uri="{FF2B5EF4-FFF2-40B4-BE49-F238E27FC236}">
                <a16:creationId xmlns:a16="http://schemas.microsoft.com/office/drawing/2014/main" id="{CCFB2698-7072-F17B-7A39-C901EB0623E3}"/>
              </a:ext>
            </a:extLst>
          </p:cNvPr>
          <p:cNvSpPr txBox="1">
            <a:spLocks/>
          </p:cNvSpPr>
          <p:nvPr/>
        </p:nvSpPr>
        <p:spPr>
          <a:xfrm>
            <a:off x="650957" y="5509523"/>
            <a:ext cx="395915" cy="924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defPPr>
              <a:defRPr lang="en-US"/>
            </a:defPPr>
            <a:lvl1pPr algn="ctr">
              <a:defRPr sz="1100" b="1">
                <a:solidFill>
                  <a:schemeClr val="lt1"/>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da-DK" noProof="0" dirty="0">
                <a:solidFill>
                  <a:schemeClr val="tx1"/>
                </a:solidFill>
              </a:rPr>
              <a:t>Forsynings-kæder</a:t>
            </a:r>
          </a:p>
        </p:txBody>
      </p:sp>
      <p:sp>
        <p:nvSpPr>
          <p:cNvPr id="42" name="Rectangle: Rounded Corners 41">
            <a:extLst>
              <a:ext uri="{FF2B5EF4-FFF2-40B4-BE49-F238E27FC236}">
                <a16:creationId xmlns:a16="http://schemas.microsoft.com/office/drawing/2014/main" id="{7E658FDF-785F-8EE6-9356-57C78E5ED93E}"/>
              </a:ext>
            </a:extLst>
          </p:cNvPr>
          <p:cNvSpPr>
            <a:spLocks/>
          </p:cNvSpPr>
          <p:nvPr/>
        </p:nvSpPr>
        <p:spPr>
          <a:xfrm>
            <a:off x="1068823" y="5677487"/>
            <a:ext cx="2084640" cy="274932"/>
          </a:xfrm>
          <a:prstGeom prst="roundRect">
            <a:avLst/>
          </a:prstGeom>
          <a:solidFill>
            <a:srgbClr val="FFBEC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solidFill>
                  <a:schemeClr val="tx1"/>
                </a:solidFill>
              </a:rPr>
              <a:t>(Mikro)chips</a:t>
            </a:r>
          </a:p>
        </p:txBody>
      </p:sp>
      <p:grpSp>
        <p:nvGrpSpPr>
          <p:cNvPr id="155" name="Group 154" descr="Taiwans flag">
            <a:extLst>
              <a:ext uri="{FF2B5EF4-FFF2-40B4-BE49-F238E27FC236}">
                <a16:creationId xmlns:a16="http://schemas.microsoft.com/office/drawing/2014/main" id="{306A55AD-E61C-97EC-F8F7-BA0F2D8E8CE0}"/>
              </a:ext>
            </a:extLst>
          </p:cNvPr>
          <p:cNvGrpSpPr/>
          <p:nvPr/>
        </p:nvGrpSpPr>
        <p:grpSpPr>
          <a:xfrm>
            <a:off x="9065131" y="5621302"/>
            <a:ext cx="343190" cy="342435"/>
            <a:chOff x="11467646" y="6225658"/>
            <a:chExt cx="343190" cy="342435"/>
          </a:xfrm>
        </p:grpSpPr>
        <p:pic>
          <p:nvPicPr>
            <p:cNvPr id="156" name="Graphic 155">
              <a:extLst>
                <a:ext uri="{FF2B5EF4-FFF2-40B4-BE49-F238E27FC236}">
                  <a16:creationId xmlns:a16="http://schemas.microsoft.com/office/drawing/2014/main" id="{9FA6F2D2-01D0-0F59-8CC0-566384110E1B}"/>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11468836" y="6225658"/>
              <a:ext cx="342000" cy="228000"/>
            </a:xfrm>
            <a:prstGeom prst="rect">
              <a:avLst/>
            </a:prstGeom>
            <a:effectLst>
              <a:outerShdw blurRad="50800" dist="38100" dir="2700000" algn="tl" rotWithShape="0">
                <a:prstClr val="black">
                  <a:alpha val="40000"/>
                </a:prstClr>
              </a:outerShdw>
            </a:effectLst>
          </p:spPr>
        </p:pic>
        <p:sp>
          <p:nvSpPr>
            <p:cNvPr id="157" name="TextBox 156">
              <a:extLst>
                <a:ext uri="{FF2B5EF4-FFF2-40B4-BE49-F238E27FC236}">
                  <a16:creationId xmlns:a16="http://schemas.microsoft.com/office/drawing/2014/main" id="{855EA566-4776-76BB-5E6A-5F4E079F8A61}"/>
                </a:ext>
              </a:extLst>
            </p:cNvPr>
            <p:cNvSpPr txBox="1"/>
            <p:nvPr/>
          </p:nvSpPr>
          <p:spPr>
            <a:xfrm>
              <a:off x="11467646" y="6409147"/>
              <a:ext cx="343190" cy="158946"/>
            </a:xfrm>
            <a:prstGeom prst="rect">
              <a:avLst/>
            </a:prstGeom>
            <a:noFill/>
          </p:spPr>
          <p:txBody>
            <a:bodyPr wrap="square" lIns="0" rIns="0" rtlCol="0">
              <a:noAutofit/>
            </a:bodyPr>
            <a:lstStyle/>
            <a:p>
              <a:pPr algn="ctr"/>
              <a:r>
                <a:rPr lang="da-DK" sz="500" noProof="0"/>
                <a:t>Taiwan</a:t>
              </a:r>
            </a:p>
          </p:txBody>
        </p:sp>
      </p:grpSp>
      <p:grpSp>
        <p:nvGrpSpPr>
          <p:cNvPr id="158" name="Group 157" descr="Syd Koreas flag">
            <a:extLst>
              <a:ext uri="{FF2B5EF4-FFF2-40B4-BE49-F238E27FC236}">
                <a16:creationId xmlns:a16="http://schemas.microsoft.com/office/drawing/2014/main" id="{A7638522-9B02-2B14-0596-C0EA744A6AEF}"/>
              </a:ext>
            </a:extLst>
          </p:cNvPr>
          <p:cNvGrpSpPr/>
          <p:nvPr/>
        </p:nvGrpSpPr>
        <p:grpSpPr>
          <a:xfrm>
            <a:off x="9544897" y="5621302"/>
            <a:ext cx="343192" cy="348241"/>
            <a:chOff x="11486144" y="5833618"/>
            <a:chExt cx="343192" cy="348241"/>
          </a:xfrm>
        </p:grpSpPr>
        <p:pic>
          <p:nvPicPr>
            <p:cNvPr id="159" name="Graphic 158">
              <a:extLst>
                <a:ext uri="{FF2B5EF4-FFF2-40B4-BE49-F238E27FC236}">
                  <a16:creationId xmlns:a16="http://schemas.microsoft.com/office/drawing/2014/main" id="{C19BC1AD-950E-0925-B058-F81AE4311F84}"/>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11486144" y="5833618"/>
              <a:ext cx="343192" cy="228795"/>
            </a:xfrm>
            <a:prstGeom prst="rect">
              <a:avLst/>
            </a:prstGeom>
            <a:effectLst>
              <a:outerShdw blurRad="50800" dist="38100" dir="2700000" algn="tl" rotWithShape="0">
                <a:prstClr val="black">
                  <a:alpha val="40000"/>
                </a:prstClr>
              </a:outerShdw>
            </a:effectLst>
          </p:spPr>
        </p:pic>
        <p:sp>
          <p:nvSpPr>
            <p:cNvPr id="160" name="TextBox 159">
              <a:extLst>
                <a:ext uri="{FF2B5EF4-FFF2-40B4-BE49-F238E27FC236}">
                  <a16:creationId xmlns:a16="http://schemas.microsoft.com/office/drawing/2014/main" id="{4B3EB179-677F-2D03-B977-CCC3BB062553}"/>
                </a:ext>
              </a:extLst>
            </p:cNvPr>
            <p:cNvSpPr txBox="1"/>
            <p:nvPr/>
          </p:nvSpPr>
          <p:spPr>
            <a:xfrm>
              <a:off x="11486145" y="6022913"/>
              <a:ext cx="343190" cy="158946"/>
            </a:xfrm>
            <a:prstGeom prst="rect">
              <a:avLst/>
            </a:prstGeom>
            <a:noFill/>
          </p:spPr>
          <p:txBody>
            <a:bodyPr wrap="square" lIns="0" rIns="0" rtlCol="0">
              <a:noAutofit/>
            </a:bodyPr>
            <a:lstStyle/>
            <a:p>
              <a:pPr algn="ctr"/>
              <a:r>
                <a:rPr lang="da-DK" sz="500" noProof="0"/>
                <a:t>Syd Korea</a:t>
              </a:r>
            </a:p>
          </p:txBody>
        </p:sp>
      </p:grpSp>
      <p:grpSp>
        <p:nvGrpSpPr>
          <p:cNvPr id="161" name="Group 160" descr="USAs flag">
            <a:extLst>
              <a:ext uri="{FF2B5EF4-FFF2-40B4-BE49-F238E27FC236}">
                <a16:creationId xmlns:a16="http://schemas.microsoft.com/office/drawing/2014/main" id="{8651D46D-8294-E0A9-E898-E103AB7BCFAC}"/>
              </a:ext>
            </a:extLst>
          </p:cNvPr>
          <p:cNvGrpSpPr/>
          <p:nvPr/>
        </p:nvGrpSpPr>
        <p:grpSpPr>
          <a:xfrm>
            <a:off x="10022421" y="5621302"/>
            <a:ext cx="343190" cy="357397"/>
            <a:chOff x="11483284" y="2817221"/>
            <a:chExt cx="343190" cy="357397"/>
          </a:xfrm>
        </p:grpSpPr>
        <p:pic>
          <p:nvPicPr>
            <p:cNvPr id="162" name="Graphic 161">
              <a:extLst>
                <a:ext uri="{FF2B5EF4-FFF2-40B4-BE49-F238E27FC236}">
                  <a16:creationId xmlns:a16="http://schemas.microsoft.com/office/drawing/2014/main" id="{31D4DE4C-B22E-EA2B-3DB0-AD46877A299D}"/>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483284" y="2817221"/>
              <a:ext cx="343190" cy="228794"/>
            </a:xfrm>
            <a:prstGeom prst="rect">
              <a:avLst/>
            </a:prstGeom>
            <a:effectLst>
              <a:outerShdw blurRad="50800" dist="38100" dir="2700000" algn="tl" rotWithShape="0">
                <a:prstClr val="black">
                  <a:alpha val="40000"/>
                </a:prstClr>
              </a:outerShdw>
            </a:effectLst>
          </p:spPr>
        </p:pic>
        <p:sp>
          <p:nvSpPr>
            <p:cNvPr id="163" name="TextBox 162">
              <a:extLst>
                <a:ext uri="{FF2B5EF4-FFF2-40B4-BE49-F238E27FC236}">
                  <a16:creationId xmlns:a16="http://schemas.microsoft.com/office/drawing/2014/main" id="{B80C2511-16C9-EA78-0878-6F3438CBD4D2}"/>
                </a:ext>
              </a:extLst>
            </p:cNvPr>
            <p:cNvSpPr txBox="1"/>
            <p:nvPr/>
          </p:nvSpPr>
          <p:spPr>
            <a:xfrm>
              <a:off x="11483284" y="3015672"/>
              <a:ext cx="343190" cy="158946"/>
            </a:xfrm>
            <a:prstGeom prst="rect">
              <a:avLst/>
            </a:prstGeom>
            <a:noFill/>
          </p:spPr>
          <p:txBody>
            <a:bodyPr wrap="square" rtlCol="0">
              <a:noAutofit/>
            </a:bodyPr>
            <a:lstStyle/>
            <a:p>
              <a:pPr algn="ctr"/>
              <a:r>
                <a:rPr lang="da-DK" sz="500" noProof="0"/>
                <a:t>USA</a:t>
              </a:r>
            </a:p>
          </p:txBody>
        </p:sp>
      </p:grpSp>
      <p:grpSp>
        <p:nvGrpSpPr>
          <p:cNvPr id="164" name="Group 163" descr="Holland">
            <a:extLst>
              <a:ext uri="{FF2B5EF4-FFF2-40B4-BE49-F238E27FC236}">
                <a16:creationId xmlns:a16="http://schemas.microsoft.com/office/drawing/2014/main" id="{07B6D5C0-3FFA-A059-EE18-ABB4E5F940BF}"/>
              </a:ext>
            </a:extLst>
          </p:cNvPr>
          <p:cNvGrpSpPr/>
          <p:nvPr/>
        </p:nvGrpSpPr>
        <p:grpSpPr>
          <a:xfrm>
            <a:off x="10473775" y="5621302"/>
            <a:ext cx="343191" cy="365269"/>
            <a:chOff x="11486144" y="5348903"/>
            <a:chExt cx="343191" cy="365269"/>
          </a:xfrm>
        </p:grpSpPr>
        <p:pic>
          <p:nvPicPr>
            <p:cNvPr id="165" name="Graphic 164">
              <a:extLst>
                <a:ext uri="{FF2B5EF4-FFF2-40B4-BE49-F238E27FC236}">
                  <a16:creationId xmlns:a16="http://schemas.microsoft.com/office/drawing/2014/main" id="{2A448133-8488-F7D8-284D-EDABEFE6306A}"/>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a:off x="11486144" y="5348903"/>
              <a:ext cx="343191" cy="232057"/>
            </a:xfrm>
            <a:prstGeom prst="rect">
              <a:avLst/>
            </a:prstGeom>
            <a:effectLst>
              <a:outerShdw blurRad="50800" dist="38100" dir="2700000" algn="tl" rotWithShape="0">
                <a:prstClr val="black">
                  <a:alpha val="40000"/>
                </a:prstClr>
              </a:outerShdw>
            </a:effectLst>
          </p:spPr>
        </p:pic>
        <p:sp>
          <p:nvSpPr>
            <p:cNvPr id="166" name="TextBox 165">
              <a:extLst>
                <a:ext uri="{FF2B5EF4-FFF2-40B4-BE49-F238E27FC236}">
                  <a16:creationId xmlns:a16="http://schemas.microsoft.com/office/drawing/2014/main" id="{EDA572A6-2AB8-5B42-78D6-45F39A700092}"/>
                </a:ext>
              </a:extLst>
            </p:cNvPr>
            <p:cNvSpPr txBox="1"/>
            <p:nvPr/>
          </p:nvSpPr>
          <p:spPr>
            <a:xfrm>
              <a:off x="11486145" y="5555226"/>
              <a:ext cx="343190" cy="158946"/>
            </a:xfrm>
            <a:prstGeom prst="rect">
              <a:avLst/>
            </a:prstGeom>
            <a:noFill/>
          </p:spPr>
          <p:txBody>
            <a:bodyPr wrap="square" lIns="0" rIns="0" rtlCol="0">
              <a:noAutofit/>
            </a:bodyPr>
            <a:lstStyle/>
            <a:p>
              <a:pPr algn="ctr"/>
              <a:r>
                <a:rPr lang="da-DK" sz="500" noProof="0"/>
                <a:t>Holland</a:t>
              </a:r>
            </a:p>
          </p:txBody>
        </p:sp>
      </p:grpSp>
      <p:sp>
        <p:nvSpPr>
          <p:cNvPr id="43" name="Rectangle: Rounded Corners 42">
            <a:extLst>
              <a:ext uri="{FF2B5EF4-FFF2-40B4-BE49-F238E27FC236}">
                <a16:creationId xmlns:a16="http://schemas.microsoft.com/office/drawing/2014/main" id="{80131304-0F8C-E769-C949-9F9F2F0D29EF}"/>
              </a:ext>
            </a:extLst>
          </p:cNvPr>
          <p:cNvSpPr>
            <a:spLocks/>
          </p:cNvSpPr>
          <p:nvPr/>
        </p:nvSpPr>
        <p:spPr>
          <a:xfrm>
            <a:off x="1068823" y="5991424"/>
            <a:ext cx="2084640" cy="274932"/>
          </a:xfrm>
          <a:prstGeom prst="roundRect">
            <a:avLst/>
          </a:prstGeom>
          <a:solidFill>
            <a:srgbClr val="FFBEC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900" b="1" noProof="0" dirty="0">
                <a:solidFill>
                  <a:schemeClr val="tx1"/>
                </a:solidFill>
              </a:rPr>
              <a:t>Råvarer såsom sjældne metaller samt energi og vand</a:t>
            </a:r>
          </a:p>
        </p:txBody>
      </p:sp>
      <p:grpSp>
        <p:nvGrpSpPr>
          <p:cNvPr id="167" name="Group 166" descr="USAs flag">
            <a:extLst>
              <a:ext uri="{FF2B5EF4-FFF2-40B4-BE49-F238E27FC236}">
                <a16:creationId xmlns:a16="http://schemas.microsoft.com/office/drawing/2014/main" id="{1F2C9A83-A291-61F0-BBBC-F1962A3B40CF}"/>
              </a:ext>
            </a:extLst>
          </p:cNvPr>
          <p:cNvGrpSpPr/>
          <p:nvPr/>
        </p:nvGrpSpPr>
        <p:grpSpPr>
          <a:xfrm>
            <a:off x="9065131" y="6012576"/>
            <a:ext cx="343190" cy="357397"/>
            <a:chOff x="11483284" y="2817221"/>
            <a:chExt cx="343190" cy="357397"/>
          </a:xfrm>
        </p:grpSpPr>
        <p:pic>
          <p:nvPicPr>
            <p:cNvPr id="168" name="Graphic 167">
              <a:extLst>
                <a:ext uri="{FF2B5EF4-FFF2-40B4-BE49-F238E27FC236}">
                  <a16:creationId xmlns:a16="http://schemas.microsoft.com/office/drawing/2014/main" id="{B09417C2-D8E2-FC71-B9E6-C2ECDD7F0AF6}"/>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483284" y="2817221"/>
              <a:ext cx="343190" cy="228794"/>
            </a:xfrm>
            <a:prstGeom prst="rect">
              <a:avLst/>
            </a:prstGeom>
            <a:effectLst>
              <a:outerShdw blurRad="50800" dist="38100" dir="2700000" algn="tl" rotWithShape="0">
                <a:prstClr val="black">
                  <a:alpha val="40000"/>
                </a:prstClr>
              </a:outerShdw>
            </a:effectLst>
          </p:spPr>
        </p:pic>
        <p:sp>
          <p:nvSpPr>
            <p:cNvPr id="169" name="TextBox 168">
              <a:extLst>
                <a:ext uri="{FF2B5EF4-FFF2-40B4-BE49-F238E27FC236}">
                  <a16:creationId xmlns:a16="http://schemas.microsoft.com/office/drawing/2014/main" id="{5946D060-4D26-05F1-220F-B2672B43DDDC}"/>
                </a:ext>
              </a:extLst>
            </p:cNvPr>
            <p:cNvSpPr txBox="1"/>
            <p:nvPr/>
          </p:nvSpPr>
          <p:spPr>
            <a:xfrm>
              <a:off x="11483284" y="3015672"/>
              <a:ext cx="343190" cy="158946"/>
            </a:xfrm>
            <a:prstGeom prst="rect">
              <a:avLst/>
            </a:prstGeom>
            <a:noFill/>
          </p:spPr>
          <p:txBody>
            <a:bodyPr wrap="square" rtlCol="0">
              <a:noAutofit/>
            </a:bodyPr>
            <a:lstStyle/>
            <a:p>
              <a:pPr algn="ctr"/>
              <a:r>
                <a:rPr lang="da-DK" sz="500" noProof="0"/>
                <a:t>USA</a:t>
              </a:r>
            </a:p>
          </p:txBody>
        </p:sp>
      </p:grpSp>
      <p:grpSp>
        <p:nvGrpSpPr>
          <p:cNvPr id="170" name="Group 169" descr="Kinas flag">
            <a:extLst>
              <a:ext uri="{FF2B5EF4-FFF2-40B4-BE49-F238E27FC236}">
                <a16:creationId xmlns:a16="http://schemas.microsoft.com/office/drawing/2014/main" id="{16DBDDB6-6B36-5E35-0C01-5C56DC5857CE}"/>
              </a:ext>
            </a:extLst>
          </p:cNvPr>
          <p:cNvGrpSpPr/>
          <p:nvPr/>
        </p:nvGrpSpPr>
        <p:grpSpPr>
          <a:xfrm>
            <a:off x="9544897" y="6012576"/>
            <a:ext cx="343191" cy="354574"/>
            <a:chOff x="11486144" y="3219337"/>
            <a:chExt cx="343191" cy="354574"/>
          </a:xfrm>
        </p:grpSpPr>
        <p:pic>
          <p:nvPicPr>
            <p:cNvPr id="171" name="Graphic 170">
              <a:extLst>
                <a:ext uri="{FF2B5EF4-FFF2-40B4-BE49-F238E27FC236}">
                  <a16:creationId xmlns:a16="http://schemas.microsoft.com/office/drawing/2014/main" id="{DCD1E74C-B999-E85A-8F17-429551762FA2}"/>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11486144" y="3219337"/>
              <a:ext cx="343191" cy="228795"/>
            </a:xfrm>
            <a:prstGeom prst="rect">
              <a:avLst/>
            </a:prstGeom>
            <a:effectLst>
              <a:outerShdw blurRad="50800" dist="38100" dir="2700000" algn="tl" rotWithShape="0">
                <a:prstClr val="black">
                  <a:alpha val="40000"/>
                </a:prstClr>
              </a:outerShdw>
            </a:effectLst>
          </p:spPr>
        </p:pic>
        <p:sp>
          <p:nvSpPr>
            <p:cNvPr id="172" name="TextBox 171">
              <a:extLst>
                <a:ext uri="{FF2B5EF4-FFF2-40B4-BE49-F238E27FC236}">
                  <a16:creationId xmlns:a16="http://schemas.microsoft.com/office/drawing/2014/main" id="{C3A3CC80-DDF2-C89F-50D2-82244962826D}"/>
                </a:ext>
              </a:extLst>
            </p:cNvPr>
            <p:cNvSpPr txBox="1"/>
            <p:nvPr/>
          </p:nvSpPr>
          <p:spPr>
            <a:xfrm>
              <a:off x="11486145" y="3414965"/>
              <a:ext cx="343190" cy="158946"/>
            </a:xfrm>
            <a:prstGeom prst="rect">
              <a:avLst/>
            </a:prstGeom>
            <a:noFill/>
          </p:spPr>
          <p:txBody>
            <a:bodyPr wrap="square" rtlCol="0">
              <a:noAutofit/>
            </a:bodyPr>
            <a:lstStyle/>
            <a:p>
              <a:pPr algn="ctr"/>
              <a:r>
                <a:rPr lang="da-DK" sz="500" noProof="0"/>
                <a:t>Kina</a:t>
              </a:r>
            </a:p>
          </p:txBody>
        </p:sp>
      </p:grpSp>
      <p:grpSp>
        <p:nvGrpSpPr>
          <p:cNvPr id="173" name="Group 172" descr="Ruslands flag">
            <a:extLst>
              <a:ext uri="{FF2B5EF4-FFF2-40B4-BE49-F238E27FC236}">
                <a16:creationId xmlns:a16="http://schemas.microsoft.com/office/drawing/2014/main" id="{E3C58795-78DB-CA2E-C9C3-C35BB1010A26}"/>
              </a:ext>
            </a:extLst>
          </p:cNvPr>
          <p:cNvGrpSpPr/>
          <p:nvPr/>
        </p:nvGrpSpPr>
        <p:grpSpPr>
          <a:xfrm>
            <a:off x="10022420" y="6012576"/>
            <a:ext cx="343192" cy="341318"/>
            <a:chOff x="11486144" y="4046031"/>
            <a:chExt cx="343192" cy="341318"/>
          </a:xfrm>
        </p:grpSpPr>
        <p:pic>
          <p:nvPicPr>
            <p:cNvPr id="174" name="Graphic 173">
              <a:extLst>
                <a:ext uri="{FF2B5EF4-FFF2-40B4-BE49-F238E27FC236}">
                  <a16:creationId xmlns:a16="http://schemas.microsoft.com/office/drawing/2014/main" id="{D643F77F-AFA7-4621-8C9F-D0FE1D07A298}"/>
                </a:ext>
              </a:extLst>
            </p:cNvPr>
            <p:cNvPicPr>
              <a:picLocks noChangeAspect="1"/>
            </p:cNvPicPr>
            <p:nvPr/>
          </p:nvPicPr>
          <p:blipFill>
            <a:blip r:embed="rId20">
              <a:extLst>
                <a:ext uri="{96DAC541-7B7A-43D3-8B79-37D633B846F1}">
                  <asvg:svgBlip xmlns:asvg="http://schemas.microsoft.com/office/drawing/2016/SVG/main" r:embed="rId21"/>
                </a:ext>
              </a:extLst>
            </a:blip>
            <a:stretch>
              <a:fillRect/>
            </a:stretch>
          </p:blipFill>
          <p:spPr>
            <a:xfrm>
              <a:off x="11486144" y="4046031"/>
              <a:ext cx="343192" cy="228795"/>
            </a:xfrm>
            <a:prstGeom prst="rect">
              <a:avLst/>
            </a:prstGeom>
            <a:effectLst>
              <a:outerShdw blurRad="50800" dist="38100" dir="2700000" algn="tl" rotWithShape="0">
                <a:prstClr val="black">
                  <a:alpha val="40000"/>
                </a:prstClr>
              </a:outerShdw>
            </a:effectLst>
          </p:spPr>
        </p:pic>
        <p:sp>
          <p:nvSpPr>
            <p:cNvPr id="175" name="TextBox 174">
              <a:extLst>
                <a:ext uri="{FF2B5EF4-FFF2-40B4-BE49-F238E27FC236}">
                  <a16:creationId xmlns:a16="http://schemas.microsoft.com/office/drawing/2014/main" id="{45602F8F-6FDC-DE4A-6744-737AF832A771}"/>
                </a:ext>
              </a:extLst>
            </p:cNvPr>
            <p:cNvSpPr txBox="1"/>
            <p:nvPr/>
          </p:nvSpPr>
          <p:spPr>
            <a:xfrm>
              <a:off x="11486145" y="4228403"/>
              <a:ext cx="343190" cy="158946"/>
            </a:xfrm>
            <a:prstGeom prst="rect">
              <a:avLst/>
            </a:prstGeom>
            <a:noFill/>
          </p:spPr>
          <p:txBody>
            <a:bodyPr wrap="square" lIns="0" rIns="0" rtlCol="0">
              <a:noAutofit/>
            </a:bodyPr>
            <a:lstStyle/>
            <a:p>
              <a:pPr algn="ctr"/>
              <a:r>
                <a:rPr lang="da-DK" sz="500" noProof="0"/>
                <a:t>Rusland</a:t>
              </a:r>
            </a:p>
          </p:txBody>
        </p:sp>
      </p:grpSp>
      <p:sp>
        <p:nvSpPr>
          <p:cNvPr id="45" name="Rectangle: Rounded Corners 24">
            <a:extLst>
              <a:ext uri="{FF2B5EF4-FFF2-40B4-BE49-F238E27FC236}">
                <a16:creationId xmlns:a16="http://schemas.microsoft.com/office/drawing/2014/main" id="{70FCB8F2-6E08-903A-CE4A-AB5108AB953A}"/>
              </a:ext>
              <a:ext uri="{C183D7F6-B498-43B3-948B-1728B52AA6E4}">
                <adec:decorative xmlns:adec="http://schemas.microsoft.com/office/drawing/2017/decorative" val="1"/>
              </a:ext>
            </a:extLst>
          </p:cNvPr>
          <p:cNvSpPr>
            <a:spLocks/>
          </p:cNvSpPr>
          <p:nvPr/>
        </p:nvSpPr>
        <p:spPr>
          <a:xfrm>
            <a:off x="554356" y="5530110"/>
            <a:ext cx="2746629" cy="883233"/>
          </a:xfrm>
          <a:prstGeom prst="roundRect">
            <a:avLst>
              <a:gd name="adj" fmla="val 5243"/>
            </a:avLst>
          </a:prstGeom>
          <a:noFill/>
          <a:ln w="9525" cap="flat" cmpd="sng" algn="ctr">
            <a:solidFill>
              <a:schemeClr val="accent3"/>
            </a:solidFill>
            <a:prstDash val="solid"/>
            <a:miter lim="800000"/>
            <a:headEnd type="none" w="med" len="med"/>
            <a:tailEnd type="none" w="med" len="med"/>
          </a:ln>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200" noProof="0"/>
          </a:p>
        </p:txBody>
      </p:sp>
      <p:sp>
        <p:nvSpPr>
          <p:cNvPr id="47" name="Isosceles Triangle 46">
            <a:extLst>
              <a:ext uri="{FF2B5EF4-FFF2-40B4-BE49-F238E27FC236}">
                <a16:creationId xmlns:a16="http://schemas.microsoft.com/office/drawing/2014/main" id="{16887B71-85DD-26D6-270E-F4EEA9FAFB88}"/>
              </a:ext>
              <a:ext uri="{C183D7F6-B498-43B3-948B-1728B52AA6E4}">
                <adec:decorative xmlns:adec="http://schemas.microsoft.com/office/drawing/2017/decorative" val="1"/>
              </a:ext>
            </a:extLst>
          </p:cNvPr>
          <p:cNvSpPr/>
          <p:nvPr/>
        </p:nvSpPr>
        <p:spPr>
          <a:xfrm rot="5400000">
            <a:off x="1278940" y="4125746"/>
            <a:ext cx="4363859" cy="247155"/>
          </a:xfrm>
          <a:prstGeom prst="triangle">
            <a:avLst/>
          </a:prstGeom>
          <a:solidFill>
            <a:srgbClr val="E8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cxnSp>
        <p:nvCxnSpPr>
          <p:cNvPr id="48" name="Straight Connector 47">
            <a:extLst>
              <a:ext uri="{FF2B5EF4-FFF2-40B4-BE49-F238E27FC236}">
                <a16:creationId xmlns:a16="http://schemas.microsoft.com/office/drawing/2014/main" id="{E7E94D71-0BDB-55AB-F36A-AEA50917FCC3}"/>
              </a:ext>
              <a:ext uri="{C183D7F6-B498-43B3-948B-1728B52AA6E4}">
                <adec:decorative xmlns:adec="http://schemas.microsoft.com/office/drawing/2017/decorative" val="1"/>
              </a:ext>
            </a:extLst>
          </p:cNvPr>
          <p:cNvCxnSpPr>
            <a:cxnSpLocks/>
          </p:cNvCxnSpPr>
          <p:nvPr/>
        </p:nvCxnSpPr>
        <p:spPr>
          <a:xfrm>
            <a:off x="3153463" y="6089135"/>
            <a:ext cx="3338777" cy="0"/>
          </a:xfrm>
          <a:prstGeom prst="line">
            <a:avLst/>
          </a:prstGeom>
          <a:ln w="12700">
            <a:solidFill>
              <a:schemeClr val="tx1"/>
            </a:solidFill>
            <a:prstDash val="dash"/>
            <a:headEnd type="none" w="med" len="med"/>
            <a:tailEnd type="diamond" w="med" len="med"/>
          </a:ln>
        </p:spPr>
        <p:style>
          <a:lnRef idx="1">
            <a:schemeClr val="accent1"/>
          </a:lnRef>
          <a:fillRef idx="0">
            <a:schemeClr val="accent1"/>
          </a:fillRef>
          <a:effectRef idx="0">
            <a:schemeClr val="accent1"/>
          </a:effectRef>
          <a:fontRef idx="minor">
            <a:schemeClr val="tx1"/>
          </a:fontRef>
        </p:style>
      </p:cxnSp>
      <p:cxnSp>
        <p:nvCxnSpPr>
          <p:cNvPr id="49" name="Straight Connector 48">
            <a:extLst>
              <a:ext uri="{FF2B5EF4-FFF2-40B4-BE49-F238E27FC236}">
                <a16:creationId xmlns:a16="http://schemas.microsoft.com/office/drawing/2014/main" id="{963FA80C-A4BA-733F-EF5A-4A6DCB4621FE}"/>
              </a:ext>
              <a:ext uri="{C183D7F6-B498-43B3-948B-1728B52AA6E4}">
                <adec:decorative xmlns:adec="http://schemas.microsoft.com/office/drawing/2017/decorative" val="1"/>
              </a:ext>
            </a:extLst>
          </p:cNvPr>
          <p:cNvCxnSpPr>
            <a:cxnSpLocks/>
          </p:cNvCxnSpPr>
          <p:nvPr/>
        </p:nvCxnSpPr>
        <p:spPr>
          <a:xfrm>
            <a:off x="3153463" y="5775198"/>
            <a:ext cx="3210761" cy="0"/>
          </a:xfrm>
          <a:prstGeom prst="line">
            <a:avLst/>
          </a:prstGeom>
          <a:ln w="12700">
            <a:solidFill>
              <a:schemeClr val="tx1"/>
            </a:solidFill>
            <a:prstDash val="dash"/>
            <a:headEnd type="none" w="med" len="med"/>
            <a:tailEnd type="diamond" w="med" len="med"/>
          </a:ln>
        </p:spPr>
        <p:style>
          <a:lnRef idx="1">
            <a:schemeClr val="accent1"/>
          </a:lnRef>
          <a:fillRef idx="0">
            <a:schemeClr val="accent1"/>
          </a:fillRef>
          <a:effectRef idx="0">
            <a:schemeClr val="accent1"/>
          </a:effectRef>
          <a:fontRef idx="minor">
            <a:schemeClr val="tx1"/>
          </a:fontRef>
        </p:style>
      </p:cxnSp>
      <p:cxnSp>
        <p:nvCxnSpPr>
          <p:cNvPr id="50" name="Straight Connector 49">
            <a:extLst>
              <a:ext uri="{FF2B5EF4-FFF2-40B4-BE49-F238E27FC236}">
                <a16:creationId xmlns:a16="http://schemas.microsoft.com/office/drawing/2014/main" id="{B018338A-B1BC-DA18-A3C8-C2AB6F098F9A}"/>
              </a:ext>
              <a:ext uri="{C183D7F6-B498-43B3-948B-1728B52AA6E4}">
                <adec:decorative xmlns:adec="http://schemas.microsoft.com/office/drawing/2017/decorative" val="1"/>
              </a:ext>
            </a:extLst>
          </p:cNvPr>
          <p:cNvCxnSpPr>
            <a:cxnSpLocks/>
          </p:cNvCxnSpPr>
          <p:nvPr/>
        </p:nvCxnSpPr>
        <p:spPr>
          <a:xfrm>
            <a:off x="3153463" y="5124488"/>
            <a:ext cx="2605757" cy="0"/>
          </a:xfrm>
          <a:prstGeom prst="line">
            <a:avLst/>
          </a:prstGeom>
          <a:ln w="12700">
            <a:solidFill>
              <a:schemeClr val="tx1"/>
            </a:solidFill>
            <a:prstDash val="dash"/>
            <a:headEnd type="none" w="med" len="med"/>
            <a:tailEnd type="diamond" w="med" len="med"/>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CA29CDE5-F89A-0FCE-85F5-12E401BCEC4F}"/>
              </a:ext>
              <a:ext uri="{C183D7F6-B498-43B3-948B-1728B52AA6E4}">
                <adec:decorative xmlns:adec="http://schemas.microsoft.com/office/drawing/2017/decorative" val="1"/>
              </a:ext>
            </a:extLst>
          </p:cNvPr>
          <p:cNvCxnSpPr>
            <a:cxnSpLocks/>
          </p:cNvCxnSpPr>
          <p:nvPr/>
        </p:nvCxnSpPr>
        <p:spPr>
          <a:xfrm>
            <a:off x="3153463" y="4803081"/>
            <a:ext cx="2605757" cy="0"/>
          </a:xfrm>
          <a:prstGeom prst="line">
            <a:avLst/>
          </a:prstGeom>
          <a:ln w="12700">
            <a:solidFill>
              <a:schemeClr val="tx1"/>
            </a:solidFill>
            <a:prstDash val="dash"/>
            <a:headEnd type="none" w="med" len="med"/>
            <a:tailEnd type="diamond" w="med" len="med"/>
          </a:ln>
        </p:spPr>
        <p:style>
          <a:lnRef idx="1">
            <a:schemeClr val="accent1"/>
          </a:lnRef>
          <a:fillRef idx="0">
            <a:schemeClr val="accent1"/>
          </a:fillRef>
          <a:effectRef idx="0">
            <a:schemeClr val="accent1"/>
          </a:effectRef>
          <a:fontRef idx="minor">
            <a:schemeClr val="tx1"/>
          </a:fontRef>
        </p:style>
      </p:cxnSp>
      <p:cxnSp>
        <p:nvCxnSpPr>
          <p:cNvPr id="53" name="Straight Connector 52">
            <a:extLst>
              <a:ext uri="{FF2B5EF4-FFF2-40B4-BE49-F238E27FC236}">
                <a16:creationId xmlns:a16="http://schemas.microsoft.com/office/drawing/2014/main" id="{16E0A4DC-CD39-B53C-77B9-448FFBA8728B}"/>
              </a:ext>
              <a:ext uri="{C183D7F6-B498-43B3-948B-1728B52AA6E4}">
                <adec:decorative xmlns:adec="http://schemas.microsoft.com/office/drawing/2017/decorative" val="1"/>
              </a:ext>
            </a:extLst>
          </p:cNvPr>
          <p:cNvCxnSpPr>
            <a:cxnSpLocks/>
          </p:cNvCxnSpPr>
          <p:nvPr/>
        </p:nvCxnSpPr>
        <p:spPr>
          <a:xfrm>
            <a:off x="3153463" y="4486109"/>
            <a:ext cx="2497529" cy="0"/>
          </a:xfrm>
          <a:prstGeom prst="line">
            <a:avLst/>
          </a:prstGeom>
          <a:ln w="12700">
            <a:solidFill>
              <a:schemeClr val="tx1"/>
            </a:solidFill>
            <a:prstDash val="dash"/>
            <a:headEnd type="none" w="med" len="med"/>
            <a:tailEnd type="diamond" w="med" len="med"/>
          </a:ln>
        </p:spPr>
        <p:style>
          <a:lnRef idx="1">
            <a:schemeClr val="accent1"/>
          </a:lnRef>
          <a:fillRef idx="0">
            <a:schemeClr val="accent1"/>
          </a:fillRef>
          <a:effectRef idx="0">
            <a:schemeClr val="accent1"/>
          </a:effectRef>
          <a:fontRef idx="minor">
            <a:schemeClr val="tx1"/>
          </a:fontRef>
        </p:style>
      </p:cxnSp>
      <p:cxnSp>
        <p:nvCxnSpPr>
          <p:cNvPr id="55" name="Connector: Elbow 54">
            <a:extLst>
              <a:ext uri="{FF2B5EF4-FFF2-40B4-BE49-F238E27FC236}">
                <a16:creationId xmlns:a16="http://schemas.microsoft.com/office/drawing/2014/main" id="{077D31B6-F38E-6AA4-3976-669A1E2D28E7}"/>
              </a:ext>
              <a:ext uri="{C183D7F6-B498-43B3-948B-1728B52AA6E4}">
                <adec:decorative xmlns:adec="http://schemas.microsoft.com/office/drawing/2017/decorative" val="1"/>
              </a:ext>
            </a:extLst>
          </p:cNvPr>
          <p:cNvCxnSpPr>
            <a:cxnSpLocks/>
          </p:cNvCxnSpPr>
          <p:nvPr/>
        </p:nvCxnSpPr>
        <p:spPr>
          <a:xfrm>
            <a:off x="3160112" y="3765520"/>
            <a:ext cx="2599108" cy="565255"/>
          </a:xfrm>
          <a:prstGeom prst="bentConnector3">
            <a:avLst/>
          </a:prstGeom>
          <a:ln w="12700">
            <a:prstDash val="dash"/>
            <a:tailEnd type="diamond"/>
          </a:ln>
        </p:spPr>
        <p:style>
          <a:lnRef idx="1">
            <a:schemeClr val="accent1"/>
          </a:lnRef>
          <a:fillRef idx="0">
            <a:schemeClr val="accent1"/>
          </a:fillRef>
          <a:effectRef idx="0">
            <a:schemeClr val="accent1"/>
          </a:effectRef>
          <a:fontRef idx="minor">
            <a:schemeClr val="tx1"/>
          </a:fontRef>
        </p:style>
      </p:cxnSp>
      <p:cxnSp>
        <p:nvCxnSpPr>
          <p:cNvPr id="56" name="Straight Connector 55">
            <a:extLst>
              <a:ext uri="{FF2B5EF4-FFF2-40B4-BE49-F238E27FC236}">
                <a16:creationId xmlns:a16="http://schemas.microsoft.com/office/drawing/2014/main" id="{F1BBEFFF-FDD9-0CA5-70FD-B8D70AB0B2AE}"/>
              </a:ext>
              <a:ext uri="{C183D7F6-B498-43B3-948B-1728B52AA6E4}">
                <adec:decorative xmlns:adec="http://schemas.microsoft.com/office/drawing/2017/decorative" val="1"/>
              </a:ext>
            </a:extLst>
          </p:cNvPr>
          <p:cNvCxnSpPr>
            <a:cxnSpLocks/>
          </p:cNvCxnSpPr>
          <p:nvPr/>
        </p:nvCxnSpPr>
        <p:spPr>
          <a:xfrm>
            <a:off x="3153463" y="3443997"/>
            <a:ext cx="2111348" cy="0"/>
          </a:xfrm>
          <a:prstGeom prst="line">
            <a:avLst/>
          </a:prstGeom>
          <a:ln w="12700">
            <a:solidFill>
              <a:schemeClr val="tx1"/>
            </a:solidFill>
            <a:prstDash val="dash"/>
            <a:headEnd type="none" w="med" len="med"/>
            <a:tailEnd type="diamond" w="med" len="med"/>
          </a:ln>
        </p:spPr>
        <p:style>
          <a:lnRef idx="1">
            <a:schemeClr val="accent1"/>
          </a:lnRef>
          <a:fillRef idx="0">
            <a:schemeClr val="accent1"/>
          </a:fillRef>
          <a:effectRef idx="0">
            <a:schemeClr val="accent1"/>
          </a:effectRef>
          <a:fontRef idx="minor">
            <a:schemeClr val="tx1"/>
          </a:fontRef>
        </p:style>
      </p:cxnSp>
      <p:cxnSp>
        <p:nvCxnSpPr>
          <p:cNvPr id="57" name="Connector: Elbow 56">
            <a:extLst>
              <a:ext uri="{FF2B5EF4-FFF2-40B4-BE49-F238E27FC236}">
                <a16:creationId xmlns:a16="http://schemas.microsoft.com/office/drawing/2014/main" id="{B3C3772E-F95C-B4CB-8FF1-C0E627DC2989}"/>
              </a:ext>
              <a:ext uri="{C183D7F6-B498-43B3-948B-1728B52AA6E4}">
                <adec:decorative xmlns:adec="http://schemas.microsoft.com/office/drawing/2017/decorative" val="1"/>
              </a:ext>
            </a:extLst>
          </p:cNvPr>
          <p:cNvCxnSpPr>
            <a:cxnSpLocks/>
          </p:cNvCxnSpPr>
          <p:nvPr/>
        </p:nvCxnSpPr>
        <p:spPr>
          <a:xfrm>
            <a:off x="3160112" y="3132795"/>
            <a:ext cx="2490880" cy="296999"/>
          </a:xfrm>
          <a:prstGeom prst="bentConnector3">
            <a:avLst>
              <a:gd name="adj1" fmla="val 100001"/>
            </a:avLst>
          </a:prstGeom>
          <a:ln w="12700">
            <a:prstDash val="dash"/>
            <a:tailEnd type="diamond"/>
          </a:ln>
        </p:spPr>
        <p:style>
          <a:lnRef idx="1">
            <a:schemeClr val="accent1"/>
          </a:lnRef>
          <a:fillRef idx="0">
            <a:schemeClr val="accent1"/>
          </a:fillRef>
          <a:effectRef idx="0">
            <a:schemeClr val="accent1"/>
          </a:effectRef>
          <a:fontRef idx="minor">
            <a:schemeClr val="tx1"/>
          </a:fontRef>
        </p:style>
      </p:cxnSp>
      <p:cxnSp>
        <p:nvCxnSpPr>
          <p:cNvPr id="61" name="Connector: Elbow 60">
            <a:extLst>
              <a:ext uri="{FF2B5EF4-FFF2-40B4-BE49-F238E27FC236}">
                <a16:creationId xmlns:a16="http://schemas.microsoft.com/office/drawing/2014/main" id="{6CBBCD27-6FA7-E406-F214-C97D5F255E3C}"/>
              </a:ext>
              <a:ext uri="{C183D7F6-B498-43B3-948B-1728B52AA6E4}">
                <adec:decorative xmlns:adec="http://schemas.microsoft.com/office/drawing/2017/decorative" val="1"/>
              </a:ext>
            </a:extLst>
          </p:cNvPr>
          <p:cNvCxnSpPr>
            <a:cxnSpLocks/>
          </p:cNvCxnSpPr>
          <p:nvPr/>
        </p:nvCxnSpPr>
        <p:spPr>
          <a:xfrm>
            <a:off x="3160112" y="2835711"/>
            <a:ext cx="2490880" cy="929809"/>
          </a:xfrm>
          <a:prstGeom prst="bentConnector3">
            <a:avLst>
              <a:gd name="adj1" fmla="val 71554"/>
            </a:avLst>
          </a:prstGeom>
          <a:ln w="12700">
            <a:prstDash val="dash"/>
            <a:tailEnd type="diamond"/>
          </a:ln>
        </p:spPr>
        <p:style>
          <a:lnRef idx="1">
            <a:schemeClr val="accent1"/>
          </a:lnRef>
          <a:fillRef idx="0">
            <a:schemeClr val="accent1"/>
          </a:fillRef>
          <a:effectRef idx="0">
            <a:schemeClr val="accent1"/>
          </a:effectRef>
          <a:fontRef idx="minor">
            <a:schemeClr val="tx1"/>
          </a:fontRef>
        </p:style>
      </p:cxnSp>
      <p:cxnSp>
        <p:nvCxnSpPr>
          <p:cNvPr id="2" name="Connector: Elbow 1">
            <a:extLst>
              <a:ext uri="{FF2B5EF4-FFF2-40B4-BE49-F238E27FC236}">
                <a16:creationId xmlns:a16="http://schemas.microsoft.com/office/drawing/2014/main" id="{AAFA37C2-6AA5-CA1A-5846-424C75AA9DBE}"/>
              </a:ext>
              <a:ext uri="{C183D7F6-B498-43B3-948B-1728B52AA6E4}">
                <adec:decorative xmlns:adec="http://schemas.microsoft.com/office/drawing/2017/decorative" val="1"/>
              </a:ext>
            </a:extLst>
          </p:cNvPr>
          <p:cNvCxnSpPr>
            <a:cxnSpLocks/>
          </p:cNvCxnSpPr>
          <p:nvPr/>
        </p:nvCxnSpPr>
        <p:spPr>
          <a:xfrm>
            <a:off x="3160112" y="2496019"/>
            <a:ext cx="3532469" cy="704100"/>
          </a:xfrm>
          <a:prstGeom prst="bentConnector3">
            <a:avLst>
              <a:gd name="adj1" fmla="val 99986"/>
            </a:avLst>
          </a:prstGeom>
          <a:ln w="12700">
            <a:prstDash val="dash"/>
            <a:tailEnd type="diamond"/>
          </a:ln>
        </p:spPr>
        <p:style>
          <a:lnRef idx="1">
            <a:schemeClr val="accent1"/>
          </a:lnRef>
          <a:fillRef idx="0">
            <a:schemeClr val="accent1"/>
          </a:fillRef>
          <a:effectRef idx="0">
            <a:schemeClr val="accent1"/>
          </a:effectRef>
          <a:fontRef idx="minor">
            <a:schemeClr val="tx1"/>
          </a:fontRef>
        </p:style>
      </p:cxnSp>
      <p:cxnSp>
        <p:nvCxnSpPr>
          <p:cNvPr id="21" name="Connector: Elbow 20">
            <a:extLst>
              <a:ext uri="{FF2B5EF4-FFF2-40B4-BE49-F238E27FC236}">
                <a16:creationId xmlns:a16="http://schemas.microsoft.com/office/drawing/2014/main" id="{18FEFA5F-3F76-C139-E1AE-31C654564F42}"/>
              </a:ext>
              <a:ext uri="{C183D7F6-B498-43B3-948B-1728B52AA6E4}">
                <adec:decorative xmlns:adec="http://schemas.microsoft.com/office/drawing/2017/decorative" val="1"/>
              </a:ext>
            </a:extLst>
          </p:cNvPr>
          <p:cNvCxnSpPr>
            <a:cxnSpLocks/>
          </p:cNvCxnSpPr>
          <p:nvPr/>
        </p:nvCxnSpPr>
        <p:spPr>
          <a:xfrm>
            <a:off x="3160112" y="4163320"/>
            <a:ext cx="4282910" cy="150861"/>
          </a:xfrm>
          <a:prstGeom prst="bentConnector3">
            <a:avLst>
              <a:gd name="adj1" fmla="val 99959"/>
            </a:avLst>
          </a:prstGeom>
          <a:ln w="12700">
            <a:prstDash val="dash"/>
            <a:tailEnd type="diamond"/>
          </a:ln>
        </p:spPr>
        <p:style>
          <a:lnRef idx="1">
            <a:schemeClr val="accent1"/>
          </a:lnRef>
          <a:fillRef idx="0">
            <a:schemeClr val="accent1"/>
          </a:fillRef>
          <a:effectRef idx="0">
            <a:schemeClr val="accent1"/>
          </a:effectRef>
          <a:fontRef idx="minor">
            <a:schemeClr val="tx1"/>
          </a:fontRef>
        </p:style>
      </p:cxnSp>
      <p:sp>
        <p:nvSpPr>
          <p:cNvPr id="32" name="Rectangle 31">
            <a:extLst>
              <a:ext uri="{FF2B5EF4-FFF2-40B4-BE49-F238E27FC236}">
                <a16:creationId xmlns:a16="http://schemas.microsoft.com/office/drawing/2014/main" id="{1483C31C-1672-89E8-F34A-F2F57F923FDC}"/>
              </a:ext>
              <a:ext uri="{C183D7F6-B498-43B3-948B-1728B52AA6E4}">
                <adec:decorative xmlns:adec="http://schemas.microsoft.com/office/drawing/2017/decorative" val="1"/>
              </a:ext>
            </a:extLst>
          </p:cNvPr>
          <p:cNvSpPr/>
          <p:nvPr/>
        </p:nvSpPr>
        <p:spPr>
          <a:xfrm>
            <a:off x="8880063" y="2099841"/>
            <a:ext cx="72000" cy="31773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8" name="Rectangle 57">
            <a:extLst>
              <a:ext uri="{FF2B5EF4-FFF2-40B4-BE49-F238E27FC236}">
                <a16:creationId xmlns:a16="http://schemas.microsoft.com/office/drawing/2014/main" id="{A938B8C9-511E-FF6C-CE67-D832F089C7B2}"/>
              </a:ext>
              <a:ext uri="{C183D7F6-B498-43B3-948B-1728B52AA6E4}">
                <adec:decorative xmlns:adec="http://schemas.microsoft.com/office/drawing/2017/decorative" val="1"/>
              </a:ext>
            </a:extLst>
          </p:cNvPr>
          <p:cNvSpPr/>
          <p:nvPr/>
        </p:nvSpPr>
        <p:spPr>
          <a:xfrm>
            <a:off x="8880063" y="2491114"/>
            <a:ext cx="72000" cy="317732"/>
          </a:xfrm>
          <a:prstGeom prst="rect">
            <a:avLst/>
          </a:prstGeom>
          <a:solidFill>
            <a:schemeClr val="accent2">
              <a:alpha val="7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59" name="Rectangle 58">
            <a:extLst>
              <a:ext uri="{FF2B5EF4-FFF2-40B4-BE49-F238E27FC236}">
                <a16:creationId xmlns:a16="http://schemas.microsoft.com/office/drawing/2014/main" id="{807C4098-2009-E356-E878-7FBD0A2A9515}"/>
              </a:ext>
              <a:ext uri="{C183D7F6-B498-43B3-948B-1728B52AA6E4}">
                <adec:decorative xmlns:adec="http://schemas.microsoft.com/office/drawing/2017/decorative" val="1"/>
              </a:ext>
            </a:extLst>
          </p:cNvPr>
          <p:cNvSpPr/>
          <p:nvPr/>
        </p:nvSpPr>
        <p:spPr>
          <a:xfrm>
            <a:off x="8880063" y="2882387"/>
            <a:ext cx="72000" cy="317732"/>
          </a:xfrm>
          <a:prstGeom prst="rect">
            <a:avLst/>
          </a:prstGeom>
          <a:solidFill>
            <a:srgbClr val="CDEC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60" name="Rectangle 59">
            <a:extLst>
              <a:ext uri="{FF2B5EF4-FFF2-40B4-BE49-F238E27FC236}">
                <a16:creationId xmlns:a16="http://schemas.microsoft.com/office/drawing/2014/main" id="{8AB28F48-C663-F8D6-2592-33E705EDC4E4}"/>
              </a:ext>
              <a:ext uri="{C183D7F6-B498-43B3-948B-1728B52AA6E4}">
                <adec:decorative xmlns:adec="http://schemas.microsoft.com/office/drawing/2017/decorative" val="1"/>
              </a:ext>
            </a:extLst>
          </p:cNvPr>
          <p:cNvSpPr/>
          <p:nvPr/>
        </p:nvSpPr>
        <p:spPr>
          <a:xfrm>
            <a:off x="8880063" y="3263027"/>
            <a:ext cx="72000" cy="317732"/>
          </a:xfrm>
          <a:prstGeom prst="rect">
            <a:avLst/>
          </a:prstGeom>
          <a:solidFill>
            <a:schemeClr val="accent2">
              <a:alpha val="20000"/>
            </a:schemeClr>
          </a:solidFill>
          <a:ln>
            <a:solidFill>
              <a:srgbClr val="024D78"/>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62" name="Rectangle 61">
            <a:extLst>
              <a:ext uri="{FF2B5EF4-FFF2-40B4-BE49-F238E27FC236}">
                <a16:creationId xmlns:a16="http://schemas.microsoft.com/office/drawing/2014/main" id="{DEE4795A-D26C-C89C-ADF9-4458EF758E85}"/>
              </a:ext>
              <a:ext uri="{C183D7F6-B498-43B3-948B-1728B52AA6E4}">
                <adec:decorative xmlns:adec="http://schemas.microsoft.com/office/drawing/2017/decorative" val="1"/>
              </a:ext>
            </a:extLst>
          </p:cNvPr>
          <p:cNvSpPr/>
          <p:nvPr/>
        </p:nvSpPr>
        <p:spPr>
          <a:xfrm>
            <a:off x="8880063" y="3664933"/>
            <a:ext cx="72000" cy="317732"/>
          </a:xfrm>
          <a:prstGeom prst="rect">
            <a:avLst/>
          </a:prstGeom>
          <a:solidFill>
            <a:srgbClr val="FFE18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63" name="Rectangle 62">
            <a:extLst>
              <a:ext uri="{FF2B5EF4-FFF2-40B4-BE49-F238E27FC236}">
                <a16:creationId xmlns:a16="http://schemas.microsoft.com/office/drawing/2014/main" id="{C7CD11C0-D9EE-4ED6-5829-18BD8ED854C3}"/>
              </a:ext>
              <a:ext uri="{C183D7F6-B498-43B3-948B-1728B52AA6E4}">
                <adec:decorative xmlns:adec="http://schemas.microsoft.com/office/drawing/2017/decorative" val="1"/>
              </a:ext>
            </a:extLst>
          </p:cNvPr>
          <p:cNvSpPr/>
          <p:nvPr/>
        </p:nvSpPr>
        <p:spPr>
          <a:xfrm>
            <a:off x="8880063" y="4056206"/>
            <a:ext cx="72000" cy="317732"/>
          </a:xfrm>
          <a:prstGeom prst="rect">
            <a:avLst/>
          </a:prstGeom>
          <a:solidFill>
            <a:schemeClr val="tx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64" name="Rectangle 63">
            <a:extLst>
              <a:ext uri="{FF2B5EF4-FFF2-40B4-BE49-F238E27FC236}">
                <a16:creationId xmlns:a16="http://schemas.microsoft.com/office/drawing/2014/main" id="{0C8CE529-7B12-1989-56AF-C05660D56E53}"/>
              </a:ext>
              <a:ext uri="{C183D7F6-B498-43B3-948B-1728B52AA6E4}">
                <adec:decorative xmlns:adec="http://schemas.microsoft.com/office/drawing/2017/decorative" val="1"/>
              </a:ext>
            </a:extLst>
          </p:cNvPr>
          <p:cNvSpPr/>
          <p:nvPr/>
        </p:nvSpPr>
        <p:spPr>
          <a:xfrm>
            <a:off x="8880063" y="4447480"/>
            <a:ext cx="72000" cy="317732"/>
          </a:xfrm>
          <a:prstGeom prst="rect">
            <a:avLst/>
          </a:prstGeom>
          <a:solidFill>
            <a:schemeClr val="bg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65" name="Rectangle 64">
            <a:extLst>
              <a:ext uri="{FF2B5EF4-FFF2-40B4-BE49-F238E27FC236}">
                <a16:creationId xmlns:a16="http://schemas.microsoft.com/office/drawing/2014/main" id="{49514910-33ED-B333-6404-A5FF31CEC3D1}"/>
              </a:ext>
              <a:ext uri="{C183D7F6-B498-43B3-948B-1728B52AA6E4}">
                <adec:decorative xmlns:adec="http://schemas.microsoft.com/office/drawing/2017/decorative" val="1"/>
              </a:ext>
            </a:extLst>
          </p:cNvPr>
          <p:cNvSpPr/>
          <p:nvPr/>
        </p:nvSpPr>
        <p:spPr>
          <a:xfrm>
            <a:off x="8880063" y="4838754"/>
            <a:ext cx="72000" cy="317732"/>
          </a:xfrm>
          <a:prstGeom prst="rect">
            <a:avLst/>
          </a:prstGeom>
          <a:solidFill>
            <a:srgbClr val="002060">
              <a:alpha val="7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67" name="Rectangle 66">
            <a:extLst>
              <a:ext uri="{FF2B5EF4-FFF2-40B4-BE49-F238E27FC236}">
                <a16:creationId xmlns:a16="http://schemas.microsoft.com/office/drawing/2014/main" id="{2F7C9BDF-5359-6674-0C2B-7520D03A9F6E}"/>
              </a:ext>
              <a:ext uri="{C183D7F6-B498-43B3-948B-1728B52AA6E4}">
                <adec:decorative xmlns:adec="http://schemas.microsoft.com/office/drawing/2017/decorative" val="1"/>
              </a:ext>
            </a:extLst>
          </p:cNvPr>
          <p:cNvSpPr/>
          <p:nvPr/>
        </p:nvSpPr>
        <p:spPr>
          <a:xfrm>
            <a:off x="8880063" y="5230028"/>
            <a:ext cx="72000" cy="317732"/>
          </a:xfrm>
          <a:prstGeom prst="rect">
            <a:avLst/>
          </a:prstGeom>
          <a:solidFill>
            <a:srgbClr val="00206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68" name="Rectangle 67">
            <a:extLst>
              <a:ext uri="{FF2B5EF4-FFF2-40B4-BE49-F238E27FC236}">
                <a16:creationId xmlns:a16="http://schemas.microsoft.com/office/drawing/2014/main" id="{33231BB1-3A44-24D2-1B13-879FC8D80221}"/>
              </a:ext>
              <a:ext uri="{C183D7F6-B498-43B3-948B-1728B52AA6E4}">
                <adec:decorative xmlns:adec="http://schemas.microsoft.com/office/drawing/2017/decorative" val="1"/>
              </a:ext>
            </a:extLst>
          </p:cNvPr>
          <p:cNvSpPr/>
          <p:nvPr/>
        </p:nvSpPr>
        <p:spPr>
          <a:xfrm>
            <a:off x="8880063" y="5621302"/>
            <a:ext cx="72000" cy="317732"/>
          </a:xfrm>
          <a:prstGeom prst="rect">
            <a:avLst/>
          </a:prstGeom>
          <a:solidFill>
            <a:srgbClr val="F3D3D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69" name="Rectangle 68">
            <a:extLst>
              <a:ext uri="{FF2B5EF4-FFF2-40B4-BE49-F238E27FC236}">
                <a16:creationId xmlns:a16="http://schemas.microsoft.com/office/drawing/2014/main" id="{CCE010E3-56D7-9D46-E10B-96E797C4ADA7}"/>
              </a:ext>
              <a:ext uri="{C183D7F6-B498-43B3-948B-1728B52AA6E4}">
                <adec:decorative xmlns:adec="http://schemas.microsoft.com/office/drawing/2017/decorative" val="1"/>
              </a:ext>
            </a:extLst>
          </p:cNvPr>
          <p:cNvSpPr/>
          <p:nvPr/>
        </p:nvSpPr>
        <p:spPr>
          <a:xfrm>
            <a:off x="8880063" y="6012576"/>
            <a:ext cx="72000" cy="317732"/>
          </a:xfrm>
          <a:prstGeom prst="rect">
            <a:avLst/>
          </a:prstGeom>
          <a:solidFill>
            <a:srgbClr val="F3809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grpSp>
        <p:nvGrpSpPr>
          <p:cNvPr id="134" name="Group 133">
            <a:extLst>
              <a:ext uri="{FF2B5EF4-FFF2-40B4-BE49-F238E27FC236}">
                <a16:creationId xmlns:a16="http://schemas.microsoft.com/office/drawing/2014/main" id="{5714B072-9AC7-265B-C223-EB572B7D6C5D}"/>
              </a:ext>
              <a:ext uri="{C183D7F6-B498-43B3-948B-1728B52AA6E4}">
                <adec:decorative xmlns:adec="http://schemas.microsoft.com/office/drawing/2017/decorative" val="1"/>
              </a:ext>
            </a:extLst>
          </p:cNvPr>
          <p:cNvGrpSpPr/>
          <p:nvPr/>
        </p:nvGrpSpPr>
        <p:grpSpPr>
          <a:xfrm>
            <a:off x="9065131" y="5226999"/>
            <a:ext cx="343190" cy="357397"/>
            <a:chOff x="11483284" y="2817221"/>
            <a:chExt cx="343190" cy="357397"/>
          </a:xfrm>
        </p:grpSpPr>
        <p:pic>
          <p:nvPicPr>
            <p:cNvPr id="135" name="Graphic 134">
              <a:extLst>
                <a:ext uri="{FF2B5EF4-FFF2-40B4-BE49-F238E27FC236}">
                  <a16:creationId xmlns:a16="http://schemas.microsoft.com/office/drawing/2014/main" id="{BD751B6D-685C-EE93-E489-26479D007B9E}"/>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483284" y="2817221"/>
              <a:ext cx="343190" cy="228794"/>
            </a:xfrm>
            <a:prstGeom prst="rect">
              <a:avLst/>
            </a:prstGeom>
            <a:effectLst>
              <a:outerShdw blurRad="50800" dist="38100" dir="2700000" algn="tl" rotWithShape="0">
                <a:prstClr val="black">
                  <a:alpha val="40000"/>
                </a:prstClr>
              </a:outerShdw>
            </a:effectLst>
          </p:spPr>
        </p:pic>
        <p:sp>
          <p:nvSpPr>
            <p:cNvPr id="136" name="TextBox 135">
              <a:extLst>
                <a:ext uri="{FF2B5EF4-FFF2-40B4-BE49-F238E27FC236}">
                  <a16:creationId xmlns:a16="http://schemas.microsoft.com/office/drawing/2014/main" id="{441DBB9A-1121-015E-354D-DDC9F670F703}"/>
                </a:ext>
              </a:extLst>
            </p:cNvPr>
            <p:cNvSpPr txBox="1"/>
            <p:nvPr/>
          </p:nvSpPr>
          <p:spPr>
            <a:xfrm>
              <a:off x="11483284" y="3015672"/>
              <a:ext cx="343190" cy="158946"/>
            </a:xfrm>
            <a:prstGeom prst="rect">
              <a:avLst/>
            </a:prstGeom>
            <a:noFill/>
          </p:spPr>
          <p:txBody>
            <a:bodyPr wrap="square" rtlCol="0">
              <a:noAutofit/>
            </a:bodyPr>
            <a:lstStyle/>
            <a:p>
              <a:pPr algn="ctr"/>
              <a:r>
                <a:rPr lang="da-DK" sz="500" noProof="0"/>
                <a:t>USA</a:t>
              </a:r>
            </a:p>
          </p:txBody>
        </p:sp>
      </p:grpSp>
      <p:grpSp>
        <p:nvGrpSpPr>
          <p:cNvPr id="143" name="Group 142">
            <a:extLst>
              <a:ext uri="{FF2B5EF4-FFF2-40B4-BE49-F238E27FC236}">
                <a16:creationId xmlns:a16="http://schemas.microsoft.com/office/drawing/2014/main" id="{1BE6F7CE-A49B-485E-843A-C140B0D327A0}"/>
              </a:ext>
              <a:ext uri="{C183D7F6-B498-43B3-948B-1728B52AA6E4}">
                <adec:decorative xmlns:adec="http://schemas.microsoft.com/office/drawing/2017/decorative" val="1"/>
              </a:ext>
            </a:extLst>
          </p:cNvPr>
          <p:cNvGrpSpPr/>
          <p:nvPr/>
        </p:nvGrpSpPr>
        <p:grpSpPr>
          <a:xfrm>
            <a:off x="9556076" y="5226999"/>
            <a:ext cx="343192" cy="355124"/>
            <a:chOff x="11486144" y="3613571"/>
            <a:chExt cx="343192" cy="355124"/>
          </a:xfrm>
        </p:grpSpPr>
        <p:pic>
          <p:nvPicPr>
            <p:cNvPr id="144" name="Graphic 143">
              <a:extLst>
                <a:ext uri="{FF2B5EF4-FFF2-40B4-BE49-F238E27FC236}">
                  <a16:creationId xmlns:a16="http://schemas.microsoft.com/office/drawing/2014/main" id="{48C1BCEA-D2DF-896A-3718-831A9579255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1486144" y="3613571"/>
              <a:ext cx="343192" cy="228795"/>
            </a:xfrm>
            <a:prstGeom prst="rect">
              <a:avLst/>
            </a:prstGeom>
            <a:effectLst>
              <a:outerShdw blurRad="50800" dist="38100" dir="2700000" algn="tl" rotWithShape="0">
                <a:prstClr val="black">
                  <a:alpha val="40000"/>
                </a:prstClr>
              </a:outerShdw>
            </a:effectLst>
          </p:spPr>
        </p:pic>
        <p:sp>
          <p:nvSpPr>
            <p:cNvPr id="145" name="TextBox 144">
              <a:extLst>
                <a:ext uri="{FF2B5EF4-FFF2-40B4-BE49-F238E27FC236}">
                  <a16:creationId xmlns:a16="http://schemas.microsoft.com/office/drawing/2014/main" id="{B83158D1-13C2-B932-DE6B-6FD332978809}"/>
                </a:ext>
              </a:extLst>
            </p:cNvPr>
            <p:cNvSpPr txBox="1"/>
            <p:nvPr/>
          </p:nvSpPr>
          <p:spPr>
            <a:xfrm>
              <a:off x="11486145" y="3809749"/>
              <a:ext cx="343190" cy="158946"/>
            </a:xfrm>
            <a:prstGeom prst="rect">
              <a:avLst/>
            </a:prstGeom>
            <a:noFill/>
          </p:spPr>
          <p:txBody>
            <a:bodyPr wrap="square" rtlCol="0">
              <a:noAutofit/>
            </a:bodyPr>
            <a:lstStyle/>
            <a:p>
              <a:pPr algn="ctr"/>
              <a:r>
                <a:rPr lang="da-DK" sz="500" noProof="0"/>
                <a:t>EU</a:t>
              </a:r>
            </a:p>
          </p:txBody>
        </p:sp>
      </p:grpSp>
      <p:grpSp>
        <p:nvGrpSpPr>
          <p:cNvPr id="14" name="Group 13">
            <a:extLst>
              <a:ext uri="{FF2B5EF4-FFF2-40B4-BE49-F238E27FC236}">
                <a16:creationId xmlns:a16="http://schemas.microsoft.com/office/drawing/2014/main" id="{3CC2E39E-7786-B6AD-515D-C63EB7FB4E52}"/>
              </a:ext>
              <a:ext uri="{C183D7F6-B498-43B3-948B-1728B52AA6E4}">
                <adec:decorative xmlns:adec="http://schemas.microsoft.com/office/drawing/2017/decorative" val="1"/>
              </a:ext>
            </a:extLst>
          </p:cNvPr>
          <p:cNvGrpSpPr/>
          <p:nvPr/>
        </p:nvGrpSpPr>
        <p:grpSpPr>
          <a:xfrm>
            <a:off x="9556076" y="4847846"/>
            <a:ext cx="343192" cy="355124"/>
            <a:chOff x="11486144" y="3613571"/>
            <a:chExt cx="343192" cy="355124"/>
          </a:xfrm>
        </p:grpSpPr>
        <p:pic>
          <p:nvPicPr>
            <p:cNvPr id="15" name="Graphic 14">
              <a:extLst>
                <a:ext uri="{FF2B5EF4-FFF2-40B4-BE49-F238E27FC236}">
                  <a16:creationId xmlns:a16="http://schemas.microsoft.com/office/drawing/2014/main" id="{C3040923-589D-2109-7328-462713F7CCCA}"/>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1486144" y="3613571"/>
              <a:ext cx="343192" cy="228795"/>
            </a:xfrm>
            <a:prstGeom prst="rect">
              <a:avLst/>
            </a:prstGeom>
            <a:effectLst>
              <a:outerShdw blurRad="50800" dist="38100" dir="2700000" algn="tl" rotWithShape="0">
                <a:prstClr val="black">
                  <a:alpha val="40000"/>
                </a:prstClr>
              </a:outerShdw>
            </a:effectLst>
          </p:spPr>
        </p:pic>
        <p:sp>
          <p:nvSpPr>
            <p:cNvPr id="17" name="TextBox 16">
              <a:extLst>
                <a:ext uri="{FF2B5EF4-FFF2-40B4-BE49-F238E27FC236}">
                  <a16:creationId xmlns:a16="http://schemas.microsoft.com/office/drawing/2014/main" id="{4A4E738E-1371-6C89-5435-7151D5DC90DB}"/>
                </a:ext>
              </a:extLst>
            </p:cNvPr>
            <p:cNvSpPr txBox="1"/>
            <p:nvPr/>
          </p:nvSpPr>
          <p:spPr>
            <a:xfrm>
              <a:off x="11486145" y="3809749"/>
              <a:ext cx="343190" cy="158946"/>
            </a:xfrm>
            <a:prstGeom prst="rect">
              <a:avLst/>
            </a:prstGeom>
            <a:noFill/>
          </p:spPr>
          <p:txBody>
            <a:bodyPr wrap="square" rtlCol="0">
              <a:noAutofit/>
            </a:bodyPr>
            <a:lstStyle/>
            <a:p>
              <a:pPr algn="ctr"/>
              <a:r>
                <a:rPr lang="da-DK" sz="500" noProof="0"/>
                <a:t>EU</a:t>
              </a:r>
            </a:p>
          </p:txBody>
        </p:sp>
      </p:grpSp>
      <p:grpSp>
        <p:nvGrpSpPr>
          <p:cNvPr id="140" name="Group 139">
            <a:extLst>
              <a:ext uri="{FF2B5EF4-FFF2-40B4-BE49-F238E27FC236}">
                <a16:creationId xmlns:a16="http://schemas.microsoft.com/office/drawing/2014/main" id="{099803AA-8790-D278-A82E-0AF7705EE5BA}"/>
              </a:ext>
              <a:ext uri="{C183D7F6-B498-43B3-948B-1728B52AA6E4}">
                <adec:decorative xmlns:adec="http://schemas.microsoft.com/office/drawing/2017/decorative" val="1"/>
              </a:ext>
            </a:extLst>
          </p:cNvPr>
          <p:cNvGrpSpPr/>
          <p:nvPr/>
        </p:nvGrpSpPr>
        <p:grpSpPr>
          <a:xfrm>
            <a:off x="9544897" y="2863095"/>
            <a:ext cx="343192" cy="355124"/>
            <a:chOff x="11486144" y="3613571"/>
            <a:chExt cx="343192" cy="355124"/>
          </a:xfrm>
        </p:grpSpPr>
        <p:pic>
          <p:nvPicPr>
            <p:cNvPr id="141" name="Graphic 140">
              <a:extLst>
                <a:ext uri="{FF2B5EF4-FFF2-40B4-BE49-F238E27FC236}">
                  <a16:creationId xmlns:a16="http://schemas.microsoft.com/office/drawing/2014/main" id="{D5DF5AA4-82D6-07C6-BBD2-BE575193602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1486144" y="3613571"/>
              <a:ext cx="343192" cy="228795"/>
            </a:xfrm>
            <a:prstGeom prst="rect">
              <a:avLst/>
            </a:prstGeom>
            <a:effectLst>
              <a:outerShdw blurRad="50800" dist="38100" dir="2700000" algn="tl" rotWithShape="0">
                <a:prstClr val="black">
                  <a:alpha val="40000"/>
                </a:prstClr>
              </a:outerShdw>
            </a:effectLst>
          </p:spPr>
        </p:pic>
        <p:sp>
          <p:nvSpPr>
            <p:cNvPr id="142" name="TextBox 141">
              <a:extLst>
                <a:ext uri="{FF2B5EF4-FFF2-40B4-BE49-F238E27FC236}">
                  <a16:creationId xmlns:a16="http://schemas.microsoft.com/office/drawing/2014/main" id="{EAF7576C-ABF9-2889-FA9B-059817241F4B}"/>
                </a:ext>
              </a:extLst>
            </p:cNvPr>
            <p:cNvSpPr txBox="1"/>
            <p:nvPr/>
          </p:nvSpPr>
          <p:spPr>
            <a:xfrm>
              <a:off x="11486145" y="3809749"/>
              <a:ext cx="343190" cy="158946"/>
            </a:xfrm>
            <a:prstGeom prst="rect">
              <a:avLst/>
            </a:prstGeom>
            <a:noFill/>
          </p:spPr>
          <p:txBody>
            <a:bodyPr wrap="square" rtlCol="0">
              <a:noAutofit/>
            </a:bodyPr>
            <a:lstStyle/>
            <a:p>
              <a:pPr algn="ctr"/>
              <a:r>
                <a:rPr lang="da-DK" sz="500" noProof="0"/>
                <a:t>EU</a:t>
              </a:r>
            </a:p>
          </p:txBody>
        </p:sp>
      </p:grpSp>
      <p:grpSp>
        <p:nvGrpSpPr>
          <p:cNvPr id="215" name="Group 214">
            <a:extLst>
              <a:ext uri="{FF2B5EF4-FFF2-40B4-BE49-F238E27FC236}">
                <a16:creationId xmlns:a16="http://schemas.microsoft.com/office/drawing/2014/main" id="{12E31F31-9A9C-97E0-2ACA-FCC6D2150162}"/>
              </a:ext>
              <a:ext uri="{C183D7F6-B498-43B3-948B-1728B52AA6E4}">
                <adec:decorative xmlns:adec="http://schemas.microsoft.com/office/drawing/2017/decorative" val="1"/>
              </a:ext>
            </a:extLst>
          </p:cNvPr>
          <p:cNvGrpSpPr/>
          <p:nvPr/>
        </p:nvGrpSpPr>
        <p:grpSpPr>
          <a:xfrm>
            <a:off x="9528644" y="2103368"/>
            <a:ext cx="343192" cy="355124"/>
            <a:chOff x="11486144" y="3613571"/>
            <a:chExt cx="343192" cy="355124"/>
          </a:xfrm>
        </p:grpSpPr>
        <p:pic>
          <p:nvPicPr>
            <p:cNvPr id="216" name="Graphic 215">
              <a:extLst>
                <a:ext uri="{FF2B5EF4-FFF2-40B4-BE49-F238E27FC236}">
                  <a16:creationId xmlns:a16="http://schemas.microsoft.com/office/drawing/2014/main" id="{30BC79A3-4C5B-921C-A37C-12C7790247F1}"/>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1486144" y="3613571"/>
              <a:ext cx="343192" cy="228795"/>
            </a:xfrm>
            <a:prstGeom prst="rect">
              <a:avLst/>
            </a:prstGeom>
            <a:effectLst>
              <a:outerShdw blurRad="50800" dist="38100" dir="2700000" algn="tl" rotWithShape="0">
                <a:prstClr val="black">
                  <a:alpha val="40000"/>
                </a:prstClr>
              </a:outerShdw>
            </a:effectLst>
          </p:spPr>
        </p:pic>
        <p:sp>
          <p:nvSpPr>
            <p:cNvPr id="217" name="TextBox 216">
              <a:extLst>
                <a:ext uri="{FF2B5EF4-FFF2-40B4-BE49-F238E27FC236}">
                  <a16:creationId xmlns:a16="http://schemas.microsoft.com/office/drawing/2014/main" id="{018C5BBA-DB43-FDC5-83D9-05BEE9B4D629}"/>
                </a:ext>
              </a:extLst>
            </p:cNvPr>
            <p:cNvSpPr txBox="1"/>
            <p:nvPr/>
          </p:nvSpPr>
          <p:spPr>
            <a:xfrm>
              <a:off x="11486145" y="3809749"/>
              <a:ext cx="343190" cy="158946"/>
            </a:xfrm>
            <a:prstGeom prst="rect">
              <a:avLst/>
            </a:prstGeom>
            <a:noFill/>
          </p:spPr>
          <p:txBody>
            <a:bodyPr wrap="square" rtlCol="0">
              <a:noAutofit/>
            </a:bodyPr>
            <a:lstStyle/>
            <a:p>
              <a:pPr algn="ctr"/>
              <a:r>
                <a:rPr lang="da-DK" sz="500" noProof="0"/>
                <a:t>EU</a:t>
              </a:r>
            </a:p>
          </p:txBody>
        </p:sp>
      </p:grpSp>
      <p:sp>
        <p:nvSpPr>
          <p:cNvPr id="250" name="Rectangle 249">
            <a:extLst>
              <a:ext uri="{FF2B5EF4-FFF2-40B4-BE49-F238E27FC236}">
                <a16:creationId xmlns:a16="http://schemas.microsoft.com/office/drawing/2014/main" id="{E88DEC20-7EA6-5C2E-A4AB-4A1A91C325AE}"/>
              </a:ext>
              <a:ext uri="{C183D7F6-B498-43B3-948B-1728B52AA6E4}">
                <adec:decorative xmlns:adec="http://schemas.microsoft.com/office/drawing/2017/decorative" val="0"/>
              </a:ext>
            </a:extLst>
          </p:cNvPr>
          <p:cNvSpPr/>
          <p:nvPr/>
        </p:nvSpPr>
        <p:spPr>
          <a:xfrm>
            <a:off x="8786475" y="6351576"/>
            <a:ext cx="2994195" cy="44349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da-DK" sz="800" i="1" noProof="0">
                <a:solidFill>
                  <a:schemeClr val="tx1"/>
                </a:solidFill>
              </a:rPr>
              <a:t>*Illustrationen viser lande, som dominerer de forskellige lag i teknologistakken set ud fra et dansk perspektiv. Modellen er inspireret af analyser og visualiseringer fra </a:t>
            </a:r>
            <a:r>
              <a:rPr lang="da-DK" sz="800" i="1" noProof="0" err="1">
                <a:solidFill>
                  <a:schemeClr val="tx1"/>
                </a:solidFill>
              </a:rPr>
              <a:t>Eurostack</a:t>
            </a:r>
            <a:r>
              <a:rPr lang="da-DK" sz="800" i="1" noProof="0">
                <a:solidFill>
                  <a:schemeClr val="tx1"/>
                </a:solidFill>
              </a:rPr>
              <a:t>. </a:t>
            </a:r>
          </a:p>
        </p:txBody>
      </p:sp>
      <p:sp>
        <p:nvSpPr>
          <p:cNvPr id="78" name="Rectangle 77">
            <a:extLst>
              <a:ext uri="{FF2B5EF4-FFF2-40B4-BE49-F238E27FC236}">
                <a16:creationId xmlns:a16="http://schemas.microsoft.com/office/drawing/2014/main" id="{C44CF020-CECE-0AF5-E202-093B3E76C18C}"/>
              </a:ext>
              <a:ext uri="{C183D7F6-B498-43B3-948B-1728B52AA6E4}">
                <adec:decorative xmlns:adec="http://schemas.microsoft.com/office/drawing/2017/decorative" val="1"/>
              </a:ext>
            </a:extLst>
          </p:cNvPr>
          <p:cNvSpPr/>
          <p:nvPr/>
        </p:nvSpPr>
        <p:spPr>
          <a:xfrm>
            <a:off x="10571716" y="2089274"/>
            <a:ext cx="1138820" cy="328300"/>
          </a:xfrm>
          <a:prstGeom prst="rect">
            <a:avLst/>
          </a:prstGeom>
          <a:solidFill>
            <a:srgbClr val="7030A0">
              <a:alpha val="10000"/>
            </a:srgbClr>
          </a:solidFill>
          <a:ln w="12700">
            <a:solidFill>
              <a:srgbClr val="024D78"/>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700" i="1" noProof="0">
                <a:solidFill>
                  <a:schemeClr val="tx1"/>
                </a:solidFill>
              </a:rPr>
              <a:t>Styrkeposition, dog uden international dominans</a:t>
            </a:r>
          </a:p>
        </p:txBody>
      </p:sp>
      <p:sp>
        <p:nvSpPr>
          <p:cNvPr id="223" name="Rectangle 222">
            <a:extLst>
              <a:ext uri="{FF2B5EF4-FFF2-40B4-BE49-F238E27FC236}">
                <a16:creationId xmlns:a16="http://schemas.microsoft.com/office/drawing/2014/main" id="{F3B42EC8-35B4-17F6-84E8-836F7BA6E416}"/>
              </a:ext>
              <a:ext uri="{C183D7F6-B498-43B3-948B-1728B52AA6E4}">
                <adec:decorative xmlns:adec="http://schemas.microsoft.com/office/drawing/2017/decorative" val="1"/>
              </a:ext>
            </a:extLst>
          </p:cNvPr>
          <p:cNvSpPr/>
          <p:nvPr/>
        </p:nvSpPr>
        <p:spPr>
          <a:xfrm>
            <a:off x="10444072" y="3667515"/>
            <a:ext cx="424281" cy="352950"/>
          </a:xfrm>
          <a:prstGeom prst="rect">
            <a:avLst/>
          </a:prstGeom>
          <a:solidFill>
            <a:srgbClr val="7030A0">
              <a:alpha val="10000"/>
            </a:srgbClr>
          </a:solidFill>
          <a:ln w="12700">
            <a:solidFill>
              <a:srgbClr val="024D78"/>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
        <p:nvSpPr>
          <p:cNvPr id="225" name="Rectangle 224">
            <a:extLst>
              <a:ext uri="{FF2B5EF4-FFF2-40B4-BE49-F238E27FC236}">
                <a16:creationId xmlns:a16="http://schemas.microsoft.com/office/drawing/2014/main" id="{897A3A9A-C6B2-C0C6-83EB-D4E174777FEC}"/>
              </a:ext>
              <a:ext uri="{C183D7F6-B498-43B3-948B-1728B52AA6E4}">
                <adec:decorative xmlns:adec="http://schemas.microsoft.com/office/drawing/2017/decorative" val="1"/>
              </a:ext>
            </a:extLst>
          </p:cNvPr>
          <p:cNvSpPr/>
          <p:nvPr/>
        </p:nvSpPr>
        <p:spPr>
          <a:xfrm>
            <a:off x="9518580" y="5207127"/>
            <a:ext cx="424281" cy="331598"/>
          </a:xfrm>
          <a:prstGeom prst="rect">
            <a:avLst/>
          </a:prstGeom>
          <a:solidFill>
            <a:srgbClr val="7030A0">
              <a:alpha val="10000"/>
            </a:srgbClr>
          </a:solidFill>
          <a:ln w="12700">
            <a:solidFill>
              <a:srgbClr val="024D78"/>
            </a:solidFill>
            <a:prstDash val="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400" noProof="0"/>
          </a:p>
        </p:txBody>
      </p:sp>
    </p:spTree>
    <p:extLst>
      <p:ext uri="{BB962C8B-B14F-4D97-AF65-F5344CB8AC3E}">
        <p14:creationId xmlns:p14="http://schemas.microsoft.com/office/powerpoint/2010/main" val="29716570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4334613-086F-633F-75FA-4474D2C3BDF3}"/>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07AEEB5C-7B18-EA68-2BC0-67FBC317E002}"/>
              </a:ext>
            </a:extLst>
          </p:cNvPr>
          <p:cNvSpPr>
            <a:spLocks noGrp="1"/>
          </p:cNvSpPr>
          <p:nvPr>
            <p:ph type="title"/>
          </p:nvPr>
        </p:nvSpPr>
        <p:spPr/>
        <p:txBody>
          <a:bodyPr/>
          <a:lstStyle/>
          <a:p>
            <a:r>
              <a:rPr lang="da-DK" sz="2200" noProof="0"/>
              <a:t>Open source er et centralt begreb i analysen, og det er afgørende at skabe en tydelig forståelse af, hvad begrebet omfatter </a:t>
            </a:r>
          </a:p>
        </p:txBody>
      </p:sp>
      <p:sp>
        <p:nvSpPr>
          <p:cNvPr id="12" name="TextBox 11">
            <a:extLst>
              <a:ext uri="{FF2B5EF4-FFF2-40B4-BE49-F238E27FC236}">
                <a16:creationId xmlns:a16="http://schemas.microsoft.com/office/drawing/2014/main" id="{F2E4FEE4-576B-6C78-032F-E8DF66576DF6}"/>
              </a:ext>
            </a:extLst>
          </p:cNvPr>
          <p:cNvSpPr txBox="1"/>
          <p:nvPr/>
        </p:nvSpPr>
        <p:spPr>
          <a:xfrm>
            <a:off x="554354" y="1547581"/>
            <a:ext cx="11118721" cy="461665"/>
          </a:xfrm>
          <a:prstGeom prst="rect">
            <a:avLst/>
          </a:prstGeom>
          <a:noFill/>
        </p:spPr>
        <p:txBody>
          <a:bodyPr wrap="square" lIns="0" rIns="0">
            <a:spAutoFit/>
          </a:bodyPr>
          <a:lstStyle/>
          <a:p>
            <a:r>
              <a:rPr lang="da-DK" sz="1200" b="1" noProof="0" dirty="0">
                <a:solidFill>
                  <a:schemeClr val="accent3"/>
                </a:solidFill>
              </a:rPr>
              <a:t>Open source-software (OSS) er et gennemgående begreb i analysen og derfor introduceres begrebet nedenfor for at sikre en tydelig forståelse af heraf. Begrebsforståelsen er baseret på Digitaliseringsstyrelsens publikation om ”Open source i den offentlige sektor” (2025). </a:t>
            </a:r>
          </a:p>
        </p:txBody>
      </p:sp>
      <p:sp>
        <p:nvSpPr>
          <p:cNvPr id="6" name="Round Same-side Corner of Rectangle 6">
            <a:extLst>
              <a:ext uri="{FF2B5EF4-FFF2-40B4-BE49-F238E27FC236}">
                <a16:creationId xmlns:a16="http://schemas.microsoft.com/office/drawing/2014/main" id="{0CA71968-3148-4361-6E1D-108382EB8D32}"/>
              </a:ext>
            </a:extLst>
          </p:cNvPr>
          <p:cNvSpPr>
            <a:spLocks/>
          </p:cNvSpPr>
          <p:nvPr/>
        </p:nvSpPr>
        <p:spPr>
          <a:xfrm>
            <a:off x="552449" y="2107244"/>
            <a:ext cx="5300593" cy="224476"/>
          </a:xfrm>
          <a:prstGeom prst="round2Same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a:solidFill>
                  <a:schemeClr val="bg1"/>
                </a:solidFill>
              </a:rPr>
              <a:t>Definition, licenstyper og tilgange</a:t>
            </a:r>
          </a:p>
        </p:txBody>
      </p:sp>
      <p:sp>
        <p:nvSpPr>
          <p:cNvPr id="7" name="Rectangle 6">
            <a:extLst>
              <a:ext uri="{FF2B5EF4-FFF2-40B4-BE49-F238E27FC236}">
                <a16:creationId xmlns:a16="http://schemas.microsoft.com/office/drawing/2014/main" id="{8B6E84BC-CA53-E042-E78D-782182CC35DE}"/>
              </a:ext>
            </a:extLst>
          </p:cNvPr>
          <p:cNvSpPr>
            <a:spLocks/>
          </p:cNvSpPr>
          <p:nvPr/>
        </p:nvSpPr>
        <p:spPr>
          <a:xfrm>
            <a:off x="552449" y="2331720"/>
            <a:ext cx="5300593" cy="409870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36000" tIns="45720" rIns="0" bIns="45720" rtlCol="0" anchor="ctr"/>
          <a:lstStyle/>
          <a:p>
            <a:endParaRPr lang="da-DK" sz="1100" b="1" noProof="0" dirty="0">
              <a:solidFill>
                <a:schemeClr val="tx1"/>
              </a:solidFill>
            </a:endParaRPr>
          </a:p>
          <a:p>
            <a:endParaRPr lang="da-DK" sz="1100" b="1" noProof="0" dirty="0">
              <a:solidFill>
                <a:schemeClr val="tx1"/>
              </a:solidFill>
            </a:endParaRPr>
          </a:p>
          <a:p>
            <a:r>
              <a:rPr lang="da-DK" sz="1100" b="1" noProof="0" dirty="0">
                <a:solidFill>
                  <a:schemeClr val="tx1"/>
                </a:solidFill>
              </a:rPr>
              <a:t>Definition: </a:t>
            </a:r>
            <a:r>
              <a:rPr lang="da-DK" sz="1100" noProof="0" dirty="0">
                <a:solidFill>
                  <a:schemeClr val="tx1"/>
                </a:solidFill>
              </a:rPr>
              <a:t>OSS er software udgivet under en licens, der giver enhver ret til at bruge, undersøge, ændre og dele softwaren og dens kildekode frit og til ethvert formål. Det kan give myndigheder mulighed for at anvende og tilpasse software efter egne behov, og frigøre myndighederne fra afhængigheder til it-produkter og leverandører.</a:t>
            </a:r>
            <a:br>
              <a:rPr lang="da-DK" sz="1100" noProof="0" dirty="0">
                <a:solidFill>
                  <a:schemeClr val="tx1"/>
                </a:solidFill>
              </a:rPr>
            </a:br>
            <a:endParaRPr lang="da-DK" sz="1100" b="1" noProof="0" dirty="0">
              <a:solidFill>
                <a:schemeClr val="tx1"/>
              </a:solidFill>
            </a:endParaRPr>
          </a:p>
          <a:p>
            <a:r>
              <a:rPr lang="da-DK" sz="1100" b="1" noProof="0" dirty="0">
                <a:solidFill>
                  <a:schemeClr val="tx1"/>
                </a:solidFill>
              </a:rPr>
              <a:t>Licenstyper: Copyleft-licenser</a:t>
            </a:r>
            <a:r>
              <a:rPr lang="da-DK" sz="1100" noProof="0" dirty="0">
                <a:solidFill>
                  <a:schemeClr val="tx1"/>
                </a:solidFill>
              </a:rPr>
              <a:t> har til formål at sikre, at softwaren forbliver åben – også hvis anvendere vælger at videreudvikle eller tilpasse koden. </a:t>
            </a:r>
            <a:r>
              <a:rPr lang="da-DK" sz="1100" b="1" noProof="0" dirty="0" err="1">
                <a:solidFill>
                  <a:schemeClr val="tx1"/>
                </a:solidFill>
              </a:rPr>
              <a:t>Permisssive</a:t>
            </a:r>
            <a:r>
              <a:rPr lang="da-DK" sz="1100" b="1" noProof="0" dirty="0">
                <a:solidFill>
                  <a:schemeClr val="tx1"/>
                </a:solidFill>
              </a:rPr>
              <a:t> licenser</a:t>
            </a:r>
            <a:r>
              <a:rPr lang="da-DK" sz="1100" noProof="0" dirty="0">
                <a:solidFill>
                  <a:schemeClr val="tx1"/>
                </a:solidFill>
              </a:rPr>
              <a:t> giver myndigheder, it-leverandører og andre aktører større handlerum, da software i de fleste tilfælde kan anvendes og videredistribueres, herunder indgå i proprietær software. </a:t>
            </a:r>
            <a:r>
              <a:rPr lang="da-DK" sz="1100" b="1" noProof="0" dirty="0" err="1">
                <a:solidFill>
                  <a:schemeClr val="tx1"/>
                </a:solidFill>
              </a:rPr>
              <a:t>Proprietære</a:t>
            </a:r>
            <a:r>
              <a:rPr lang="da-DK" sz="1100" b="1" noProof="0" dirty="0">
                <a:solidFill>
                  <a:schemeClr val="tx1"/>
                </a:solidFill>
              </a:rPr>
              <a:t> licenser</a:t>
            </a:r>
            <a:r>
              <a:rPr lang="da-DK" sz="1100" noProof="0" dirty="0">
                <a:solidFill>
                  <a:schemeClr val="tx1"/>
                </a:solidFill>
              </a:rPr>
              <a:t>, hvor brug, ændringer og videredistribution af software er begrænset til leverandørens vilkår.</a:t>
            </a:r>
          </a:p>
          <a:p>
            <a:endParaRPr lang="da-DK" sz="1100" noProof="0" dirty="0">
              <a:solidFill>
                <a:schemeClr val="tx1"/>
              </a:solidFill>
            </a:endParaRPr>
          </a:p>
          <a:p>
            <a:r>
              <a:rPr lang="da-DK" sz="1100" b="1" noProof="0" dirty="0">
                <a:solidFill>
                  <a:schemeClr val="tx1"/>
                </a:solidFill>
              </a:rPr>
              <a:t>Tilgange: </a:t>
            </a:r>
            <a:r>
              <a:rPr lang="da-DK" sz="1100" noProof="0" dirty="0">
                <a:solidFill>
                  <a:schemeClr val="tx1"/>
                </a:solidFill>
              </a:rPr>
              <a:t>OSS kan grundlæggende anvendes som en aktiv ressource, fx via leverandører, i myndighedernes it-portefølje (</a:t>
            </a:r>
            <a:r>
              <a:rPr lang="da-DK" sz="1100" noProof="0" dirty="0" err="1">
                <a:solidFill>
                  <a:schemeClr val="tx1"/>
                </a:solidFill>
              </a:rPr>
              <a:t>inbound</a:t>
            </a:r>
            <a:r>
              <a:rPr lang="da-DK" sz="1100" noProof="0" dirty="0">
                <a:solidFill>
                  <a:schemeClr val="tx1"/>
                </a:solidFill>
              </a:rPr>
              <a:t>) eller myndighederne kan aktivt bidrage til udviklingen af ny OSS, der kan anvendes af andre (</a:t>
            </a:r>
            <a:r>
              <a:rPr lang="da-DK" sz="1100" noProof="0" dirty="0" err="1">
                <a:solidFill>
                  <a:schemeClr val="tx1"/>
                </a:solidFill>
              </a:rPr>
              <a:t>outbound</a:t>
            </a:r>
            <a:r>
              <a:rPr lang="da-DK" sz="1100" noProof="0" dirty="0">
                <a:solidFill>
                  <a:schemeClr val="tx1"/>
                </a:solidFill>
              </a:rPr>
              <a:t>). </a:t>
            </a:r>
          </a:p>
          <a:p>
            <a:endParaRPr lang="da-DK" sz="1100" noProof="0" dirty="0">
              <a:solidFill>
                <a:schemeClr val="tx1"/>
              </a:solidFill>
            </a:endParaRPr>
          </a:p>
          <a:p>
            <a:r>
              <a:rPr lang="da-DK" sz="1100" b="1" noProof="0" dirty="0" err="1">
                <a:solidFill>
                  <a:schemeClr val="tx1"/>
                </a:solidFill>
              </a:rPr>
              <a:t>Governancemodeller</a:t>
            </a:r>
            <a:r>
              <a:rPr lang="da-DK" sz="1100" b="1" noProof="0" dirty="0">
                <a:solidFill>
                  <a:schemeClr val="tx1"/>
                </a:solidFill>
                <a:sym typeface="Wingdings" panose="05000000000000000000" pitchFamily="2" charset="2"/>
              </a:rPr>
              <a:t>: </a:t>
            </a:r>
            <a:r>
              <a:rPr lang="da-DK" sz="1100" noProof="0" dirty="0">
                <a:solidFill>
                  <a:schemeClr val="tx1"/>
                </a:solidFill>
                <a:sym typeface="Wingdings" panose="05000000000000000000" pitchFamily="2" charset="2"/>
              </a:rPr>
              <a:t>(1) Foundation-drevet OSS hvor nonprofitorganisationer driver softwaren og sikrer </a:t>
            </a:r>
            <a:r>
              <a:rPr lang="da-DK" sz="1100" noProof="0" dirty="0" err="1">
                <a:solidFill>
                  <a:schemeClr val="tx1"/>
                </a:solidFill>
                <a:sym typeface="Wingdings" panose="05000000000000000000" pitchFamily="2" charset="2"/>
              </a:rPr>
              <a:t>governance</a:t>
            </a:r>
            <a:r>
              <a:rPr lang="da-DK" sz="1100" noProof="0" dirty="0">
                <a:solidFill>
                  <a:schemeClr val="tx1"/>
                </a:solidFill>
                <a:sym typeface="Wingdings" panose="05000000000000000000" pitchFamily="2" charset="2"/>
              </a:rPr>
              <a:t>, fx Apache, OS2, (2) virksomhedsdrevet OSS hvor kommercielle virksomheder udvikler og vedligeholder softwaren, fx </a:t>
            </a:r>
            <a:r>
              <a:rPr lang="da-DK" sz="1100" noProof="0" dirty="0" err="1">
                <a:solidFill>
                  <a:schemeClr val="tx1"/>
                </a:solidFill>
                <a:sym typeface="Wingdings" panose="05000000000000000000" pitchFamily="2" charset="2"/>
              </a:rPr>
              <a:t>Nextcloud</a:t>
            </a:r>
            <a:r>
              <a:rPr lang="da-DK" sz="1100" noProof="0" dirty="0">
                <a:solidFill>
                  <a:schemeClr val="tx1"/>
                </a:solidFill>
                <a:sym typeface="Wingdings" panose="05000000000000000000" pitchFamily="2" charset="2"/>
              </a:rPr>
              <a:t>, (3) Konsortium/branchedrevet OSS hvor flere virksomheder samarbejder om at udvikle og vedligeholde software i partnerskaber og (4) Community-drevet OSS hvor softwaren er udviklet af enkeltpersoner eller frivillige fællesskaber uden en større organisation bag.</a:t>
            </a:r>
            <a:endParaRPr lang="da-DK" sz="1100" noProof="0" dirty="0">
              <a:solidFill>
                <a:schemeClr val="tx1"/>
              </a:solidFill>
            </a:endParaRPr>
          </a:p>
          <a:p>
            <a:endParaRPr lang="da-DK" sz="1100" noProof="0" dirty="0">
              <a:solidFill>
                <a:schemeClr val="tx1"/>
              </a:solidFill>
            </a:endParaRPr>
          </a:p>
          <a:p>
            <a:endParaRPr lang="da-DK" sz="1100" noProof="0" dirty="0">
              <a:solidFill>
                <a:schemeClr val="tx1"/>
              </a:solidFill>
            </a:endParaRPr>
          </a:p>
        </p:txBody>
      </p:sp>
      <p:sp>
        <p:nvSpPr>
          <p:cNvPr id="9" name="Round Same-side Corner of Rectangle 9">
            <a:extLst>
              <a:ext uri="{FF2B5EF4-FFF2-40B4-BE49-F238E27FC236}">
                <a16:creationId xmlns:a16="http://schemas.microsoft.com/office/drawing/2014/main" id="{F32921B8-F4A8-D601-1E38-54D30BE28376}"/>
              </a:ext>
            </a:extLst>
          </p:cNvPr>
          <p:cNvSpPr>
            <a:spLocks/>
          </p:cNvSpPr>
          <p:nvPr/>
        </p:nvSpPr>
        <p:spPr>
          <a:xfrm>
            <a:off x="6372482" y="2108199"/>
            <a:ext cx="5300593" cy="224476"/>
          </a:xfrm>
          <a:prstGeom prst="round2Same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1400" b="1" noProof="0" dirty="0">
                <a:solidFill>
                  <a:schemeClr val="bg1"/>
                </a:solidFill>
              </a:rPr>
              <a:t>Eksempler på brug af open source og forudsætninger</a:t>
            </a:r>
          </a:p>
        </p:txBody>
      </p:sp>
      <p:sp>
        <p:nvSpPr>
          <p:cNvPr id="10" name="Rectangle 9">
            <a:extLst>
              <a:ext uri="{FF2B5EF4-FFF2-40B4-BE49-F238E27FC236}">
                <a16:creationId xmlns:a16="http://schemas.microsoft.com/office/drawing/2014/main" id="{1B21897A-98D2-0E1F-0211-6F4BB9639AEB}"/>
              </a:ext>
            </a:extLst>
          </p:cNvPr>
          <p:cNvSpPr>
            <a:spLocks/>
          </p:cNvSpPr>
          <p:nvPr/>
        </p:nvSpPr>
        <p:spPr>
          <a:xfrm>
            <a:off x="6372482" y="2331720"/>
            <a:ext cx="5300593" cy="409870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da-DK" sz="1100" b="1" noProof="0" dirty="0">
                <a:solidFill>
                  <a:schemeClr val="tx1"/>
                </a:solidFill>
              </a:rPr>
              <a:t>Digitale løsninger: </a:t>
            </a:r>
            <a:r>
              <a:rPr lang="da-DK" sz="1100" noProof="0" dirty="0">
                <a:solidFill>
                  <a:schemeClr val="tx1"/>
                </a:solidFill>
              </a:rPr>
              <a:t>Fx kontorpakken </a:t>
            </a:r>
            <a:r>
              <a:rPr lang="da-DK" sz="1100" noProof="0" dirty="0" err="1">
                <a:solidFill>
                  <a:schemeClr val="tx1"/>
                </a:solidFill>
              </a:rPr>
              <a:t>LibreOffice</a:t>
            </a:r>
            <a:r>
              <a:rPr lang="da-DK" sz="1100" noProof="0" dirty="0">
                <a:solidFill>
                  <a:schemeClr val="tx1"/>
                </a:solidFill>
              </a:rPr>
              <a:t>, sikkerhedsløsningen OS2BorgerPC, samarbejdsplatformen Open-</a:t>
            </a:r>
            <a:r>
              <a:rPr lang="da-DK" sz="1100" noProof="0" dirty="0" err="1">
                <a:solidFill>
                  <a:schemeClr val="tx1"/>
                </a:solidFill>
              </a:rPr>
              <a:t>Xchange</a:t>
            </a:r>
            <a:r>
              <a:rPr lang="da-DK" sz="1100" noProof="0" dirty="0">
                <a:solidFill>
                  <a:schemeClr val="tx1"/>
                </a:solidFill>
              </a:rPr>
              <a:t> og Firefox-browsere. Det omfatter også it-udviklingsværktøjer, fx </a:t>
            </a:r>
            <a:r>
              <a:rPr lang="da-DK" sz="1100" noProof="0" dirty="0" err="1">
                <a:solidFill>
                  <a:schemeClr val="tx1"/>
                </a:solidFill>
              </a:rPr>
              <a:t>GitLab</a:t>
            </a:r>
            <a:r>
              <a:rPr lang="da-DK" sz="1100" noProof="0" dirty="0">
                <a:solidFill>
                  <a:schemeClr val="tx1"/>
                </a:solidFill>
              </a:rPr>
              <a:t> til at udvikle, teste, gemme og dele kode og digitale løsninger.</a:t>
            </a:r>
          </a:p>
          <a:p>
            <a:endParaRPr lang="da-DK" sz="1100" noProof="0" dirty="0">
              <a:solidFill>
                <a:schemeClr val="tx1"/>
              </a:solidFill>
            </a:endParaRPr>
          </a:p>
          <a:p>
            <a:r>
              <a:rPr lang="da-DK" sz="1100" b="1" noProof="0" dirty="0">
                <a:solidFill>
                  <a:schemeClr val="tx1"/>
                </a:solidFill>
              </a:rPr>
              <a:t>It-infrastruktur: </a:t>
            </a:r>
            <a:r>
              <a:rPr lang="da-DK" sz="1100" noProof="0" dirty="0">
                <a:solidFill>
                  <a:schemeClr val="tx1"/>
                </a:solidFill>
              </a:rPr>
              <a:t>Fx operativsystemer og virtualisering (Ubuntu, Red Hat Enterprise Linux) databaser (</a:t>
            </a:r>
            <a:r>
              <a:rPr lang="da-DK" sz="1100" noProof="0" dirty="0" err="1">
                <a:solidFill>
                  <a:schemeClr val="tx1"/>
                </a:solidFill>
              </a:rPr>
              <a:t>PostgreSQL</a:t>
            </a:r>
            <a:r>
              <a:rPr lang="da-DK" sz="1100" noProof="0" dirty="0">
                <a:solidFill>
                  <a:schemeClr val="tx1"/>
                </a:solidFill>
              </a:rPr>
              <a:t>, </a:t>
            </a:r>
            <a:r>
              <a:rPr lang="da-DK" sz="1100" noProof="0" dirty="0" err="1">
                <a:solidFill>
                  <a:schemeClr val="tx1"/>
                </a:solidFill>
              </a:rPr>
              <a:t>MariaDB</a:t>
            </a:r>
            <a:r>
              <a:rPr lang="da-DK" sz="1100" noProof="0" dirty="0">
                <a:solidFill>
                  <a:schemeClr val="tx1"/>
                </a:solidFill>
              </a:rPr>
              <a:t>) og netværk og load </a:t>
            </a:r>
            <a:r>
              <a:rPr lang="da-DK" sz="1100" noProof="0" dirty="0" err="1">
                <a:solidFill>
                  <a:schemeClr val="tx1"/>
                </a:solidFill>
              </a:rPr>
              <a:t>balancing</a:t>
            </a:r>
            <a:r>
              <a:rPr lang="da-DK" sz="1100" noProof="0" dirty="0">
                <a:solidFill>
                  <a:schemeClr val="tx1"/>
                </a:solidFill>
              </a:rPr>
              <a:t>* (</a:t>
            </a:r>
            <a:r>
              <a:rPr lang="da-DK" sz="1100" noProof="0" dirty="0" err="1">
                <a:solidFill>
                  <a:schemeClr val="tx1"/>
                </a:solidFill>
              </a:rPr>
              <a:t>Haproxy</a:t>
            </a:r>
            <a:r>
              <a:rPr lang="da-DK" sz="1100" noProof="0" dirty="0">
                <a:solidFill>
                  <a:schemeClr val="tx1"/>
                </a:solidFill>
              </a:rPr>
              <a:t>, </a:t>
            </a:r>
            <a:r>
              <a:rPr lang="da-DK" sz="1100" noProof="0" dirty="0" err="1">
                <a:solidFill>
                  <a:schemeClr val="tx1"/>
                </a:solidFill>
              </a:rPr>
              <a:t>Nginx</a:t>
            </a:r>
            <a:r>
              <a:rPr lang="da-DK" sz="1100" noProof="0" dirty="0">
                <a:solidFill>
                  <a:schemeClr val="tx1"/>
                </a:solidFill>
              </a:rPr>
              <a:t>).</a:t>
            </a:r>
          </a:p>
          <a:p>
            <a:endParaRPr lang="da-DK" sz="1100" noProof="0" dirty="0">
              <a:solidFill>
                <a:schemeClr val="tx1"/>
              </a:solidFill>
            </a:endParaRPr>
          </a:p>
          <a:p>
            <a:r>
              <a:rPr lang="da-DK" sz="1100" b="1" noProof="0" dirty="0">
                <a:solidFill>
                  <a:schemeClr val="tx1"/>
                </a:solidFill>
              </a:rPr>
              <a:t>Forudsætninger for brug af open source: </a:t>
            </a:r>
            <a:r>
              <a:rPr lang="da-DK" sz="1100" noProof="0" dirty="0">
                <a:solidFill>
                  <a:schemeClr val="tx1"/>
                </a:solidFill>
              </a:rPr>
              <a:t>De forskellige licenser, tilgange og </a:t>
            </a:r>
            <a:r>
              <a:rPr lang="da-DK" sz="1100" noProof="0" dirty="0" err="1">
                <a:solidFill>
                  <a:schemeClr val="tx1"/>
                </a:solidFill>
              </a:rPr>
              <a:t>governancemodeller</a:t>
            </a:r>
            <a:r>
              <a:rPr lang="da-DK" sz="1100" noProof="0" dirty="0">
                <a:solidFill>
                  <a:schemeClr val="tx1"/>
                </a:solidFill>
              </a:rPr>
              <a:t> stiller forskellige krav til myndighedernes kompetencer og investeringer i OSS. Nogle løsninger har dedikeret support og vedligehold, mens andre kræver udvikling og et større organisatorisk set-up, fx et open source </a:t>
            </a:r>
            <a:r>
              <a:rPr lang="da-DK" sz="1100" noProof="0" dirty="0" err="1">
                <a:solidFill>
                  <a:schemeClr val="tx1"/>
                </a:solidFill>
              </a:rPr>
              <a:t>programme</a:t>
            </a:r>
            <a:r>
              <a:rPr lang="da-DK" sz="1100" noProof="0" dirty="0">
                <a:solidFill>
                  <a:schemeClr val="tx1"/>
                </a:solidFill>
              </a:rPr>
              <a:t> </a:t>
            </a:r>
            <a:r>
              <a:rPr lang="da-DK" sz="1100" noProof="0" dirty="0" err="1">
                <a:solidFill>
                  <a:schemeClr val="tx1"/>
                </a:solidFill>
              </a:rPr>
              <a:t>office</a:t>
            </a:r>
            <a:r>
              <a:rPr lang="da-DK" sz="1100" noProof="0" dirty="0">
                <a:solidFill>
                  <a:schemeClr val="tx1"/>
                </a:solidFill>
              </a:rPr>
              <a:t> (OSPO). Der præsenteres konkrete eksempler på forskellig anvendelse af OSS i analysens kapitel 3 (case-beskrivelser).</a:t>
            </a:r>
          </a:p>
          <a:p>
            <a:endParaRPr lang="da-DK" sz="1100" noProof="0" dirty="0">
              <a:solidFill>
                <a:schemeClr val="tx1"/>
              </a:solidFill>
            </a:endParaRPr>
          </a:p>
          <a:p>
            <a:r>
              <a:rPr lang="da-DK" sz="1100" b="1" noProof="0" dirty="0">
                <a:solidFill>
                  <a:schemeClr val="tx1"/>
                </a:solidFill>
              </a:rPr>
              <a:t>Brugen af OSS i de danske myndigheder: </a:t>
            </a:r>
            <a:r>
              <a:rPr lang="da-DK" sz="1100" noProof="0" dirty="0">
                <a:solidFill>
                  <a:schemeClr val="tx1"/>
                </a:solidFill>
              </a:rPr>
              <a:t>Der er ikke fastlagt regler for brugen af OSS i den offentlige sektor, ligesom der ikke findes data på anvendelsen af OSS. Det er </a:t>
            </a:r>
            <a:r>
              <a:rPr lang="da-DK" sz="1100" noProof="0" dirty="0" err="1">
                <a:solidFill>
                  <a:schemeClr val="tx1"/>
                </a:solidFill>
              </a:rPr>
              <a:t>PA’s</a:t>
            </a:r>
            <a:r>
              <a:rPr lang="da-DK" sz="1100" noProof="0" dirty="0">
                <a:solidFill>
                  <a:schemeClr val="tx1"/>
                </a:solidFill>
              </a:rPr>
              <a:t> generelle indtryk, at størstedelen af de offentlige myndigheder ikke har en strategisk stillingtagen til OSS og primært anvender OSS situationsbestemt (ofte </a:t>
            </a:r>
            <a:r>
              <a:rPr lang="da-DK" sz="1100" noProof="0" dirty="0" err="1">
                <a:solidFill>
                  <a:schemeClr val="tx1"/>
                </a:solidFill>
              </a:rPr>
              <a:t>bottom</a:t>
            </a:r>
            <a:r>
              <a:rPr lang="da-DK" sz="1100" noProof="0" dirty="0">
                <a:solidFill>
                  <a:schemeClr val="tx1"/>
                </a:solidFill>
              </a:rPr>
              <a:t>-up) ud fra mere praktiske behov. I analysen præsenteres eksempler på frontløbere (Aarhus Kommune, OS2 og STIL). </a:t>
            </a:r>
          </a:p>
        </p:txBody>
      </p:sp>
      <p:sp>
        <p:nvSpPr>
          <p:cNvPr id="11" name="Free-form: Shape 1">
            <a:extLst>
              <a:ext uri="{FF2B5EF4-FFF2-40B4-BE49-F238E27FC236}">
                <a16:creationId xmlns:a16="http://schemas.microsoft.com/office/drawing/2014/main" id="{6F281BCA-1D3E-557B-0770-2483744B076E}"/>
              </a:ext>
              <a:ext uri="{C183D7F6-B498-43B3-948B-1728B52AA6E4}">
                <adec:decorative xmlns:adec="http://schemas.microsoft.com/office/drawing/2017/decorative" val="1"/>
              </a:ext>
            </a:extLst>
          </p:cNvPr>
          <p:cNvSpPr>
            <a:spLocks noChangeAspect="1"/>
          </p:cNvSpPr>
          <p:nvPr/>
        </p:nvSpPr>
        <p:spPr>
          <a:xfrm>
            <a:off x="5990552" y="4373056"/>
            <a:ext cx="214071" cy="357915"/>
          </a:xfrm>
          <a:custGeom>
            <a:avLst/>
            <a:gdLst>
              <a:gd name="connsiteX0" fmla="*/ 66878 w 70197"/>
              <a:gd name="connsiteY0" fmla="*/ 50373 h 117366"/>
              <a:gd name="connsiteX1" fmla="*/ 19030 w 70197"/>
              <a:gd name="connsiteY1" fmla="*/ 3218 h 117366"/>
              <a:gd name="connsiteX2" fmla="*/ 3218 w 70197"/>
              <a:gd name="connsiteY2" fmla="*/ 3333 h 117366"/>
              <a:gd name="connsiteX3" fmla="*/ 3333 w 70197"/>
              <a:gd name="connsiteY3" fmla="*/ 19145 h 117366"/>
              <a:gd name="connsiteX4" fmla="*/ 43452 w 70197"/>
              <a:gd name="connsiteY4" fmla="*/ 58683 h 117366"/>
              <a:gd name="connsiteX5" fmla="*/ 3333 w 70197"/>
              <a:gd name="connsiteY5" fmla="*/ 98221 h 117366"/>
              <a:gd name="connsiteX6" fmla="*/ 3218 w 70197"/>
              <a:gd name="connsiteY6" fmla="*/ 114033 h 117366"/>
              <a:gd name="connsiteX7" fmla="*/ 11182 w 70197"/>
              <a:gd name="connsiteY7" fmla="*/ 117367 h 117366"/>
              <a:gd name="connsiteX8" fmla="*/ 19030 w 70197"/>
              <a:gd name="connsiteY8" fmla="*/ 114149 h 117366"/>
              <a:gd name="connsiteX9" fmla="*/ 66878 w 70197"/>
              <a:gd name="connsiteY9" fmla="*/ 66993 h 117366"/>
              <a:gd name="connsiteX10" fmla="*/ 70192 w 70197"/>
              <a:gd name="connsiteY10" fmla="*/ 58683 h 117366"/>
              <a:gd name="connsiteX11" fmla="*/ 66878 w 70197"/>
              <a:gd name="connsiteY11" fmla="*/ 50373 h 117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0197" h="117366">
                <a:moveTo>
                  <a:pt x="66878" y="50373"/>
                </a:moveTo>
                <a:lnTo>
                  <a:pt x="19030" y="3218"/>
                </a:lnTo>
                <a:cubicBezTo>
                  <a:pt x="14630" y="-1116"/>
                  <a:pt x="7552" y="-1066"/>
                  <a:pt x="3218" y="3333"/>
                </a:cubicBezTo>
                <a:cubicBezTo>
                  <a:pt x="-1116" y="7733"/>
                  <a:pt x="-1066" y="14811"/>
                  <a:pt x="3333" y="19145"/>
                </a:cubicBezTo>
                <a:lnTo>
                  <a:pt x="43452" y="58683"/>
                </a:lnTo>
                <a:lnTo>
                  <a:pt x="3333" y="98221"/>
                </a:lnTo>
                <a:cubicBezTo>
                  <a:pt x="-1066" y="102555"/>
                  <a:pt x="-1116" y="109634"/>
                  <a:pt x="3218" y="114033"/>
                </a:cubicBezTo>
                <a:cubicBezTo>
                  <a:pt x="5404" y="116254"/>
                  <a:pt x="8295" y="117367"/>
                  <a:pt x="11182" y="117367"/>
                </a:cubicBezTo>
                <a:cubicBezTo>
                  <a:pt x="14068" y="117367"/>
                  <a:pt x="16851" y="116297"/>
                  <a:pt x="19030" y="114149"/>
                </a:cubicBezTo>
                <a:lnTo>
                  <a:pt x="66878" y="66993"/>
                </a:lnTo>
                <a:cubicBezTo>
                  <a:pt x="69187" y="64719"/>
                  <a:pt x="70284" y="61686"/>
                  <a:pt x="70192" y="58683"/>
                </a:cubicBezTo>
                <a:cubicBezTo>
                  <a:pt x="70284" y="55681"/>
                  <a:pt x="69187" y="52648"/>
                  <a:pt x="66878" y="50373"/>
                </a:cubicBezTo>
                <a:close/>
              </a:path>
            </a:pathLst>
          </a:custGeom>
          <a:solidFill>
            <a:srgbClr val="EE2F66"/>
          </a:solidFill>
          <a:ln w="0" cap="flat">
            <a:noFill/>
            <a:prstDash val="solid"/>
            <a:miter/>
          </a:ln>
        </p:spPr>
        <p:txBody>
          <a:bodyPr rtlCol="0" anchor="ctr"/>
          <a:lstStyle>
            <a:defPPr>
              <a:defRPr lang="en-US"/>
            </a:defPPr>
            <a:lvl1pPr marL="0" algn="l" defTabSz="1088838" rtl="0" eaLnBrk="1" latinLnBrk="0" hangingPunct="1">
              <a:defRPr sz="2143" kern="1200">
                <a:solidFill>
                  <a:schemeClr val="tx1"/>
                </a:solidFill>
                <a:latin typeface="+mn-lt"/>
                <a:ea typeface="+mn-ea"/>
                <a:cs typeface="+mn-cs"/>
              </a:defRPr>
            </a:lvl1pPr>
            <a:lvl2pPr marL="544419" algn="l" defTabSz="1088838" rtl="0" eaLnBrk="1" latinLnBrk="0" hangingPunct="1">
              <a:defRPr sz="2143" kern="1200">
                <a:solidFill>
                  <a:schemeClr val="tx1"/>
                </a:solidFill>
                <a:latin typeface="+mn-lt"/>
                <a:ea typeface="+mn-ea"/>
                <a:cs typeface="+mn-cs"/>
              </a:defRPr>
            </a:lvl2pPr>
            <a:lvl3pPr marL="1088838" algn="l" defTabSz="1088838" rtl="0" eaLnBrk="1" latinLnBrk="0" hangingPunct="1">
              <a:defRPr sz="2143" kern="1200">
                <a:solidFill>
                  <a:schemeClr val="tx1"/>
                </a:solidFill>
                <a:latin typeface="+mn-lt"/>
                <a:ea typeface="+mn-ea"/>
                <a:cs typeface="+mn-cs"/>
              </a:defRPr>
            </a:lvl3pPr>
            <a:lvl4pPr marL="1633257" algn="l" defTabSz="1088838" rtl="0" eaLnBrk="1" latinLnBrk="0" hangingPunct="1">
              <a:defRPr sz="2143" kern="1200">
                <a:solidFill>
                  <a:schemeClr val="tx1"/>
                </a:solidFill>
                <a:latin typeface="+mn-lt"/>
                <a:ea typeface="+mn-ea"/>
                <a:cs typeface="+mn-cs"/>
              </a:defRPr>
            </a:lvl4pPr>
            <a:lvl5pPr marL="2177676" algn="l" defTabSz="1088838" rtl="0" eaLnBrk="1" latinLnBrk="0" hangingPunct="1">
              <a:defRPr sz="2143" kern="1200">
                <a:solidFill>
                  <a:schemeClr val="tx1"/>
                </a:solidFill>
                <a:latin typeface="+mn-lt"/>
                <a:ea typeface="+mn-ea"/>
                <a:cs typeface="+mn-cs"/>
              </a:defRPr>
            </a:lvl5pPr>
            <a:lvl6pPr marL="2722095" algn="l" defTabSz="1088838" rtl="0" eaLnBrk="1" latinLnBrk="0" hangingPunct="1">
              <a:defRPr sz="2143" kern="1200">
                <a:solidFill>
                  <a:schemeClr val="tx1"/>
                </a:solidFill>
                <a:latin typeface="+mn-lt"/>
                <a:ea typeface="+mn-ea"/>
                <a:cs typeface="+mn-cs"/>
              </a:defRPr>
            </a:lvl6pPr>
            <a:lvl7pPr marL="3266513" algn="l" defTabSz="1088838" rtl="0" eaLnBrk="1" latinLnBrk="0" hangingPunct="1">
              <a:defRPr sz="2143" kern="1200">
                <a:solidFill>
                  <a:schemeClr val="tx1"/>
                </a:solidFill>
                <a:latin typeface="+mn-lt"/>
                <a:ea typeface="+mn-ea"/>
                <a:cs typeface="+mn-cs"/>
              </a:defRPr>
            </a:lvl7pPr>
            <a:lvl8pPr marL="3810932" algn="l" defTabSz="1088838" rtl="0" eaLnBrk="1" latinLnBrk="0" hangingPunct="1">
              <a:defRPr sz="2143" kern="1200">
                <a:solidFill>
                  <a:schemeClr val="tx1"/>
                </a:solidFill>
                <a:latin typeface="+mn-lt"/>
                <a:ea typeface="+mn-ea"/>
                <a:cs typeface="+mn-cs"/>
              </a:defRPr>
            </a:lvl8pPr>
            <a:lvl9pPr marL="4355351" algn="l" defTabSz="1088838" rtl="0" eaLnBrk="1" latinLnBrk="0" hangingPunct="1">
              <a:defRPr sz="2143" kern="1200">
                <a:solidFill>
                  <a:schemeClr val="tx1"/>
                </a:solidFill>
                <a:latin typeface="+mn-lt"/>
                <a:ea typeface="+mn-ea"/>
                <a:cs typeface="+mn-cs"/>
              </a:defRPr>
            </a:lvl9pPr>
          </a:lstStyle>
          <a:p>
            <a:endParaRPr lang="da-DK" sz="8166" noProof="0"/>
          </a:p>
        </p:txBody>
      </p:sp>
      <p:sp>
        <p:nvSpPr>
          <p:cNvPr id="2" name="TextBox 1">
            <a:extLst>
              <a:ext uri="{FF2B5EF4-FFF2-40B4-BE49-F238E27FC236}">
                <a16:creationId xmlns:a16="http://schemas.microsoft.com/office/drawing/2014/main" id="{8A4B0E53-9BD5-03F7-BDDD-36E57AE82039}"/>
              </a:ext>
            </a:extLst>
          </p:cNvPr>
          <p:cNvSpPr txBox="1"/>
          <p:nvPr/>
        </p:nvSpPr>
        <p:spPr>
          <a:xfrm>
            <a:off x="518040" y="6434761"/>
            <a:ext cx="11074397" cy="200055"/>
          </a:xfrm>
          <a:prstGeom prst="rect">
            <a:avLst/>
          </a:prstGeom>
          <a:noFill/>
        </p:spPr>
        <p:txBody>
          <a:bodyPr wrap="square">
            <a:spAutoFit/>
          </a:bodyPr>
          <a:lstStyle/>
          <a:p>
            <a:r>
              <a:rPr lang="da-DK" sz="700" i="1" noProof="0"/>
              <a:t>*Load </a:t>
            </a:r>
            <a:r>
              <a:rPr lang="da-DK" sz="700" i="1" noProof="0" dirty="0" err="1"/>
              <a:t>balancing</a:t>
            </a:r>
            <a:r>
              <a:rPr lang="da-DK" sz="700" i="1" noProof="0"/>
              <a:t> (lastbalancering) betyder at fordele netværks- eller computerressourcer (som data, strøm eller web-trafik) ligeligt over flere servere, </a:t>
            </a:r>
            <a:r>
              <a:rPr lang="da-DK" sz="700" i="1" noProof="0" dirty="0" err="1"/>
              <a:t>ladestandere</a:t>
            </a:r>
            <a:r>
              <a:rPr lang="da-DK" sz="700" i="1" noProof="0"/>
              <a:t> eller enheder for at forhindre overbelastning, forbedre ydeevne, sikkerhed og sikre kontinuerlig tilgængelighed.</a:t>
            </a:r>
          </a:p>
        </p:txBody>
      </p:sp>
    </p:spTree>
    <p:extLst>
      <p:ext uri="{BB962C8B-B14F-4D97-AF65-F5344CB8AC3E}">
        <p14:creationId xmlns:p14="http://schemas.microsoft.com/office/powerpoint/2010/main" val="3442482748"/>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BACKPAGEOFFICE" val="Global Innovation and Technology CentreBack LaneMelbournHertfordshireSG8 6DP+44 1763 261222"/>
  <p:tag name="BACKPAGEOFFICENAME" val="&lt;b&gt;Cambridge Office&#10;"/>
  <p:tag name="DISCARR" val="&lt;b&gt;All rights reserved&#10;&lt;b&gt;© PA Knowledge Limited 2022"/>
  <p:tag name="DISCPREP" val="This document has been prepared by PA Consulting Group. The contents of this document do not constitute any form of commitment or recommendation on the part of PA and speaks as at the date of publication."/>
  <p:tag name="DISCREPRO" val="No part of this documentation may be reproduced, stored in a retrieval system or transmitted in any form or by any means, electronic, mechanical or otherwise, without the prior written permission of PA Consulting Group."/>
  <p:tag name="SP_AGENDA" val="TOC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2.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4.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6.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8.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19.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COPPT1\AppData\Local\Templafy\AddIns\PowerPointVsto\ec2526f8-f96c-4980-9fb3-307205b61713.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COPPT1\AppData\Local\Templafy\AddIns\PowerPointVsto\246a3689-d290-49c8-9ed3-b5ace82f45af.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COPPT1\AppData\Local\Templafy\AddIns\PowerPointVsto\e495ed44-10e7-4d48-b84f-a287865c70e8.jpe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PACTZ\AppData\Local\Templafy\AddIns\PowerPointVsto\4d47e700-55de-45eb-aee4-a4ac9d3b50c4.jpeg"/>
</p:tagLst>
</file>

<file path=ppt/theme/theme1.xml><?xml version="1.0" encoding="utf-8"?>
<a:theme xmlns:a="http://schemas.openxmlformats.org/drawingml/2006/main" name="PA Consulting (New VI)">
  <a:themeElements>
    <a:clrScheme name="NEW VI Colours - PA">
      <a:dk1>
        <a:srgbClr val="000000"/>
      </a:dk1>
      <a:lt1>
        <a:srgbClr val="FFFFFF"/>
      </a:lt1>
      <a:dk2>
        <a:srgbClr val="CDECF2"/>
      </a:dk2>
      <a:lt2>
        <a:srgbClr val="0580A7"/>
      </a:lt2>
      <a:accent1>
        <a:srgbClr val="00172D"/>
      </a:accent1>
      <a:accent2>
        <a:srgbClr val="024D78"/>
      </a:accent2>
      <a:accent3>
        <a:srgbClr val="36465A"/>
      </a:accent3>
      <a:accent4>
        <a:srgbClr val="64778A"/>
      </a:accent4>
      <a:accent5>
        <a:srgbClr val="A2B3C9"/>
      </a:accent5>
      <a:accent6>
        <a:srgbClr val="E8ECF2"/>
      </a:accent6>
      <a:hlink>
        <a:srgbClr val="024D78"/>
      </a:hlink>
      <a:folHlink>
        <a:srgbClr val="A2B3C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sz="1400"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rtlCol="0">
        <a:noAutofit/>
      </a:bodyPr>
      <a:lstStyle>
        <a:defPPr>
          <a:defRPr sz="1100" dirty="0" err="1" smtClean="0"/>
        </a:defPPr>
      </a:lstStyle>
    </a:txDef>
  </a:objectDefaults>
  <a:extraClrSchemeLst/>
  <a:custClrLst>
    <a:custClr name="Aqua 01">
      <a:srgbClr val="CDECF2"/>
    </a:custClr>
    <a:custClr name="Grey 01">
      <a:srgbClr val="E8ECF2"/>
    </a:custClr>
    <a:custClr name="Lime 01">
      <a:srgbClr val="D5ECC8"/>
    </a:custClr>
    <a:custClr name="Apricot 01">
      <a:srgbClr val="FAECBD"/>
    </a:custClr>
    <a:custClr name="Rose 01">
      <a:srgbClr val="F3D3DC"/>
    </a:custClr>
    <a:custClr name="Blank">
      <a:srgbClr val="FFFFFF"/>
    </a:custClr>
    <a:custClr name="Blank">
      <a:srgbClr val="FFFFFF"/>
    </a:custClr>
    <a:custClr name="Blank">
      <a:srgbClr val="FFFFFF"/>
    </a:custClr>
    <a:custClr name="Error Red">
      <a:srgbClr val="CC1D63"/>
    </a:custClr>
    <a:custClr name="PA Ingenuity Red">
      <a:srgbClr val="F62B44"/>
    </a:custClr>
    <a:custClr name="Aqua 02">
      <a:srgbClr val="B7E5EE"/>
    </a:custClr>
    <a:custClr name="Grey 02">
      <a:srgbClr val="A2B3C9"/>
    </a:custClr>
    <a:custClr name="Lime 02">
      <a:srgbClr val="C0EFA5"/>
    </a:custClr>
    <a:custClr name="Apricot 02">
      <a:srgbClr val="FFE18E"/>
    </a:custClr>
    <a:custClr name="Rose 02">
      <a:srgbClr val="FFBECF"/>
    </a:custClr>
    <a:custClr name="Blank">
      <a:srgbClr val="FFFFFF"/>
    </a:custClr>
    <a:custClr name="Blank">
      <a:srgbClr val="FFFFFF"/>
    </a:custClr>
    <a:custClr name="Blank">
      <a:srgbClr val="FFFFFF"/>
    </a:custClr>
    <a:custClr name="Warning Amber">
      <a:srgbClr val="FF6C3B"/>
    </a:custClr>
    <a:custClr name="Logo Grey">
      <a:srgbClr val="7C8B9A"/>
    </a:custClr>
    <a:custClr name="Aqua 03">
      <a:srgbClr val="4AB9D3"/>
    </a:custClr>
    <a:custClr name="Grey 03">
      <a:srgbClr val="64778A"/>
    </a:custClr>
    <a:custClr name="Lime 03">
      <a:srgbClr val="6CBD3A"/>
    </a:custClr>
    <a:custClr name="Apricot 03">
      <a:srgbClr val="FFC000"/>
    </a:custClr>
    <a:custClr name="Rose 03">
      <a:srgbClr val="F3809E"/>
    </a:custClr>
    <a:custClr name="Blank">
      <a:srgbClr val="FFFFFF"/>
    </a:custClr>
    <a:custClr name="Blank">
      <a:srgbClr val="FFFFFF"/>
    </a:custClr>
    <a:custClr name="Blank">
      <a:srgbClr val="FFFFFF"/>
    </a:custClr>
    <a:custClr name="Success Green">
      <a:srgbClr val="008471"/>
    </a:custClr>
    <a:custClr name="Dark Blue">
      <a:srgbClr val="00172D"/>
    </a:custClr>
    <a:custClr name="Aqua 04">
      <a:srgbClr val="0580A7"/>
    </a:custClr>
    <a:custClr name="Grey 04">
      <a:srgbClr val="36465A"/>
    </a:custClr>
    <a:custClr name="Lime 04">
      <a:srgbClr val="2C8027"/>
    </a:custClr>
    <a:custClr name="Blank">
      <a:srgbClr val="FFFFFF"/>
    </a:custClr>
    <a:custClr name="Rose 04">
      <a:srgbClr val="EE2F66"/>
    </a:custClr>
    <a:custClr name="Blank">
      <a:srgbClr val="FFFFFF"/>
    </a:custClr>
    <a:custClr name="Blank">
      <a:srgbClr val="FFFFFF"/>
    </a:custClr>
    <a:custClr name="Blank">
      <a:srgbClr val="FFFFFF"/>
    </a:custClr>
    <a:custClr name="Blank">
      <a:srgbClr val="FFFFFF"/>
    </a:custClr>
    <a:custClr name="Blank">
      <a:srgbClr val="FFFFFF"/>
    </a:custClr>
    <a:custClr name="Aqua 05">
      <a:srgbClr val="024D78"/>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istinct":false,"hideIfNoUserInteractionRequired":false,"required":true,"defaultValue":"English (United Kingdom) (en-GB)","autoSelectFirstOption":false,"shareValue":true,"type":"dropDown","dataSourceName":"Languages","dataSourceFieldName":"Name","name":"Language","label":"Language"},{"distinct":false,"hideIfNoUserInteractionRequired":false,"required":true,"defaultValue":"Corporate HQ - 10 Bressenden","autoSelectFirstOption":false,"shareValue":true,"type":"dropDown","dataSourceName":"PA_Offices","dataSourceFieldName":"Name","name":"Office","label":"Office"},{"required":false,"placeholder":"","lines":2,"defaultValue":"Only add if Office is 'Custom'","shareValue":true,"type":"textBox","name":"CustomOffice","label":"Custom Office"},{"distinct":false,"hideIfNoUserInteractionRequired":false,"required":true,"defaultValue":"PA Confidential – Internal use only","autoSelectFirstOption":false,"shareValue":true,"type":"dropDown","dataSourceName":"PA_LegalStatements","dataSourceFieldName":"Statement","name":"LegalStatement","label":"Legal Statement"},{"required":false,"placeholder":"","lines":2,"defaultValue":"Only add if Legal Statement is ‘Confidential between PA and intended recipient’","shareValue":false,"type":"textBox","name":"Recipient","label":"Recipient"},{"distinct":false,"hideIfNoUserInteractionRequired":false,"required":true,"defaultValue":"Statements for internal documents","autoSelectFirstOption":false,"shareValue":true,"type":"dropDown","dataSourceName":"PA_Disclaimers","dataSourceFieldName":"FormName","name":"Disclaimer","label":"Disclaimer"},{"defaultValue":{"fixedValue":true},"shareValue":true,"type":"checkBox","name":"BrandText","label":"Back Page: Show brand text"}],"formDataEntries":[{"name":"Language","value":"D0K60Q9a1BMbgL+W41PYfIkMQPopOQCjv0xLpPiw7R0="},{"name":"Office","value":"xUB+U4iBeOWuqYMxeJRppfZfr0bmOckhxx9C/1nEncY="},{"name":"CustomOffice","value":"T3BypgvIsiGOwisDxHxrlDo6CsAqjvjpKSbXX7oznac="},{"name":"LegalStatement","value":"hL4EeW1jcFJjNKlAkSz+3fjclbIEbk2sVrUzNWd2gf0="},{"name":"Recipient","value":"7Y4hmhua3z+YHq5IsrFAX8BPzYs0OabW5veJ9wD3PGuDWLq2FojsoLWKxrS5f5PvWJqHfebBjyFYtRnDdk2ibyitok7MG/L9H3VQrZWxsPU="},{"name":"Disclaimer","value":"PgCiGM7N7Ems258OBwebw1jhsbYLVTgpi5VylVhG+sk="},{"name":"BrandText","value":"ZIFXoaIuuIq1bRnHha+Jrw=="}]}]]></Templafy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022177273742630","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4,"isValidatorEnabled":false,"isLocked":false,"elementsMetadata":[],"slideId":"638022066618717337","enableDocumentContentUpdater":false,"version":"2.0"}]]></TemplafySlide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2BFB6089E2FCF44B60FEA1CD128FE00" ma:contentTypeVersion="22" ma:contentTypeDescription="Create a new document." ma:contentTypeScope="" ma:versionID="da37fbedf164d3264eb93c730d0b5248">
  <xsd:schema xmlns:xsd="http://www.w3.org/2001/XMLSchema" xmlns:xs="http://www.w3.org/2001/XMLSchema" xmlns:p="http://schemas.microsoft.com/office/2006/metadata/properties" xmlns:ns1="http://schemas.microsoft.com/sharepoint/v3" xmlns:ns2="a765e530-f98c-4f6e-9fbc-638707f46e5e" xmlns:ns3="d788723c-0a58-4124-b497-41140803badd" targetNamespace="http://schemas.microsoft.com/office/2006/metadata/properties" ma:root="true" ma:fieldsID="9cc51b1bdfcde364cb9c049f2b206727" ns1:_="" ns2:_="" ns3:_="">
    <xsd:import namespace="http://schemas.microsoft.com/sharepoint/v3"/>
    <xsd:import namespace="a765e530-f98c-4f6e-9fbc-638707f46e5e"/>
    <xsd:import namespace="d788723c-0a58-4124-b497-41140803bad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1:_ip_UnifiedCompliancePolicyProperties" minOccurs="0"/>
                <xsd:element ref="ns1:_ip_UnifiedCompliancePolicyUIAction" minOccurs="0"/>
                <xsd:element ref="ns2:MediaServiceLocation"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element ref="ns2:Ansvarlig"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9" nillable="true" ma:displayName="Unified Compliance Policy Properties" ma:hidden="true" ma:internalName="_ip_UnifiedCompliancePolicyProperties">
      <xsd:simpleType>
        <xsd:restriction base="dms:Note"/>
      </xsd:simpleType>
    </xsd:element>
    <xsd:element name="_ip_UnifiedCompliancePolicyUIAction" ma:index="20"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765e530-f98c-4f6e-9fbc-638707f46e5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MediaServiceLocation" ma:index="21" nillable="true" ma:displayName="Location"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dc50227e-c313-4633-a131-4c0e9c1be02f"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6" nillable="true" ma:displayName="MediaServiceObjectDetectorVersions" ma:hidden="true" ma:indexed="true" ma:internalName="MediaServiceObjectDetectorVersions" ma:readOnly="true">
      <xsd:simpleType>
        <xsd:restriction base="dms:Text"/>
      </xsd:simpleType>
    </xsd:element>
    <xsd:element name="MediaServiceSearchProperties" ma:index="27" nillable="true" ma:displayName="MediaServiceSearchProperties" ma:hidden="true" ma:internalName="MediaServiceSearchProperties" ma:readOnly="true">
      <xsd:simpleType>
        <xsd:restriction base="dms:Note"/>
      </xsd:simpleType>
    </xsd:element>
    <xsd:element name="Ansvarlig" ma:index="28" nillable="true" ma:displayName="Ansvarlig" ma:format="Dropdown" ma:list="UserInfo" ma:SharePointGroup="0" ma:internalName="Ansvarlig">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BillingMetadata" ma:index="29"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788723c-0a58-4124-b497-41140803badd"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5" nillable="true" ma:displayName="Taxonomy Catch All Column" ma:hidden="true" ma:list="{dd3bb1da-828f-451d-a971-25994bcecf14}" ma:internalName="TaxCatchAll" ma:showField="CatchAllData" ma:web="d788723c-0a58-4124-b497-41140803bad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Ansvarlig xmlns="a765e530-f98c-4f6e-9fbc-638707f46e5e">
      <UserInfo>
        <DisplayName/>
        <AccountId xsi:nil="true"/>
        <AccountType/>
      </UserInfo>
    </Ansvarlig>
    <TaxCatchAll xmlns="d788723c-0a58-4124-b497-41140803badd" xsi:nil="true"/>
    <_ip_UnifiedCompliancePolicyProperties xmlns="http://schemas.microsoft.com/sharepoint/v3" xsi:nil="true"/>
    <lcf76f155ced4ddcb4097134ff3c332f xmlns="a765e530-f98c-4f6e-9fbc-638707f46e5e">
      <Terms xmlns="http://schemas.microsoft.com/office/infopath/2007/PartnerControls"/>
    </lcf76f155ced4ddcb4097134ff3c332f>
  </documentManagement>
</p:properties>
</file>

<file path=customXml/item4.xml><?xml version="1.0" encoding="utf-8"?>
<TemplafyTemplateConfiguration><![CDATA[{"elementsMetadata":[{"type":"shape","id":"9d744c65-131d-45ba-b6ad-16c0e43f7d56","elementConfiguration":{"binding":"{{IfElse(Equals(Form.LegalStatement.Statement, \"Confidential between PA and intended recipient (specify)\"), StringJoin(Form.LegalStatement.FooterText, \" \", Form.Recipient), Form.LegalStatement.FooterText)}}","type":"text","disableUpdates":false}},{"type":"shape","id":"137052e9-e3dd-4213-b36e-5b4c4b527c5c","elementConfiguration":{"binding":"{{IfElse(Equals(Form.LegalStatement.Statement, \"Confidential between PA and intended recipient (specify)\"), StringJoin(Form.LegalStatement.FooterText, \" \", Form.Recipient), Form.LegalStatement.FooterText)}}","type":"text","disableUpdates":false}},{"type":"shape","id":"dbcf818c-a86c-4754-bbce-3adc1dcdf9ef","elementConfiguration":{"binding":"{{IfElse(Equals(Form.LegalStatement.Statement, \"Confidential between PA and intended recipient (specify)\"), StringJoin(Form.LegalStatement.FooterText, \" \", Form.Recipient), Form.LegalStatement.FooterText)}}","type":"text","disableUpdates":false}},{"type":"shape","id":"53e7cf80-3dae-4815-8828-c3cadcba1c5c","elementConfiguration":{"binding":"{{IfElse(Equals(Form.LegalStatement.Statement, \"Confidential between PA and intended recipient (specify)\"), StringJoin(Form.LegalStatement.FooterText, \" \", Form.Recipient), Form.LegalStatement.FooterText)}}","type":"text","disableUpdates":false}},{"type":"shape","id":"879f66e4-540f-43d3-815c-ee0461cfb939","elementConfiguration":{"binding":"{{Form.Office.OfficeName}}","visibility":"{{IfElse(Equals(Form.Office.OfficeName, \"Custom\"), VisibilityType.Hidden, VisibilityType.Visible)}}","type":"text","disableUpdates":false}},{"type":"shape","id":"26b3648d-de9d-4701-aaa2-3aed752c9aee","elementConfiguration":{"binding":"{{Form.Disclaimer.Disclaimer1}}","type":"text","disableUpdates":false}},{"type":"shape","id":"61ca9983-2490-46ec-9dfb-59b5ede564e2","elementConfiguration":{"binding":"{{IfElse(Equals(Form.Disclaimer.Disclaimer2b, \"\"), Form.Disclaimer.Disclaimer2a, StringJoin(\"\", Form.Disclaimer.Disclaimer2a , IfElse(Equals(Form.Office.OfficeName, \"Custom\"), Form.CustomOffice, Form.Office.Address_Line), Form.Disclaimer.Disclaimer2b))}}","type":"text","disableUpdates":false}},{"type":"shape","id":"79413afe-5e89-4639-a7d1-9ada8e64d6b7","elementConfiguration":{"visibility":"{{IfElse(Form.BrandText, VisibilityType.Visible, VisibilityType.Hidden)}}","type":"text","disableUpdates":false}},{"type":"shape","id":"a342c253-05fa-429e-b450-f65e69f38240","elementConfiguration":{"binding":"{{IfElse(Equals(Form.Office.OfficeName, \"Custom\"), Form.CustomOffice, Form.Office.Address)}}","type":"text","disableUpdates":false}},{"type":"shape","id":"d902a427-7a12-46e8-88df-a237b255860f","elementConfiguration":{"binding":"{{IfElse(Equals(Form.LegalStatement.Statement, \"Confidential between PA and intended recipient (specify)\"), StringJoin(Form.LegalStatement.FooterText, \" \", Form.Recipient), Form.LegalStatement.FooterText)}}","type":"text","disableUpdates":false}},{"type":"shape","id":"4637c502-9277-44cf-9acc-451f086c11cd","elementConfiguration":{"binding":"{{IfElse(Equals(Form.LegalStatement.Statement, \"Confidential between PA and intended recipient (specify)\"), StringJoin(Form.LegalStatement.FooterText, \" \", Form.Recipient), Form.LegalStatement.FooterText)}}","type":"text","disableUpdates":false}},{"type":"shape","id":"8a7fe8e8-2679-4a58-921b-bb07151f8b6d","elementConfiguration":{"binding":"{{IfElse(Equals(Form.LegalStatement.Statement, \"Confidential between PA and intended recipient (specify)\"), StringJoin(Form.LegalStatement.FooterText, \" \", Form.Recipient), Form.LegalStatement.FooterText)}}","type":"text","disableUpdates":false}},{"type":"shape","id":"5312ccd1-8416-4684-b9f0-d6e349f3d2f7","elementConfiguration":{"binding":"{{IfElse(Equals(Form.LegalStatement.Statement, \"Confidential between PA and intended recipient (specify)\"), StringJoin(Form.LegalStatement.FooterText, \" \", Form.Recipient), Form.LegalStatement.FooterText)}}","type":"text","disableUpdates":false}},{"type":"shape","id":"4e7e0ce2-53c5-429b-854e-dd23c8ca7104","elementConfiguration":{"binding":"{{IfElse(Equals(Form.LegalStatement.Statement, \"Confidential between PA and intended recipient (specify)\"), StringJoin(Form.LegalStatement.FooterText, \" \", Form.Recipient), Form.LegalStatement.FooterText)}}","type":"text","disableUpdates":false}},{"type":"shape","id":"8fd1bd2f-ec5c-46e8-aa00-740acd93a648","elementConfiguration":{"binding":"{{IfElse(Equals(Form.LegalStatement.Statement, \"Confidential between PA and intended recipient (specify)\"), StringJoin(Form.LegalStatement.FooterText, \" \", Form.Recipient), Form.LegalStatement.FooterText)}}","type":"text","disableUpdates":false}}],"transformationConfigurations":[{"language":"{{Form.Language.Language}}","disableUpdates":false,"type":"proofingLanguage"}],"templateName":"Report/Presentation - Widescreen","templateDescription":"","enableDocumentContentUpdater":tru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TemplateConfiguration><![CDATA[{"slideVersion":4,"isValidatorEnabled":false,"isLocked":false,"elementsMetadata":[],"slideId":"638156853291708197","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021356060759433","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99AF617B-304E-4ADF-A13C-74A8CA5397AB}">
  <ds:schemaRefs/>
</ds:datastoreItem>
</file>

<file path=customXml/itemProps10.xml><?xml version="1.0" encoding="utf-8"?>
<ds:datastoreItem xmlns:ds="http://schemas.openxmlformats.org/officeDocument/2006/customXml" ds:itemID="{2EF1FD15-3A4E-4A82-852C-AFB6A1B36615}">
  <ds:schemaRefs/>
</ds:datastoreItem>
</file>

<file path=customXml/itemProps11.xml><?xml version="1.0" encoding="utf-8"?>
<ds:datastoreItem xmlns:ds="http://schemas.openxmlformats.org/officeDocument/2006/customXml" ds:itemID="{1D47C7F5-E11F-47B5-9783-23D4E84E8908}">
  <ds:schemaRefs/>
</ds:datastoreItem>
</file>

<file path=customXml/itemProps12.xml><?xml version="1.0" encoding="utf-8"?>
<ds:datastoreItem xmlns:ds="http://schemas.openxmlformats.org/officeDocument/2006/customXml" ds:itemID="{77BB3CBC-C6DC-4C93-B3FF-E67AB6E08023}">
  <ds:schemaRefs/>
</ds:datastoreItem>
</file>

<file path=customXml/itemProps13.xml><?xml version="1.0" encoding="utf-8"?>
<ds:datastoreItem xmlns:ds="http://schemas.openxmlformats.org/officeDocument/2006/customXml" ds:itemID="{94C9D9FB-5DBC-475A-B791-47D9EB117003}">
  <ds:schemaRefs/>
</ds:datastoreItem>
</file>

<file path=customXml/itemProps2.xml><?xml version="1.0" encoding="utf-8"?>
<ds:datastoreItem xmlns:ds="http://schemas.openxmlformats.org/officeDocument/2006/customXml" ds:itemID="{FD6570AB-E028-4B00-B8F1-42BB8B182FE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765e530-f98c-4f6e-9fbc-638707f46e5e"/>
    <ds:schemaRef ds:uri="d788723c-0a58-4124-b497-41140803bad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2F37764-A1A5-4629-9F55-4E89710990AD}">
  <ds:schemaRefs>
    <ds:schemaRef ds:uri="http://purl.org/dc/dcmitype/"/>
    <ds:schemaRef ds:uri="http://purl.org/dc/elements/1.1/"/>
    <ds:schemaRef ds:uri="http://purl.org/dc/term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 ds:uri="http://schemas.microsoft.com/office/2006/documentManagement/types"/>
    <ds:schemaRef ds:uri="d788723c-0a58-4124-b497-41140803badd"/>
    <ds:schemaRef ds:uri="a765e530-f98c-4f6e-9fbc-638707f46e5e"/>
    <ds:schemaRef ds:uri="http://schemas.microsoft.com/sharepoint/v3"/>
  </ds:schemaRefs>
</ds:datastoreItem>
</file>

<file path=customXml/itemProps4.xml><?xml version="1.0" encoding="utf-8"?>
<ds:datastoreItem xmlns:ds="http://schemas.openxmlformats.org/officeDocument/2006/customXml" ds:itemID="{E25464F9-9604-4FB1-ABBC-CCDD57267CB2}">
  <ds:schemaRefs/>
</ds:datastoreItem>
</file>

<file path=customXml/itemProps5.xml><?xml version="1.0" encoding="utf-8"?>
<ds:datastoreItem xmlns:ds="http://schemas.openxmlformats.org/officeDocument/2006/customXml" ds:itemID="{62DE9974-8D34-4E61-B14B-0E5A812D53DA}">
  <ds:schemaRefs>
    <ds:schemaRef ds:uri="http://schemas.microsoft.com/sharepoint/v3/contenttype/forms"/>
  </ds:schemaRefs>
</ds:datastoreItem>
</file>

<file path=customXml/itemProps6.xml><?xml version="1.0" encoding="utf-8"?>
<ds:datastoreItem xmlns:ds="http://schemas.openxmlformats.org/officeDocument/2006/customXml" ds:itemID="{F13F5E74-E126-4457-A05A-DF98C038F034}">
  <ds:schemaRefs/>
</ds:datastoreItem>
</file>

<file path=customXml/itemProps7.xml><?xml version="1.0" encoding="utf-8"?>
<ds:datastoreItem xmlns:ds="http://schemas.openxmlformats.org/officeDocument/2006/customXml" ds:itemID="{A9980492-71F2-4869-8ADB-8FE82DA81DEE}">
  <ds:schemaRefs/>
</ds:datastoreItem>
</file>

<file path=customXml/itemProps8.xml><?xml version="1.0" encoding="utf-8"?>
<ds:datastoreItem xmlns:ds="http://schemas.openxmlformats.org/officeDocument/2006/customXml" ds:itemID="{F5642D83-92C0-4837-9F95-586E2C88774F}">
  <ds:schemaRefs/>
</ds:datastoreItem>
</file>

<file path=customXml/itemProps9.xml><?xml version="1.0" encoding="utf-8"?>
<ds:datastoreItem xmlns:ds="http://schemas.openxmlformats.org/officeDocument/2006/customXml" ds:itemID="{68BC1DA4-5089-4757-B950-7C447C410ABD}">
  <ds:schemaRefs/>
</ds:datastoreItem>
</file>

<file path=docProps/app.xml><?xml version="1.0" encoding="utf-8"?>
<Properties xmlns="http://schemas.openxmlformats.org/officeDocument/2006/extended-properties" xmlns:vt="http://schemas.openxmlformats.org/officeDocument/2006/docPropsVTypes">
  <TotalTime>12685</TotalTime>
  <Words>16746</Words>
  <Application>Microsoft Office PowerPoint</Application>
  <PresentationFormat>Custom</PresentationFormat>
  <Paragraphs>1387</Paragraphs>
  <Slides>51</Slides>
  <Notes>38</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51</vt:i4>
      </vt:variant>
    </vt:vector>
  </HeadingPairs>
  <TitlesOfParts>
    <vt:vector size="59" baseType="lpstr">
      <vt:lpstr>Arial</vt:lpstr>
      <vt:lpstr>Calibri</vt:lpstr>
      <vt:lpstr>KBH Medium</vt:lpstr>
      <vt:lpstr>KBH Tekst</vt:lpstr>
      <vt:lpstr>Segoe UI</vt:lpstr>
      <vt:lpstr>Times New Roman</vt:lpstr>
      <vt:lpstr>Wingdings</vt:lpstr>
      <vt:lpstr>PA Consulting (New VI)</vt:lpstr>
      <vt:lpstr>Digital suverænitet i den offentlige sektor </vt:lpstr>
      <vt:lpstr>Analysens indhold og disponering </vt:lpstr>
      <vt:lpstr>Resumé</vt:lpstr>
      <vt:lpstr>Indledning og forståelsesramme Dette kapitel udfolder opgavens formål, baggrund og leverancer samt den grundlæggende forståelsesramme omkring digital suverænitet som begreb. Herudover introduceres en model over teknologistakken som en gennemgående analyseramme samt en forståelse af open source software.</vt:lpstr>
      <vt:lpstr>Formålet med analysen er at inspirere danske myndigheder til, hvordan en udvikling mod øget digital suverænitet kan se ud</vt:lpstr>
      <vt:lpstr>Analysen anlægger en forståelse af digital suverænitet, som primært knytter sig til udfordringer og handlemuligheder for de offentlige myndigheder i Danmark</vt:lpstr>
      <vt:lpstr>Analysen anvender en model over teknologistakken som en gennemgående forståelsesramme til at strukturere og beskrive både udfordringer og løsningsspor</vt:lpstr>
      <vt:lpstr>Det er et grundlæggende karakteristika, at Danmark er en lille nation med betydelige teknologiske afhængigheder – særligt til amerikanske leverandører og produkter</vt:lpstr>
      <vt:lpstr>Open source er et centralt begreb i analysen, og det er afgørende at skabe en tydelig forståelse af, hvad begrebet omfatter </vt:lpstr>
      <vt:lpstr>Udfordringsbillede Dette kapitel beskriver et samlet udfordringsbillede, som driver behovet for en øget grad af digital suverænitet hos danske myndigheder.   </vt:lpstr>
      <vt:lpstr>Introduktion til kapitel om udfordringsbillede</vt:lpstr>
      <vt:lpstr>Der er en række kerneudfordringer, som driver behovet for en øget grad af digital suverænitet hos danske myndigheder</vt:lpstr>
      <vt:lpstr>Udfordring 01 | Høj afhængighed af større leverandører og manglende konkurrence</vt:lpstr>
      <vt:lpstr>Udfordring 02 | Manglende kontrol og transparens over egne data</vt:lpstr>
      <vt:lpstr>Udfordring 03 | Begrænset kontrol og styring af digitale løsninger</vt:lpstr>
      <vt:lpstr>Udfordring 04 | Sårbarheder i den digitale forsyningssikkerhed</vt:lpstr>
      <vt:lpstr>Der er betydelige afhængigheder i hele teknologistakken, men kerneudfordringerne kommer til udtryk på forskellige måder i teknologistakkens lag</vt:lpstr>
      <vt:lpstr>Nøgleobservationer fra erfarings-opsamling Dette kapitel præsenterer en sammenfatning af de vigtigste observationer og læringer fra cases og interviews med videnspersoner.</vt:lpstr>
      <vt:lpstr>Introduktion til kapitlet om nøgleobservationer fra cases og interviews</vt:lpstr>
      <vt:lpstr>Analysen har belyst 15 cases som kan give inspiration til de danske myndigheder </vt:lpstr>
      <vt:lpstr>De identificerede cases har forskelligt fokus i teknologistakken</vt:lpstr>
      <vt:lpstr>Myndighedernes arbejde med digital suverænitet udspringer af et ønske om øget uafhængighed, øget kontrol og større digital valgfrihed </vt:lpstr>
      <vt:lpstr>Der kan opnås øget digital suverænitet gennem virkemidler som skaber transparens og robusthed</vt:lpstr>
      <vt:lpstr>Der kan opnås øget digital suverænitet gennem virkemidler som skaber forandring og handlekraft</vt:lpstr>
      <vt:lpstr>Digital suverænitet kræver omstilling og investeringer både teknologisk, organisatorisk og kompetencemæssigt</vt:lpstr>
      <vt:lpstr>PA’s forslag til løsningsspor</vt:lpstr>
      <vt:lpstr>Introduktion til kapitlet om løsningsspor</vt:lpstr>
      <vt:lpstr>PA har identificeret tre særligt relevante løsningsspor, som repræsenterer forskellige indsatser til at styrke myndighedernes digitale suverænitet</vt:lpstr>
      <vt:lpstr>PA foreslår 12 konkrete indsatser på tværs af de tre løsningsspor</vt:lpstr>
      <vt:lpstr>1.1 Analyse og risikovurdering af digitale løsninger </vt:lpstr>
      <vt:lpstr>1.2 Exit-strategier og beredskabsplaner</vt:lpstr>
      <vt:lpstr>1.3 Stærkere audit-mekanismer</vt:lpstr>
      <vt:lpstr>2.1 Markedsafdækning med danske it-leverandører </vt:lpstr>
      <vt:lpstr>2.2 Genbesøg af it- og arkitekturstrategier</vt:lpstr>
      <vt:lpstr>2.3 Fælles “suverænitetspakke” til offentlige it-udbud </vt:lpstr>
      <vt:lpstr>2.4 Fælles indkøb af suveræne cloud-ydelser </vt:lpstr>
      <vt:lpstr>3.1 Strategiske alliancer med europæiske lande</vt:lpstr>
      <vt:lpstr>3.2 Stærkere vidensgrundlag om digitalt suveræne løsninger</vt:lpstr>
      <vt:lpstr>3.3 Strategisk indkøbspulje til udviklingsprojekter</vt:lpstr>
      <vt:lpstr>3.4 Lokal transformationsenhed for digital suverænitet</vt:lpstr>
      <vt:lpstr> 3.5 Nationalt center for digital suverænitet og innovation</vt:lpstr>
      <vt:lpstr>PA anbefaler risikovurdering, krav til digital suverænitet, koordinerede cloud-indkøb og et nationalt udviklingscenter der kan sikre øget digital suverænitet og innovation (1/2)</vt:lpstr>
      <vt:lpstr>PA anbefaler risikovurdering, krav til digital suverænitet, koordinerede cloud-indkøb og et nationalt udviklingscenter der kan sikre øget digital suverænitet og innovation (2/2)</vt:lpstr>
      <vt:lpstr>Bilag </vt:lpstr>
      <vt:lpstr>PA’s fremgangsmåde i analysen </vt:lpstr>
      <vt:lpstr>Datagrundlag og fremgangsmåde ift. udarbejdelse af cases</vt:lpstr>
      <vt:lpstr>Overblik over anvendt kildemateriale (1/3)</vt:lpstr>
      <vt:lpstr>Overblik over anvendt kildemateriale (2/3)</vt:lpstr>
      <vt:lpstr>Overblik over anvendt kildemateriale (3/3)</vt:lpstr>
      <vt:lpstr>PA har interviewet en række relevante videnspersoner fra både offentlige og private aktører, herunder internationale profiler </vt:lpstr>
      <vt:lpstr>Afsluttende slide</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igital suverænitet i den offentlige sektor: Sammenfattende analyse af erfaringer og indsigter fra ind- og udland</dc:title>
  <dc:creator>Rasmus Korch</dc:creator>
  <cp:lastModifiedBy>Theis Ziegler</cp:lastModifiedBy>
  <cp:revision>1</cp:revision>
  <cp:lastPrinted>2025-10-30T14:06:19Z</cp:lastPrinted>
  <dcterms:created xsi:type="dcterms:W3CDTF">2025-10-14T13:14:19Z</dcterms:created>
  <dcterms:modified xsi:type="dcterms:W3CDTF">2026-03-27T08:54:4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gID">
    <vt:lpwstr>ENUK</vt:lpwstr>
  </property>
  <property fmtid="{D5CDD505-2E9C-101B-9397-08002B2CF9AE}" pid="3" name="PresTool">
    <vt:lpwstr>no</vt:lpwstr>
  </property>
  <property fmtid="{D5CDD505-2E9C-101B-9397-08002B2CF9AE}" pid="4" name="PresToolSplit">
    <vt:lpwstr>yes</vt:lpwstr>
  </property>
  <property fmtid="{D5CDD505-2E9C-101B-9397-08002B2CF9AE}" pid="5" name="Deck">
    <vt:lpwstr>C:\ProgramData\PA Apps\SPARK\PowerPoint\Decks\PA Report (UK English - Widescreen) [WS-ENUK].pptx</vt:lpwstr>
  </property>
  <property fmtid="{D5CDD505-2E9C-101B-9397-08002B2CF9AE}" pid="6" name="TempDeck">
    <vt:lpwstr>false</vt:lpwstr>
  </property>
  <property fmtid="{D5CDD505-2E9C-101B-9397-08002B2CF9AE}" pid="7" name="MS Version">
    <vt:lpwstr>1.0.6</vt:lpwstr>
  </property>
  <property fmtid="{D5CDD505-2E9C-101B-9397-08002B2CF9AE}" pid="8" name="TemplafyTimeStamp">
    <vt:lpwstr>2025-05-13T09:21:30</vt:lpwstr>
  </property>
  <property fmtid="{D5CDD505-2E9C-101B-9397-08002B2CF9AE}" pid="9" name="TemplafyTenantId">
    <vt:lpwstr>paconsulting</vt:lpwstr>
  </property>
  <property fmtid="{D5CDD505-2E9C-101B-9397-08002B2CF9AE}" pid="10" name="TemplafyTemplateId">
    <vt:lpwstr>638022066610017906</vt:lpwstr>
  </property>
  <property fmtid="{D5CDD505-2E9C-101B-9397-08002B2CF9AE}" pid="11" name="TemplafyUserProfileId">
    <vt:lpwstr>1246968679047888904</vt:lpwstr>
  </property>
  <property fmtid="{D5CDD505-2E9C-101B-9397-08002B2CF9AE}" pid="12" name="TemplafyFromBlank">
    <vt:bool>false</vt:bool>
  </property>
  <property fmtid="{D5CDD505-2E9C-101B-9397-08002B2CF9AE}" pid="13" name="ContentTypeId">
    <vt:lpwstr>0x01010092BFB6089E2FCF44B60FEA1CD128FE00</vt:lpwstr>
  </property>
  <property fmtid="{D5CDD505-2E9C-101B-9397-08002B2CF9AE}" pid="14" name="MediaServiceImageTags">
    <vt:lpwstr/>
  </property>
</Properties>
</file>